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9"/>
    <p:sldMasterId id="2147483911" r:id="rId10"/>
    <p:sldMasterId id="2147483941" r:id="rId11"/>
  </p:sldMasterIdLst>
  <p:notesMasterIdLst>
    <p:notesMasterId r:id="rId72"/>
  </p:notesMasterIdLst>
  <p:handoutMasterIdLst>
    <p:handoutMasterId r:id="rId73"/>
  </p:handoutMasterIdLst>
  <p:sldIdLst>
    <p:sldId id="3789" r:id="rId12"/>
    <p:sldId id="3877" r:id="rId13"/>
    <p:sldId id="3886" r:id="rId14"/>
    <p:sldId id="3891" r:id="rId15"/>
    <p:sldId id="3881" r:id="rId16"/>
    <p:sldId id="3776" r:id="rId17"/>
    <p:sldId id="3788" r:id="rId18"/>
    <p:sldId id="3900" r:id="rId19"/>
    <p:sldId id="2147468414" r:id="rId20"/>
    <p:sldId id="2147468409" r:id="rId21"/>
    <p:sldId id="2147468413" r:id="rId22"/>
    <p:sldId id="2147468410" r:id="rId23"/>
    <p:sldId id="2147468411" r:id="rId24"/>
    <p:sldId id="2147468412" r:id="rId25"/>
    <p:sldId id="3884" r:id="rId26"/>
    <p:sldId id="3885" r:id="rId27"/>
    <p:sldId id="3901" r:id="rId28"/>
    <p:sldId id="3890" r:id="rId29"/>
    <p:sldId id="3902" r:id="rId30"/>
    <p:sldId id="3909" r:id="rId31"/>
    <p:sldId id="3897" r:id="rId32"/>
    <p:sldId id="2147468389" r:id="rId33"/>
    <p:sldId id="2147468373" r:id="rId34"/>
    <p:sldId id="2147468374" r:id="rId35"/>
    <p:sldId id="2147468375" r:id="rId36"/>
    <p:sldId id="2147468376" r:id="rId37"/>
    <p:sldId id="2147468377" r:id="rId38"/>
    <p:sldId id="2147468378" r:id="rId39"/>
    <p:sldId id="2147468379" r:id="rId40"/>
    <p:sldId id="2147468380" r:id="rId41"/>
    <p:sldId id="2147468381" r:id="rId42"/>
    <p:sldId id="2147468383" r:id="rId43"/>
    <p:sldId id="2147468382" r:id="rId44"/>
    <p:sldId id="2147468406" r:id="rId45"/>
    <p:sldId id="2147468391" r:id="rId46"/>
    <p:sldId id="2147468390" r:id="rId47"/>
    <p:sldId id="2147468393" r:id="rId48"/>
    <p:sldId id="2147468394" r:id="rId49"/>
    <p:sldId id="2147468395" r:id="rId50"/>
    <p:sldId id="2147468396" r:id="rId51"/>
    <p:sldId id="2147468407" r:id="rId52"/>
    <p:sldId id="2147468384" r:id="rId53"/>
    <p:sldId id="2147468385" r:id="rId54"/>
    <p:sldId id="2147468386" r:id="rId55"/>
    <p:sldId id="2147468387" r:id="rId56"/>
    <p:sldId id="2147468388" r:id="rId57"/>
    <p:sldId id="2147468398" r:id="rId58"/>
    <p:sldId id="2147468397" r:id="rId59"/>
    <p:sldId id="2147468408" r:id="rId60"/>
    <p:sldId id="2147468399" r:id="rId61"/>
    <p:sldId id="2147468400" r:id="rId62"/>
    <p:sldId id="2147468401" r:id="rId63"/>
    <p:sldId id="2147468402" r:id="rId64"/>
    <p:sldId id="2147468403" r:id="rId65"/>
    <p:sldId id="2147468404" r:id="rId66"/>
    <p:sldId id="2147468405" r:id="rId67"/>
    <p:sldId id="3910" r:id="rId68"/>
    <p:sldId id="3839" r:id="rId69"/>
    <p:sldId id="3878" r:id="rId70"/>
    <p:sldId id="2147468372" r:id="rId71"/>
  </p:sldIdLst>
  <p:sldSz cx="12192000" cy="6858000"/>
  <p:notesSz cx="6858000" cy="9144000"/>
  <p:custDataLst>
    <p:tags r:id="rId74"/>
  </p:custDataLst>
  <p:defaultTextStyle>
    <a:defPPr>
      <a:defRPr lang="en-US"/>
    </a:defPPr>
    <a:lvl1pPr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1pPr>
    <a:lvl2pPr marL="4572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TON Amelia" initials="" lastIdx="95" clrIdx="0"/>
  <p:cmAuthor id="2" name="Melanie Francis" initials="" lastIdx="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8EC20E35-A176-4012-BC5E-935CFFF8708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327" autoAdjust="0"/>
  </p:normalViewPr>
  <p:slideViewPr>
    <p:cSldViewPr snapToGrid="0" snapToObjects="1">
      <p:cViewPr varScale="1">
        <p:scale>
          <a:sx n="114" d="100"/>
          <a:sy n="114" d="100"/>
        </p:scale>
        <p:origin x="414" y="10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9" Type="http://schemas.openxmlformats.org/officeDocument/2006/relationships/slide" Target="slides/slide28.xml"/><Relationship Id="rId21" Type="http://schemas.openxmlformats.org/officeDocument/2006/relationships/slide" Target="slides/slide10.xml"/><Relationship Id="rId34" Type="http://schemas.openxmlformats.org/officeDocument/2006/relationships/slide" Target="slides/slide23.xml"/><Relationship Id="rId42" Type="http://schemas.openxmlformats.org/officeDocument/2006/relationships/slide" Target="slides/slide31.xml"/><Relationship Id="rId47" Type="http://schemas.openxmlformats.org/officeDocument/2006/relationships/slide" Target="slides/slide36.xml"/><Relationship Id="rId50" Type="http://schemas.openxmlformats.org/officeDocument/2006/relationships/slide" Target="slides/slide39.xml"/><Relationship Id="rId55" Type="http://schemas.openxmlformats.org/officeDocument/2006/relationships/slide" Target="slides/slide44.xml"/><Relationship Id="rId63" Type="http://schemas.openxmlformats.org/officeDocument/2006/relationships/slide" Target="slides/slide52.xml"/><Relationship Id="rId68" Type="http://schemas.openxmlformats.org/officeDocument/2006/relationships/slide" Target="slides/slide57.xml"/><Relationship Id="rId76"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slide" Target="slides/slide60.xml"/><Relationship Id="rId2" Type="http://schemas.openxmlformats.org/officeDocument/2006/relationships/customXml" Target="../customXml/item2.xml"/><Relationship Id="rId16" Type="http://schemas.openxmlformats.org/officeDocument/2006/relationships/slide" Target="slides/slide5.xml"/><Relationship Id="rId29" Type="http://schemas.openxmlformats.org/officeDocument/2006/relationships/slide" Target="slides/slide18.xml"/><Relationship Id="rId11" Type="http://schemas.openxmlformats.org/officeDocument/2006/relationships/slideMaster" Target="slideMasters/slideMaster3.xml"/><Relationship Id="rId24" Type="http://schemas.openxmlformats.org/officeDocument/2006/relationships/slide" Target="slides/slide13.xml"/><Relationship Id="rId32" Type="http://schemas.openxmlformats.org/officeDocument/2006/relationships/slide" Target="slides/slide21.xml"/><Relationship Id="rId37" Type="http://schemas.openxmlformats.org/officeDocument/2006/relationships/slide" Target="slides/slide26.xml"/><Relationship Id="rId40" Type="http://schemas.openxmlformats.org/officeDocument/2006/relationships/slide" Target="slides/slide29.xml"/><Relationship Id="rId45" Type="http://schemas.openxmlformats.org/officeDocument/2006/relationships/slide" Target="slides/slide34.xml"/><Relationship Id="rId53" Type="http://schemas.openxmlformats.org/officeDocument/2006/relationships/slide" Target="slides/slide42.xml"/><Relationship Id="rId58" Type="http://schemas.openxmlformats.org/officeDocument/2006/relationships/slide" Target="slides/slide47.xml"/><Relationship Id="rId66" Type="http://schemas.openxmlformats.org/officeDocument/2006/relationships/slide" Target="slides/slide55.xml"/><Relationship Id="rId74" Type="http://schemas.openxmlformats.org/officeDocument/2006/relationships/tags" Target="tags/tag1.xml"/><Relationship Id="rId79"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slide" Target="slides/slide50.xml"/><Relationship Id="rId10" Type="http://schemas.openxmlformats.org/officeDocument/2006/relationships/slideMaster" Target="slideMasters/slideMaster2.xml"/><Relationship Id="rId19" Type="http://schemas.openxmlformats.org/officeDocument/2006/relationships/slide" Target="slides/slide8.xml"/><Relationship Id="rId31" Type="http://schemas.openxmlformats.org/officeDocument/2006/relationships/slide" Target="slides/slide20.xml"/><Relationship Id="rId44" Type="http://schemas.openxmlformats.org/officeDocument/2006/relationships/slide" Target="slides/slide33.xml"/><Relationship Id="rId52" Type="http://schemas.openxmlformats.org/officeDocument/2006/relationships/slide" Target="slides/slide41.xml"/><Relationship Id="rId60" Type="http://schemas.openxmlformats.org/officeDocument/2006/relationships/slide" Target="slides/slide49.xml"/><Relationship Id="rId65" Type="http://schemas.openxmlformats.org/officeDocument/2006/relationships/slide" Target="slides/slide54.xml"/><Relationship Id="rId73" Type="http://schemas.openxmlformats.org/officeDocument/2006/relationships/handoutMaster" Target="handoutMasters/handoutMaster1.xml"/><Relationship Id="rId78"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slide" Target="slides/slide19.xml"/><Relationship Id="rId35" Type="http://schemas.openxmlformats.org/officeDocument/2006/relationships/slide" Target="slides/slide24.xml"/><Relationship Id="rId43" Type="http://schemas.openxmlformats.org/officeDocument/2006/relationships/slide" Target="slides/slide32.xml"/><Relationship Id="rId48" Type="http://schemas.openxmlformats.org/officeDocument/2006/relationships/slide" Target="slides/slide37.xml"/><Relationship Id="rId56" Type="http://schemas.openxmlformats.org/officeDocument/2006/relationships/slide" Target="slides/slide45.xml"/><Relationship Id="rId64" Type="http://schemas.openxmlformats.org/officeDocument/2006/relationships/slide" Target="slides/slide53.xml"/><Relationship Id="rId69" Type="http://schemas.openxmlformats.org/officeDocument/2006/relationships/slide" Target="slides/slide58.xml"/><Relationship Id="rId77"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40.xml"/><Relationship Id="rId72" Type="http://schemas.openxmlformats.org/officeDocument/2006/relationships/notesMaster" Target="notesMasters/notesMaster1.xml"/><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slide" Target="slides/slide22.xml"/><Relationship Id="rId38" Type="http://schemas.openxmlformats.org/officeDocument/2006/relationships/slide" Target="slides/slide27.xml"/><Relationship Id="rId46" Type="http://schemas.openxmlformats.org/officeDocument/2006/relationships/slide" Target="slides/slide35.xml"/><Relationship Id="rId59" Type="http://schemas.openxmlformats.org/officeDocument/2006/relationships/slide" Target="slides/slide48.xml"/><Relationship Id="rId67" Type="http://schemas.openxmlformats.org/officeDocument/2006/relationships/slide" Target="slides/slide56.xml"/><Relationship Id="rId20" Type="http://schemas.openxmlformats.org/officeDocument/2006/relationships/slide" Target="slides/slide9.xml"/><Relationship Id="rId41" Type="http://schemas.openxmlformats.org/officeDocument/2006/relationships/slide" Target="slides/slide30.xml"/><Relationship Id="rId54" Type="http://schemas.openxmlformats.org/officeDocument/2006/relationships/slide" Target="slides/slide43.xml"/><Relationship Id="rId62" Type="http://schemas.openxmlformats.org/officeDocument/2006/relationships/slide" Target="slides/slide51.xml"/><Relationship Id="rId70" Type="http://schemas.openxmlformats.org/officeDocument/2006/relationships/slide" Target="slides/slide59.xml"/><Relationship Id="rId75" Type="http://schemas.openxmlformats.org/officeDocument/2006/relationships/commentAuthors" Target="commentAuthor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36" Type="http://schemas.openxmlformats.org/officeDocument/2006/relationships/slide" Target="slides/slide25.xml"/><Relationship Id="rId49" Type="http://schemas.openxmlformats.org/officeDocument/2006/relationships/slide" Target="slides/slide38.xml"/><Relationship Id="rId57" Type="http://schemas.openxmlformats.org/officeDocument/2006/relationships/slide" Target="slides/slide4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743D1D64-152D-8942-A291-AB8F19F1B68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18BC134E-4E25-8D4D-807E-B00F55B756B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EB44301A-4753-6645-97C6-72DF042616BE}" type="datetimeFigureOut">
              <a:rPr lang="en-US"/>
              <a:pPr>
                <a:defRPr/>
              </a:pPr>
              <a:t>7/24/2023</a:t>
            </a:fld>
            <a:endParaRPr lang="en-US"/>
          </a:p>
        </p:txBody>
      </p:sp>
      <p:sp>
        <p:nvSpPr>
          <p:cNvPr id="4" name="Footer Placeholder 3">
            <a:extLst>
              <a:ext uri="{FF2B5EF4-FFF2-40B4-BE49-F238E27FC236}">
                <a16:creationId xmlns:a16="http://schemas.microsoft.com/office/drawing/2014/main" id="{77FDA265-C8CA-8947-A51D-E437ED277DF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5" name="Slide Number Placeholder 4">
            <a:extLst>
              <a:ext uri="{FF2B5EF4-FFF2-40B4-BE49-F238E27FC236}">
                <a16:creationId xmlns:a16="http://schemas.microsoft.com/office/drawing/2014/main" id="{A24358D7-A3D0-2946-A0D9-C7223EED469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8522FD96-EF8C-2843-9DF9-9083BA6B759F}" type="slidenum">
              <a:rPr lang="en-US"/>
              <a:pPr>
                <a:defRPr/>
              </a:pPr>
              <a:t>‹#›</a:t>
            </a:fld>
            <a:endParaRPr lang="en-US"/>
          </a:p>
        </p:txBody>
      </p:sp>
    </p:spTree>
    <p:extLst>
      <p:ext uri="{BB962C8B-B14F-4D97-AF65-F5344CB8AC3E}">
        <p14:creationId xmlns:p14="http://schemas.microsoft.com/office/powerpoint/2010/main" val="1"/>
      </p:ext>
    </p:extLst>
  </p:cSld>
  <p:clrMap bg1="lt1" tx1="dk1" bg2="lt2" tx2="dk2" accent1="accent1" accent2="accent2" accent3="accent3" accent4="accent4" accent5="accent5" accent6="accent6" hlink="hlink" folHlink="folHlink"/>
  <p:hf hd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F0A3922-9F4F-B946-A8BC-758F14BC034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Date Placeholder 2">
            <a:extLst>
              <a:ext uri="{FF2B5EF4-FFF2-40B4-BE49-F238E27FC236}">
                <a16:creationId xmlns:a16="http://schemas.microsoft.com/office/drawing/2014/main" id="{24E4D5A0-8049-B042-84C2-2AB19B323862}"/>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694601CA-06AA-DC49-89FC-CB5FAD0BA10A}" type="datetimeFigureOut">
              <a:rPr lang="en-US"/>
              <a:pPr>
                <a:defRPr/>
              </a:pPr>
              <a:t>7/24/2023</a:t>
            </a:fld>
            <a:endParaRPr lang="en-US"/>
          </a:p>
        </p:txBody>
      </p:sp>
      <p:sp>
        <p:nvSpPr>
          <p:cNvPr id="4" name="Slide Image Placeholder 3">
            <a:extLst>
              <a:ext uri="{FF2B5EF4-FFF2-40B4-BE49-F238E27FC236}">
                <a16:creationId xmlns:a16="http://schemas.microsoft.com/office/drawing/2014/main" id="{E80FE5E0-7CE4-004A-826E-223847F808A2}"/>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en-US" noProof="0"/>
          </a:p>
        </p:txBody>
      </p:sp>
      <p:sp>
        <p:nvSpPr>
          <p:cNvPr id="5" name="Notes Placeholder 4">
            <a:extLst>
              <a:ext uri="{FF2B5EF4-FFF2-40B4-BE49-F238E27FC236}">
                <a16:creationId xmlns:a16="http://schemas.microsoft.com/office/drawing/2014/main" id="{3287BC48-C4F2-954C-A75C-23C3474C69C0}"/>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Footer Placeholder 5">
            <a:extLst>
              <a:ext uri="{FF2B5EF4-FFF2-40B4-BE49-F238E27FC236}">
                <a16:creationId xmlns:a16="http://schemas.microsoft.com/office/drawing/2014/main" id="{B03C2C33-BA07-A345-86C5-CC06852712BD}"/>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r>
              <a:rPr lang="en-US"/>
              <a:t>Confidential</a:t>
            </a:r>
          </a:p>
        </p:txBody>
      </p:sp>
      <p:sp>
        <p:nvSpPr>
          <p:cNvPr id="7" name="Slide Number Placeholder 6">
            <a:extLst>
              <a:ext uri="{FF2B5EF4-FFF2-40B4-BE49-F238E27FC236}">
                <a16:creationId xmlns:a16="http://schemas.microsoft.com/office/drawing/2014/main" id="{FF44561D-16D2-284A-A62D-2ED20BFEA588}"/>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EF9E43D-0595-554A-9483-79DE9C754639}" type="slidenum">
              <a:rPr lang="en-US"/>
              <a:pPr>
                <a:defRPr/>
              </a:pPr>
              <a:t>‹#›</a:t>
            </a:fld>
            <a:endParaRPr lang="en-US"/>
          </a:p>
        </p:txBody>
      </p:sp>
    </p:spTree>
  </p:cSld>
  <p:clrMap bg1="lt1" tx1="dk1" bg2="lt2" tx2="dk2" accent1="accent1" accent2="accent2" accent3="accent3" accent4="accent4" accent5="accent5" accent6="accent6" hlink="hlink" folHlink="folHlink"/>
  <p:hf hdr="0" dt="0"/>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E73DF677-B645-4642-A9A6-D3248F64B56B}" type="slidenum">
              <a:rPr lang="en-US" smtClean="0"/>
              <a:t>1</a:t>
            </a:fld>
            <a:endParaRPr lang="en-US"/>
          </a:p>
        </p:txBody>
      </p:sp>
    </p:spTree>
    <p:extLst>
      <p:ext uri="{BB962C8B-B14F-4D97-AF65-F5344CB8AC3E}">
        <p14:creationId xmlns:p14="http://schemas.microsoft.com/office/powerpoint/2010/main" val="157072406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000702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20200702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85554043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93300979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7003907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8288072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3242553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02527612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17960017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78668322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91708710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1418007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07493662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41238419"/>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6582401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4691551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164624895"/>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806486790"/>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158416250"/>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58914036"/>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1894301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65937443"/>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51298067"/>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18781768"/>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81490885"/>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05644740"/>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60589925"/>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274746255"/>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98021912"/>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15866829"/>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055173845"/>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8793823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03835024"/>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186825931"/>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034344581"/>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2447522"/>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237144371"/>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50530483"/>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140606424"/>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34146379"/>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020933360"/>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71509992"/>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0011923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28320973"/>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340263978"/>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52248988"/>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94790280"/>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73640187"/>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04222167"/>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15996445"/>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84439231"/>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rgbClr val="0382A3"/>
                </a:solidFill>
              </a:rPr>
              <a:t>Thank you.</a:t>
            </a:r>
          </a:p>
          <a:p>
            <a:endParaRPr lang="en-US" sz="1200" kern="1200" dirty="0">
              <a:solidFill>
                <a:schemeClr val="tx1"/>
              </a:solidFill>
              <a:effectLst/>
              <a:latin typeface="+mn-lt"/>
              <a:ea typeface="+mn-ea"/>
              <a:cs typeface="+mn-cs"/>
            </a:endParaRPr>
          </a:p>
        </p:txBody>
      </p:sp>
      <p:sp>
        <p:nvSpPr>
          <p:cNvPr id="4" name="Footer Placeholder 3"/>
          <p:cNvSpPr>
            <a:spLocks noGrp="1"/>
          </p:cNvSpPr>
          <p:nvPr>
            <p:ph type="ftr" sz="quarter" idx="4"/>
          </p:nvPr>
        </p:nvSpPr>
        <p:spPr>
          <a:xfrm>
            <a:off x="0" y="9428584"/>
            <a:ext cx="2945659" cy="498055"/>
          </a:xfrm>
          <a:prstGeom prst="rect">
            <a:avLst/>
          </a:prstGeo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Confidential</a:t>
            </a:r>
          </a:p>
        </p:txBody>
      </p:sp>
      <p:sp>
        <p:nvSpPr>
          <p:cNvPr id="5" name="Slide Number Placeholder 4"/>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B5857B-6BAE-944B-AAB1-ECC8570D134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0</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8585011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614195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9184883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64155917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73DF677-B645-4642-A9A6-D3248F64B56B}"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9442933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3.jpg"/><Relationship Id="rId1" Type="http://schemas.openxmlformats.org/officeDocument/2006/relationships/slideMaster" Target="../slideMasters/slideMaster1.xml"/><Relationship Id="rId4" Type="http://schemas.openxmlformats.org/officeDocument/2006/relationships/image" Target="../media/image12.jpe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 Id="rId4" Type="http://schemas.openxmlformats.org/officeDocument/2006/relationships/image" Target="../media/image16.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0.jpe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3.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24.png"/><Relationship Id="rId1" Type="http://schemas.openxmlformats.org/officeDocument/2006/relationships/slideMaster" Target="../slideMasters/slideMaster1.xml"/><Relationship Id="rId4" Type="http://schemas.openxmlformats.org/officeDocument/2006/relationships/image" Target="../media/image25.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jpeg"/><Relationship Id="rId1" Type="http://schemas.openxmlformats.org/officeDocument/2006/relationships/slideMaster" Target="../slideMasters/slideMaster2.xml"/><Relationship Id="rId4" Type="http://schemas.openxmlformats.org/officeDocument/2006/relationships/image" Target="../media/image27.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34.jpe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35.jpe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8.jpe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without Image">
    <p:spTree>
      <p:nvGrpSpPr>
        <p:cNvPr id="1" name=""/>
        <p:cNvGrpSpPr/>
        <p:nvPr/>
      </p:nvGrpSpPr>
      <p:grpSpPr>
        <a:xfrm>
          <a:off x="0" y="0"/>
          <a:ext cx="0" cy="0"/>
          <a:chOff x="0" y="0"/>
          <a:chExt cx="0" cy="0"/>
        </a:xfrm>
      </p:grpSpPr>
      <p:pic>
        <p:nvPicPr>
          <p:cNvPr id="4" name="Picture 3" descr="A close up of a logo&#10;&#10;Description automatically generated">
            <a:extLst>
              <a:ext uri="{FF2B5EF4-FFF2-40B4-BE49-F238E27FC236}">
                <a16:creationId xmlns:a16="http://schemas.microsoft.com/office/drawing/2014/main" id="{6A50D4A2-1A2F-0E4E-9E02-E126ADE611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353BA208-BAD1-404F-9D35-8BDC634DD4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7"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Tree>
    <p:extLst>
      <p:ext uri="{BB962C8B-B14F-4D97-AF65-F5344CB8AC3E}">
        <p14:creationId xmlns:p14="http://schemas.microsoft.com/office/powerpoint/2010/main" val="524791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Breaker 3 with Image">
    <p:spTree>
      <p:nvGrpSpPr>
        <p:cNvPr id="1" name=""/>
        <p:cNvGrpSpPr/>
        <p:nvPr/>
      </p:nvGrpSpPr>
      <p:grpSpPr>
        <a:xfrm>
          <a:off x="0" y="0"/>
          <a:ext cx="0" cy="0"/>
          <a:chOff x="0" y="0"/>
          <a:chExt cx="0" cy="0"/>
        </a:xfrm>
      </p:grpSpPr>
      <p:pic>
        <p:nvPicPr>
          <p:cNvPr id="3" name="Picture 2" descr="A picture containing kite, clear, day, bright&#10;&#10;Description automatically generated">
            <a:extLst>
              <a:ext uri="{FF2B5EF4-FFF2-40B4-BE49-F238E27FC236}">
                <a16:creationId xmlns:a16="http://schemas.microsoft.com/office/drawing/2014/main" id="{ED7D42D9-8E41-A046-A259-81D9AE783559}"/>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5241446"/>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1_HxGN MinePlan,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7F">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7F"/>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1757078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2_HxGN MineOperat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450">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450"/>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8282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3_HxGN MineProtect,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4C8B2B">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4C8B2B"/>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84346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4_HxGN MineMonitoring,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1825AA">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637953" y="6358356"/>
            <a:ext cx="12829953" cy="243830"/>
            <a:chOff x="3292094" y="228600"/>
            <a:chExt cx="12829953" cy="94031"/>
          </a:xfrm>
          <a:solidFill>
            <a:schemeClr val="accent3">
              <a:lumMod val="75000"/>
            </a:schemeClr>
          </a:solidFill>
        </p:grpSpPr>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2829952" cy="243830"/>
            <a:chOff x="0" y="228600"/>
            <a:chExt cx="12829952"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1825AA"/>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472933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1.875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1.875E-6 2.59259E-6 L 0.25 2.59259E-6 " pathEditMode="relative" rAng="0" ptsTypes="AA">
                                      <p:cBhvr>
                                        <p:cTn id="8" dur="15000" fill="hold"/>
                                        <p:tgtEl>
                                          <p:spTgt spid="32"/>
                                        </p:tgtEl>
                                        <p:attrNameLst>
                                          <p:attrName>ppt_x</p:attrName>
                                          <p:attrName>ppt_y</p:attrName>
                                        </p:attrNameLst>
                                      </p:cBhvr>
                                      <p:rCtr x="12500"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4_HxGN MineEnterprise,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rgbClr val="006068">
              <a:alpha val="33000"/>
            </a:srgb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solidFill>
              <a:srgbClr val="006068"/>
            </a:solid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0773400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3_Regional Slide 1">
    <p:bg>
      <p:bgPr>
        <a:solidFill>
          <a:schemeClr val="bg1">
            <a:lumMod val="95000"/>
          </a:schemeClr>
        </a:solidFill>
        <a:effectLst/>
      </p:bgPr>
    </p:bg>
    <p:spTree>
      <p:nvGrpSpPr>
        <p:cNvPr id="1" name=""/>
        <p:cNvGrpSpPr/>
        <p:nvPr/>
      </p:nvGrpSpPr>
      <p:grpSpPr>
        <a:xfrm>
          <a:off x="0" y="0"/>
          <a:ext cx="0" cy="0"/>
          <a:chOff x="0" y="0"/>
          <a:chExt cx="0" cy="0"/>
        </a:xfrm>
      </p:grpSpPr>
      <p:sp>
        <p:nvSpPr>
          <p:cNvPr id="6" name="Bottom Triangle">
            <a:extLst>
              <a:ext uri="{FF2B5EF4-FFF2-40B4-BE49-F238E27FC236}">
                <a16:creationId xmlns:a16="http://schemas.microsoft.com/office/drawing/2014/main" id="{F12D1DE3-319B-8B4A-8758-506E9BB4A605}"/>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Top Triangle">
            <a:extLst>
              <a:ext uri="{FF2B5EF4-FFF2-40B4-BE49-F238E27FC236}">
                <a16:creationId xmlns:a16="http://schemas.microsoft.com/office/drawing/2014/main" id="{B9F2A5F0-9877-BB4D-A43F-A0DF79503EDF}"/>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479893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5_Regional Slide 2">
    <p:bg>
      <p:bgPr>
        <a:solidFill>
          <a:schemeClr val="bg1">
            <a:lumMod val="95000"/>
          </a:schemeClr>
        </a:solidFill>
        <a:effectLst/>
      </p:bgPr>
    </p:bg>
    <p:spTree>
      <p:nvGrpSpPr>
        <p:cNvPr id="1" name=""/>
        <p:cNvGrpSpPr/>
        <p:nvPr/>
      </p:nvGrpSpPr>
      <p:grpSpPr>
        <a:xfrm>
          <a:off x="0" y="0"/>
          <a:ext cx="0" cy="0"/>
          <a:chOff x="0" y="0"/>
          <a:chExt cx="0" cy="0"/>
        </a:xfrm>
      </p:grpSpPr>
      <p:sp>
        <p:nvSpPr>
          <p:cNvPr id="32" name="Bottom Triangle">
            <a:extLst>
              <a:ext uri="{FF2B5EF4-FFF2-40B4-BE49-F238E27FC236}">
                <a16:creationId xmlns:a16="http://schemas.microsoft.com/office/drawing/2014/main" id="{331FC4DB-4647-5149-AF33-091D3DF3E170}"/>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3">
                  <a:alpha val="6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Top Triangle">
            <a:extLst>
              <a:ext uri="{FF2B5EF4-FFF2-40B4-BE49-F238E27FC236}">
                <a16:creationId xmlns:a16="http://schemas.microsoft.com/office/drawing/2014/main" id="{83909BB2-7D8F-4143-BA85-0978D83C2DAD}"/>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3">
                  <a:alpha val="78000"/>
                </a:schemeClr>
              </a:gs>
              <a:gs pos="10000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928099129"/>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Regional Slide 3">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0" name="Bottom Triangle">
            <a:extLst>
              <a:ext uri="{FF2B5EF4-FFF2-40B4-BE49-F238E27FC236}">
                <a16:creationId xmlns:a16="http://schemas.microsoft.com/office/drawing/2014/main" id="{1479B229-2CDB-0045-8EA7-56501E2ED7DA}"/>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Top Triangle">
            <a:extLst>
              <a:ext uri="{FF2B5EF4-FFF2-40B4-BE49-F238E27FC236}">
                <a16:creationId xmlns:a16="http://schemas.microsoft.com/office/drawing/2014/main" id="{71BCDD32-82C9-E541-89FD-17EB798A4226}"/>
              </a:ext>
            </a:extLst>
          </p:cNvPr>
          <p:cNvSpPr/>
          <p:nvPr userDrawn="1"/>
        </p:nvSpPr>
        <p:spPr>
          <a:xfrm rot="16200000" flipV="1">
            <a:off x="5638801" y="-5638799"/>
            <a:ext cx="914401" cy="12192000"/>
          </a:xfrm>
          <a:prstGeom prst="triangle">
            <a:avLst>
              <a:gd name="adj" fmla="val 100000"/>
            </a:avLst>
          </a:prstGeom>
          <a:gradFill flip="none" rotWithShape="1">
            <a:gsLst>
              <a:gs pos="19000">
                <a:schemeClr val="accent6"/>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504735287"/>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egional Slide 4">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64" name="Bottom Triangle">
            <a:extLst>
              <a:ext uri="{FF2B5EF4-FFF2-40B4-BE49-F238E27FC236}">
                <a16:creationId xmlns:a16="http://schemas.microsoft.com/office/drawing/2014/main" id="{56C2FB65-5BC8-EF48-A8AD-71F742BE20B4}"/>
              </a:ext>
            </a:extLst>
          </p:cNvPr>
          <p:cNvSpPr/>
          <p:nvPr userDrawn="1"/>
        </p:nvSpPr>
        <p:spPr>
          <a:xfrm rot="16200000" flipH="1">
            <a:off x="5638801" y="304799"/>
            <a:ext cx="914401" cy="12192000"/>
          </a:xfrm>
          <a:prstGeom prst="triangle">
            <a:avLst>
              <a:gd name="adj" fmla="val 100000"/>
            </a:avLst>
          </a:prstGeom>
          <a:gradFill flip="none" rotWithShape="1">
            <a:gsLst>
              <a:gs pos="19000">
                <a:schemeClr val="accent1">
                  <a:lumMod val="60000"/>
                  <a:lumOff val="40000"/>
                  <a:alpha val="73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Top Triangle">
            <a:extLst>
              <a:ext uri="{FF2B5EF4-FFF2-40B4-BE49-F238E27FC236}">
                <a16:creationId xmlns:a16="http://schemas.microsoft.com/office/drawing/2014/main" id="{CBCAAD98-6B31-DC40-9C62-07FDDBCA93C0}"/>
              </a:ext>
            </a:extLst>
          </p:cNvPr>
          <p:cNvSpPr/>
          <p:nvPr userDrawn="1"/>
        </p:nvSpPr>
        <p:spPr>
          <a:xfrm rot="16200000" flipV="1">
            <a:off x="5638801" y="-5638799"/>
            <a:ext cx="914401" cy="12192000"/>
          </a:xfrm>
          <a:prstGeom prst="triangle">
            <a:avLst>
              <a:gd name="adj" fmla="val 100000"/>
            </a:avLst>
          </a:prstGeom>
          <a:gradFill flip="none" rotWithShape="1">
            <a:gsLst>
              <a:gs pos="9000">
                <a:schemeClr val="accent1">
                  <a:lumMod val="60000"/>
                  <a:lumOff val="40000"/>
                  <a:alpha val="62000"/>
                </a:schemeClr>
              </a:gs>
              <a:gs pos="100000">
                <a:schemeClr val="accent1">
                  <a:lumMod val="75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76431091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Regional Slide 1,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8" name="MAP">
            <a:extLst>
              <a:ext uri="{FF2B5EF4-FFF2-40B4-BE49-F238E27FC236}">
                <a16:creationId xmlns:a16="http://schemas.microsoft.com/office/drawing/2014/main" id="{17FE9465-D676-E044-B1C3-710F9FD76C66}"/>
              </a:ext>
            </a:extLst>
          </p:cNvPr>
          <p:cNvGrpSpPr/>
          <p:nvPr userDrawn="1"/>
        </p:nvGrpSpPr>
        <p:grpSpPr>
          <a:xfrm>
            <a:off x="7096611" y="-13253"/>
            <a:ext cx="5143039" cy="6884506"/>
            <a:chOff x="7096611" y="-13253"/>
            <a:chExt cx="5143039" cy="6884506"/>
          </a:xfrm>
          <a:solidFill>
            <a:schemeClr val="accent5">
              <a:alpha val="33000"/>
            </a:schemeClr>
          </a:solidFill>
        </p:grpSpPr>
        <p:sp>
          <p:nvSpPr>
            <p:cNvPr id="9" name="Freeform: Shape 109">
              <a:extLst>
                <a:ext uri="{FF2B5EF4-FFF2-40B4-BE49-F238E27FC236}">
                  <a16:creationId xmlns:a16="http://schemas.microsoft.com/office/drawing/2014/main" id="{20BBA6B0-0261-454F-8F97-D3C8A9CE0260}"/>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0">
              <a:extLst>
                <a:ext uri="{FF2B5EF4-FFF2-40B4-BE49-F238E27FC236}">
                  <a16:creationId xmlns:a16="http://schemas.microsoft.com/office/drawing/2014/main" id="{F75E4D13-3E54-C849-B89A-10B0A20A556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3">
              <a:extLst>
                <a:ext uri="{FF2B5EF4-FFF2-40B4-BE49-F238E27FC236}">
                  <a16:creationId xmlns:a16="http://schemas.microsoft.com/office/drawing/2014/main" id="{6C43FF22-E000-5842-B695-A73414385C5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4">
              <a:extLst>
                <a:ext uri="{FF2B5EF4-FFF2-40B4-BE49-F238E27FC236}">
                  <a16:creationId xmlns:a16="http://schemas.microsoft.com/office/drawing/2014/main" id="{627D7940-7595-E94F-A3FB-87F9EEC5A68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6">
              <a:extLst>
                <a:ext uri="{FF2B5EF4-FFF2-40B4-BE49-F238E27FC236}">
                  <a16:creationId xmlns:a16="http://schemas.microsoft.com/office/drawing/2014/main" id="{DA1D1AF3-C2F6-AC4D-9FC5-0C8D6EE4BF5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8">
              <a:extLst>
                <a:ext uri="{FF2B5EF4-FFF2-40B4-BE49-F238E27FC236}">
                  <a16:creationId xmlns:a16="http://schemas.microsoft.com/office/drawing/2014/main" id="{C4A91916-0C7D-A245-8434-88FD63A50673}"/>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14">
              <a:extLst>
                <a:ext uri="{FF2B5EF4-FFF2-40B4-BE49-F238E27FC236}">
                  <a16:creationId xmlns:a16="http://schemas.microsoft.com/office/drawing/2014/main" id="{30B0DCC2-9168-8B42-B044-1EF3523176A8}"/>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15">
              <a:extLst>
                <a:ext uri="{FF2B5EF4-FFF2-40B4-BE49-F238E27FC236}">
                  <a16:creationId xmlns:a16="http://schemas.microsoft.com/office/drawing/2014/main" id="{F68FF1B3-64FF-164A-A0A2-B33FC9A49BF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16">
              <a:extLst>
                <a:ext uri="{FF2B5EF4-FFF2-40B4-BE49-F238E27FC236}">
                  <a16:creationId xmlns:a16="http://schemas.microsoft.com/office/drawing/2014/main" id="{896283FB-B37D-8F4F-B3F0-F7809AEEFFD5}"/>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17">
              <a:extLst>
                <a:ext uri="{FF2B5EF4-FFF2-40B4-BE49-F238E27FC236}">
                  <a16:creationId xmlns:a16="http://schemas.microsoft.com/office/drawing/2014/main" id="{AF2DFC6B-60E6-3F49-BE56-866296BEBFDF}"/>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18">
              <a:extLst>
                <a:ext uri="{FF2B5EF4-FFF2-40B4-BE49-F238E27FC236}">
                  <a16:creationId xmlns:a16="http://schemas.microsoft.com/office/drawing/2014/main" id="{71E5C7CA-335F-6F4D-9E62-04582C8CDBED}"/>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19">
              <a:extLst>
                <a:ext uri="{FF2B5EF4-FFF2-40B4-BE49-F238E27FC236}">
                  <a16:creationId xmlns:a16="http://schemas.microsoft.com/office/drawing/2014/main" id="{BC90A084-4F95-2246-9D7A-AD4ADBC95DB8}"/>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20">
              <a:extLst>
                <a:ext uri="{FF2B5EF4-FFF2-40B4-BE49-F238E27FC236}">
                  <a16:creationId xmlns:a16="http://schemas.microsoft.com/office/drawing/2014/main" id="{29ABF625-9BB0-BE43-A10F-FD33CC0232D5}"/>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21">
              <a:extLst>
                <a:ext uri="{FF2B5EF4-FFF2-40B4-BE49-F238E27FC236}">
                  <a16:creationId xmlns:a16="http://schemas.microsoft.com/office/drawing/2014/main" id="{8C90EE08-94C8-5F4C-B4D1-E490959AC2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22">
              <a:extLst>
                <a:ext uri="{FF2B5EF4-FFF2-40B4-BE49-F238E27FC236}">
                  <a16:creationId xmlns:a16="http://schemas.microsoft.com/office/drawing/2014/main" id="{5C2E49CF-A2BB-0944-B9B3-8EBE6881F9B7}"/>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23">
              <a:extLst>
                <a:ext uri="{FF2B5EF4-FFF2-40B4-BE49-F238E27FC236}">
                  <a16:creationId xmlns:a16="http://schemas.microsoft.com/office/drawing/2014/main" id="{E8F0345F-6DF0-F840-8E3C-1B8059A0DA2F}"/>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24">
              <a:extLst>
                <a:ext uri="{FF2B5EF4-FFF2-40B4-BE49-F238E27FC236}">
                  <a16:creationId xmlns:a16="http://schemas.microsoft.com/office/drawing/2014/main" id="{801737CD-F51B-B741-80A9-FE765B794BF0}"/>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25">
              <a:extLst>
                <a:ext uri="{FF2B5EF4-FFF2-40B4-BE49-F238E27FC236}">
                  <a16:creationId xmlns:a16="http://schemas.microsoft.com/office/drawing/2014/main" id="{A9D25856-A95B-BB42-B9B2-58821F9ABC2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26">
              <a:extLst>
                <a:ext uri="{FF2B5EF4-FFF2-40B4-BE49-F238E27FC236}">
                  <a16:creationId xmlns:a16="http://schemas.microsoft.com/office/drawing/2014/main" id="{22069AE7-A368-5049-B2DD-49F1F684A5C2}"/>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51">
              <a:extLst>
                <a:ext uri="{FF2B5EF4-FFF2-40B4-BE49-F238E27FC236}">
                  <a16:creationId xmlns:a16="http://schemas.microsoft.com/office/drawing/2014/main" id="{C3D54D99-B09C-E441-8C7D-F51FD695F47D}"/>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54">
              <a:extLst>
                <a:ext uri="{FF2B5EF4-FFF2-40B4-BE49-F238E27FC236}">
                  <a16:creationId xmlns:a16="http://schemas.microsoft.com/office/drawing/2014/main" id="{1FB6381D-6FFE-9443-A3A8-8C5DB105594E}"/>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A824A395-8AE3-4E44-9DBA-671BDD9CAA84}"/>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2E3CB31B-4880-5042-9D08-FD600A82BFBE}"/>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2" name="Bottom Row">
            <a:extLst>
              <a:ext uri="{FF2B5EF4-FFF2-40B4-BE49-F238E27FC236}">
                <a16:creationId xmlns:a16="http://schemas.microsoft.com/office/drawing/2014/main" id="{FD94F77F-3D1D-AA4F-8028-FF13C8298355}"/>
              </a:ext>
            </a:extLst>
          </p:cNvPr>
          <p:cNvGrpSpPr/>
          <p:nvPr userDrawn="1"/>
        </p:nvGrpSpPr>
        <p:grpSpPr>
          <a:xfrm>
            <a:off x="-3930047" y="6358356"/>
            <a:ext cx="16122047" cy="243830"/>
            <a:chOff x="0" y="228600"/>
            <a:chExt cx="16122047" cy="94031"/>
          </a:xfrm>
          <a:solidFill>
            <a:schemeClr val="accent3">
              <a:lumMod val="75000"/>
            </a:schemeClr>
          </a:solidFill>
        </p:grpSpPr>
        <p:sp>
          <p:nvSpPr>
            <p:cNvPr id="33" name="Freeform 32">
              <a:extLst>
                <a:ext uri="{FF2B5EF4-FFF2-40B4-BE49-F238E27FC236}">
                  <a16:creationId xmlns:a16="http://schemas.microsoft.com/office/drawing/2014/main" id="{5C157ACD-4A99-744D-B35A-1D49C1E9EC63}"/>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33">
              <a:extLst>
                <a:ext uri="{FF2B5EF4-FFF2-40B4-BE49-F238E27FC236}">
                  <a16:creationId xmlns:a16="http://schemas.microsoft.com/office/drawing/2014/main" id="{230363B5-1AC3-1C4A-809E-217831BE99CD}"/>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34">
              <a:extLst>
                <a:ext uri="{FF2B5EF4-FFF2-40B4-BE49-F238E27FC236}">
                  <a16:creationId xmlns:a16="http://schemas.microsoft.com/office/drawing/2014/main" id="{D9A05F04-50D6-304E-955B-1BCB87BE6F4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50B8FE08-EB4A-FD4C-A820-86A91FDA667F}"/>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AD6ACA62-2A0A-BB46-9418-C6A33D6989A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8" name="Top Row">
            <a:extLst>
              <a:ext uri="{FF2B5EF4-FFF2-40B4-BE49-F238E27FC236}">
                <a16:creationId xmlns:a16="http://schemas.microsoft.com/office/drawing/2014/main" id="{2FDEF469-82A4-E748-8150-9F55C3A5467B}"/>
              </a:ext>
            </a:extLst>
          </p:cNvPr>
          <p:cNvGrpSpPr/>
          <p:nvPr userDrawn="1"/>
        </p:nvGrpSpPr>
        <p:grpSpPr>
          <a:xfrm>
            <a:off x="0" y="255814"/>
            <a:ext cx="16122047" cy="243830"/>
            <a:chOff x="0" y="228600"/>
            <a:chExt cx="16122047" cy="94031"/>
          </a:xfrm>
          <a:solidFill>
            <a:schemeClr val="accent3">
              <a:lumMod val="75000"/>
            </a:schemeClr>
          </a:solidFill>
        </p:grpSpPr>
        <p:sp>
          <p:nvSpPr>
            <p:cNvPr id="39" name="Freeform 38">
              <a:extLst>
                <a:ext uri="{FF2B5EF4-FFF2-40B4-BE49-F238E27FC236}">
                  <a16:creationId xmlns:a16="http://schemas.microsoft.com/office/drawing/2014/main" id="{B2C77ED1-8DA1-254A-8047-86504C7F582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39">
              <a:extLst>
                <a:ext uri="{FF2B5EF4-FFF2-40B4-BE49-F238E27FC236}">
                  <a16:creationId xmlns:a16="http://schemas.microsoft.com/office/drawing/2014/main" id="{A1874B87-94CF-7747-9409-3FF9E11095CA}"/>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FF739925-74C9-DD48-B305-11909F2D626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C35F938D-ACD6-F949-AF00-7E8C3B45A167}"/>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F383424C-51A1-F74D-8EBE-8FCD900048AB}"/>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962530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3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2"/>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Breaker 3 with Image">
    <p:spTree>
      <p:nvGrpSpPr>
        <p:cNvPr id="1" name=""/>
        <p:cNvGrpSpPr/>
        <p:nvPr/>
      </p:nvGrpSpPr>
      <p:grpSpPr>
        <a:xfrm>
          <a:off x="0" y="0"/>
          <a:ext cx="0" cy="0"/>
          <a:chOff x="0" y="0"/>
          <a:chExt cx="0" cy="0"/>
        </a:xfrm>
      </p:grpSpPr>
      <p:pic>
        <p:nvPicPr>
          <p:cNvPr id="3" name="Picture 2" descr="Background pattern&#10;&#10;Description automatically generated">
            <a:extLst>
              <a:ext uri="{FF2B5EF4-FFF2-40B4-BE49-F238E27FC236}">
                <a16:creationId xmlns:a16="http://schemas.microsoft.com/office/drawing/2014/main" id="{8EB8D5A6-2BCA-D44F-9BF8-1D044ECECEE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436357070"/>
      </p:ext>
    </p:extLst>
  </p:cSld>
  <p:clrMapOvr>
    <a:masterClrMapping/>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Regional Slide 2,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34" name="TOPO MAP">
            <a:extLst>
              <a:ext uri="{FF2B5EF4-FFF2-40B4-BE49-F238E27FC236}">
                <a16:creationId xmlns:a16="http://schemas.microsoft.com/office/drawing/2014/main" id="{F2376EE4-70C7-D74F-96BE-BFF503A2E6E6}"/>
              </a:ext>
            </a:extLst>
          </p:cNvPr>
          <p:cNvGrpSpPr/>
          <p:nvPr userDrawn="1"/>
        </p:nvGrpSpPr>
        <p:grpSpPr>
          <a:xfrm>
            <a:off x="7096611" y="-13253"/>
            <a:ext cx="5143039" cy="6884506"/>
            <a:chOff x="7096611" y="-13253"/>
            <a:chExt cx="5143039" cy="6884506"/>
          </a:xfrm>
          <a:solidFill>
            <a:schemeClr val="accent1">
              <a:alpha val="37000"/>
            </a:schemeClr>
          </a:solidFill>
        </p:grpSpPr>
        <p:sp>
          <p:nvSpPr>
            <p:cNvPr id="35" name="Freeform: Shape 109">
              <a:extLst>
                <a:ext uri="{FF2B5EF4-FFF2-40B4-BE49-F238E27FC236}">
                  <a16:creationId xmlns:a16="http://schemas.microsoft.com/office/drawing/2014/main" id="{23A357B3-E8DE-4B42-8081-E0A43721E347}"/>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F561BBB5-126A-6C40-87A4-DEB3ABC1950C}"/>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3">
              <a:extLst>
                <a:ext uri="{FF2B5EF4-FFF2-40B4-BE49-F238E27FC236}">
                  <a16:creationId xmlns:a16="http://schemas.microsoft.com/office/drawing/2014/main" id="{B6B9DC87-1D86-A54A-937D-AB061A20AC23}"/>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4">
              <a:extLst>
                <a:ext uri="{FF2B5EF4-FFF2-40B4-BE49-F238E27FC236}">
                  <a16:creationId xmlns:a16="http://schemas.microsoft.com/office/drawing/2014/main" id="{541332B8-48C9-8B42-AFF8-4BB939E08719}"/>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5AC54630-18E3-DA4F-9572-7F7B8911C022}"/>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8">
              <a:extLst>
                <a:ext uri="{FF2B5EF4-FFF2-40B4-BE49-F238E27FC236}">
                  <a16:creationId xmlns:a16="http://schemas.microsoft.com/office/drawing/2014/main" id="{7620D8CC-7267-4C4D-8499-904A060C91D1}"/>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40">
              <a:extLst>
                <a:ext uri="{FF2B5EF4-FFF2-40B4-BE49-F238E27FC236}">
                  <a16:creationId xmlns:a16="http://schemas.microsoft.com/office/drawing/2014/main" id="{15A149B9-7876-6B41-B10C-6E05A75BCA3A}"/>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41">
              <a:extLst>
                <a:ext uri="{FF2B5EF4-FFF2-40B4-BE49-F238E27FC236}">
                  <a16:creationId xmlns:a16="http://schemas.microsoft.com/office/drawing/2014/main" id="{003AB246-0779-9F43-B1FD-CBAC54DAB972}"/>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42">
              <a:extLst>
                <a:ext uri="{FF2B5EF4-FFF2-40B4-BE49-F238E27FC236}">
                  <a16:creationId xmlns:a16="http://schemas.microsoft.com/office/drawing/2014/main" id="{9E1B8E9A-E496-E742-92A8-62FA534B9DE6}"/>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43">
              <a:extLst>
                <a:ext uri="{FF2B5EF4-FFF2-40B4-BE49-F238E27FC236}">
                  <a16:creationId xmlns:a16="http://schemas.microsoft.com/office/drawing/2014/main" id="{AFFCF7DF-F170-D048-897B-2EA942034D6D}"/>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44">
              <a:extLst>
                <a:ext uri="{FF2B5EF4-FFF2-40B4-BE49-F238E27FC236}">
                  <a16:creationId xmlns:a16="http://schemas.microsoft.com/office/drawing/2014/main" id="{72B22490-4D33-1848-82CA-F3FB5DD31B07}"/>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45">
              <a:extLst>
                <a:ext uri="{FF2B5EF4-FFF2-40B4-BE49-F238E27FC236}">
                  <a16:creationId xmlns:a16="http://schemas.microsoft.com/office/drawing/2014/main" id="{DE0FB6A8-2EDC-6F41-B268-031EBD93B9EB}"/>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FDAAC8AE-6E6B-DF42-B034-04BFDF667453}"/>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E7A3C20B-BF9B-2B48-9402-9348DAD4D681}"/>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321145D8-D39A-244F-BFAD-860FE0130A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CEFC3561-1327-A34C-80DE-D92152B2B24A}"/>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5EC192CC-D55A-1341-9902-8A10401DB69E}"/>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800F28E0-15BD-6343-B45D-4C51EBEF223E}"/>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9A357EA2-C5DF-294E-87D2-BDEFACB05426}"/>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51">
              <a:extLst>
                <a:ext uri="{FF2B5EF4-FFF2-40B4-BE49-F238E27FC236}">
                  <a16:creationId xmlns:a16="http://schemas.microsoft.com/office/drawing/2014/main" id="{5208AF96-3E5C-794B-AEF3-B60F0700BA09}"/>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54">
              <a:extLst>
                <a:ext uri="{FF2B5EF4-FFF2-40B4-BE49-F238E27FC236}">
                  <a16:creationId xmlns:a16="http://schemas.microsoft.com/office/drawing/2014/main" id="{5BF028FF-569A-6442-962F-71FB72FFDA3A}"/>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50021EF0-53C5-1641-A5E8-862965EF1E29}"/>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4D72AE35-E2F7-3E45-A231-CEE2407EADC3}"/>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Bottom Row">
            <a:extLst>
              <a:ext uri="{FF2B5EF4-FFF2-40B4-BE49-F238E27FC236}">
                <a16:creationId xmlns:a16="http://schemas.microsoft.com/office/drawing/2014/main" id="{A639B2AF-926E-4A49-9C92-A4EC4D43F08A}"/>
              </a:ext>
            </a:extLst>
          </p:cNvPr>
          <p:cNvGrpSpPr/>
          <p:nvPr userDrawn="1"/>
        </p:nvGrpSpPr>
        <p:grpSpPr>
          <a:xfrm>
            <a:off x="0" y="255814"/>
            <a:ext cx="16122047" cy="243830"/>
            <a:chOff x="0" y="228600"/>
            <a:chExt cx="16122047" cy="94031"/>
          </a:xfrm>
          <a:solidFill>
            <a:schemeClr val="accent1"/>
          </a:solidFill>
        </p:grpSpPr>
        <p:sp>
          <p:nvSpPr>
            <p:cNvPr id="29" name="Freeform 28">
              <a:extLst>
                <a:ext uri="{FF2B5EF4-FFF2-40B4-BE49-F238E27FC236}">
                  <a16:creationId xmlns:a16="http://schemas.microsoft.com/office/drawing/2014/main" id="{A2EAA582-2FFF-7142-BA99-CDE9483D9160}"/>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6F950DA2-BD39-D64F-A4BA-00E7F2C890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E0A6BCB-FC66-194F-985B-4EE6710E9C50}"/>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AAC49BF2-0A37-824D-82AE-F17614AC05E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75B6D089-C9D4-5D46-9B65-72826E21924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60" name="Top Row">
            <a:extLst>
              <a:ext uri="{FF2B5EF4-FFF2-40B4-BE49-F238E27FC236}">
                <a16:creationId xmlns:a16="http://schemas.microsoft.com/office/drawing/2014/main" id="{D83B1803-C505-9A40-BAA7-8A36D313F066}"/>
              </a:ext>
            </a:extLst>
          </p:cNvPr>
          <p:cNvGrpSpPr/>
          <p:nvPr userDrawn="1"/>
        </p:nvGrpSpPr>
        <p:grpSpPr>
          <a:xfrm>
            <a:off x="-3930047" y="6358356"/>
            <a:ext cx="16122047" cy="243830"/>
            <a:chOff x="0" y="228600"/>
            <a:chExt cx="16122047" cy="94031"/>
          </a:xfrm>
          <a:solidFill>
            <a:schemeClr val="accent1"/>
          </a:solidFill>
        </p:grpSpPr>
        <p:sp>
          <p:nvSpPr>
            <p:cNvPr id="61" name="Freeform 60">
              <a:extLst>
                <a:ext uri="{FF2B5EF4-FFF2-40B4-BE49-F238E27FC236}">
                  <a16:creationId xmlns:a16="http://schemas.microsoft.com/office/drawing/2014/main" id="{EDF77E8C-62A5-5A47-B561-02E43F05102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05CF519F-E069-094C-B81E-F76D2E5FE253}"/>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ABA1D7BF-C545-554F-B737-F7DE6D37E39A}"/>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63">
              <a:extLst>
                <a:ext uri="{FF2B5EF4-FFF2-40B4-BE49-F238E27FC236}">
                  <a16:creationId xmlns:a16="http://schemas.microsoft.com/office/drawing/2014/main" id="{F0AD4093-BC8E-5944-896A-FEEDD92925F2}"/>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64">
              <a:extLst>
                <a:ext uri="{FF2B5EF4-FFF2-40B4-BE49-F238E27FC236}">
                  <a16:creationId xmlns:a16="http://schemas.microsoft.com/office/drawing/2014/main" id="{6A71ACEF-1B05-1446-B9BE-67CA436969CF}"/>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0919365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60"/>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Regional Slide 3,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66" name="TOPO MAP">
            <a:extLst>
              <a:ext uri="{FF2B5EF4-FFF2-40B4-BE49-F238E27FC236}">
                <a16:creationId xmlns:a16="http://schemas.microsoft.com/office/drawing/2014/main" id="{4E62B7A5-F600-7443-80D5-F3D141876B93}"/>
              </a:ext>
            </a:extLst>
          </p:cNvPr>
          <p:cNvGrpSpPr/>
          <p:nvPr userDrawn="1"/>
        </p:nvGrpSpPr>
        <p:grpSpPr>
          <a:xfrm>
            <a:off x="7096611" y="-13253"/>
            <a:ext cx="5143039" cy="6884506"/>
            <a:chOff x="7096611" y="-13253"/>
            <a:chExt cx="5143039" cy="6884506"/>
          </a:xfrm>
          <a:solidFill>
            <a:schemeClr val="accent6">
              <a:alpha val="37000"/>
            </a:schemeClr>
          </a:solidFill>
        </p:grpSpPr>
        <p:sp>
          <p:nvSpPr>
            <p:cNvPr id="67" name="Freeform: Shape 109">
              <a:extLst>
                <a:ext uri="{FF2B5EF4-FFF2-40B4-BE49-F238E27FC236}">
                  <a16:creationId xmlns:a16="http://schemas.microsoft.com/office/drawing/2014/main" id="{9A0F067B-9F91-7249-AA9E-59C9C8EC2F51}"/>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10">
              <a:extLst>
                <a:ext uri="{FF2B5EF4-FFF2-40B4-BE49-F238E27FC236}">
                  <a16:creationId xmlns:a16="http://schemas.microsoft.com/office/drawing/2014/main" id="{2EEC1300-5D9E-0B4A-AB73-ACBF7A3127C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13">
              <a:extLst>
                <a:ext uri="{FF2B5EF4-FFF2-40B4-BE49-F238E27FC236}">
                  <a16:creationId xmlns:a16="http://schemas.microsoft.com/office/drawing/2014/main" id="{3735DE86-C6C2-5940-B94A-B24749F32AE1}"/>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14">
              <a:extLst>
                <a:ext uri="{FF2B5EF4-FFF2-40B4-BE49-F238E27FC236}">
                  <a16:creationId xmlns:a16="http://schemas.microsoft.com/office/drawing/2014/main" id="{E5C8CFAD-6CB4-C147-98F7-9D5CB87E0B26}"/>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16">
              <a:extLst>
                <a:ext uri="{FF2B5EF4-FFF2-40B4-BE49-F238E27FC236}">
                  <a16:creationId xmlns:a16="http://schemas.microsoft.com/office/drawing/2014/main" id="{458129A0-B98C-C14E-8200-01F20ABC59F5}"/>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18">
              <a:extLst>
                <a:ext uri="{FF2B5EF4-FFF2-40B4-BE49-F238E27FC236}">
                  <a16:creationId xmlns:a16="http://schemas.microsoft.com/office/drawing/2014/main" id="{7B71C866-D3A1-BD4E-B3D9-B081CD0D113D}"/>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72">
              <a:extLst>
                <a:ext uri="{FF2B5EF4-FFF2-40B4-BE49-F238E27FC236}">
                  <a16:creationId xmlns:a16="http://schemas.microsoft.com/office/drawing/2014/main" id="{1D7667FF-B3C3-EB4F-AA6C-53990651DAC9}"/>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73">
              <a:extLst>
                <a:ext uri="{FF2B5EF4-FFF2-40B4-BE49-F238E27FC236}">
                  <a16:creationId xmlns:a16="http://schemas.microsoft.com/office/drawing/2014/main" id="{013FA4FF-F537-A743-B41D-ED3E992C1B84}"/>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74">
              <a:extLst>
                <a:ext uri="{FF2B5EF4-FFF2-40B4-BE49-F238E27FC236}">
                  <a16:creationId xmlns:a16="http://schemas.microsoft.com/office/drawing/2014/main" id="{48624318-2E55-AE44-B7B6-FA252540E5A4}"/>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75">
              <a:extLst>
                <a:ext uri="{FF2B5EF4-FFF2-40B4-BE49-F238E27FC236}">
                  <a16:creationId xmlns:a16="http://schemas.microsoft.com/office/drawing/2014/main" id="{FB4AAC23-D1C4-2348-AF8C-EA4468EABD75}"/>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76">
              <a:extLst>
                <a:ext uri="{FF2B5EF4-FFF2-40B4-BE49-F238E27FC236}">
                  <a16:creationId xmlns:a16="http://schemas.microsoft.com/office/drawing/2014/main" id="{F0F7323E-39E5-C740-B60A-D705510CD2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77">
              <a:extLst>
                <a:ext uri="{FF2B5EF4-FFF2-40B4-BE49-F238E27FC236}">
                  <a16:creationId xmlns:a16="http://schemas.microsoft.com/office/drawing/2014/main" id="{C0323247-5918-4249-AFB8-55E32E03D5BE}"/>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78">
              <a:extLst>
                <a:ext uri="{FF2B5EF4-FFF2-40B4-BE49-F238E27FC236}">
                  <a16:creationId xmlns:a16="http://schemas.microsoft.com/office/drawing/2014/main" id="{57457877-AF50-4B4C-8129-1DC279CD1310}"/>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79">
              <a:extLst>
                <a:ext uri="{FF2B5EF4-FFF2-40B4-BE49-F238E27FC236}">
                  <a16:creationId xmlns:a16="http://schemas.microsoft.com/office/drawing/2014/main" id="{771556ED-CAFD-C74B-BB71-18AF1A75A45A}"/>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80">
              <a:extLst>
                <a:ext uri="{FF2B5EF4-FFF2-40B4-BE49-F238E27FC236}">
                  <a16:creationId xmlns:a16="http://schemas.microsoft.com/office/drawing/2014/main" id="{51C32BC2-7D8B-6F47-B201-F6343906507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81">
              <a:extLst>
                <a:ext uri="{FF2B5EF4-FFF2-40B4-BE49-F238E27FC236}">
                  <a16:creationId xmlns:a16="http://schemas.microsoft.com/office/drawing/2014/main" id="{5D6F6FF7-1158-A24A-8132-03004358EFFC}"/>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82">
              <a:extLst>
                <a:ext uri="{FF2B5EF4-FFF2-40B4-BE49-F238E27FC236}">
                  <a16:creationId xmlns:a16="http://schemas.microsoft.com/office/drawing/2014/main" id="{3E3AC5FD-CB51-4F49-8445-E9A0C871091D}"/>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83">
              <a:extLst>
                <a:ext uri="{FF2B5EF4-FFF2-40B4-BE49-F238E27FC236}">
                  <a16:creationId xmlns:a16="http://schemas.microsoft.com/office/drawing/2014/main" id="{2E7D85A6-D136-F74F-9BAA-EA3B9C76BD6D}"/>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84">
              <a:extLst>
                <a:ext uri="{FF2B5EF4-FFF2-40B4-BE49-F238E27FC236}">
                  <a16:creationId xmlns:a16="http://schemas.microsoft.com/office/drawing/2014/main" id="{A96ABE23-4C33-EA40-A42A-7C6D4F4B36CD}"/>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1">
              <a:extLst>
                <a:ext uri="{FF2B5EF4-FFF2-40B4-BE49-F238E27FC236}">
                  <a16:creationId xmlns:a16="http://schemas.microsoft.com/office/drawing/2014/main" id="{4DE3BC4D-9F4C-A24E-B1E7-29BB06DA82E1}"/>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4">
              <a:extLst>
                <a:ext uri="{FF2B5EF4-FFF2-40B4-BE49-F238E27FC236}">
                  <a16:creationId xmlns:a16="http://schemas.microsoft.com/office/drawing/2014/main" id="{20D16FBE-4E2C-264D-B445-4ADC0705BA11}"/>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87">
              <a:extLst>
                <a:ext uri="{FF2B5EF4-FFF2-40B4-BE49-F238E27FC236}">
                  <a16:creationId xmlns:a16="http://schemas.microsoft.com/office/drawing/2014/main" id="{10650C8D-950F-BB42-80E5-87D70BF8FC85}"/>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88">
              <a:extLst>
                <a:ext uri="{FF2B5EF4-FFF2-40B4-BE49-F238E27FC236}">
                  <a16:creationId xmlns:a16="http://schemas.microsoft.com/office/drawing/2014/main" id="{D18F1E6F-53D7-3048-BE2D-20CCDBC41517}"/>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2088CBAF-C533-E942-AF11-FF648D372F13}"/>
              </a:ext>
            </a:extLst>
          </p:cNvPr>
          <p:cNvGrpSpPr/>
          <p:nvPr userDrawn="1"/>
        </p:nvGrpSpPr>
        <p:grpSpPr>
          <a:xfrm>
            <a:off x="0" y="255814"/>
            <a:ext cx="16122047" cy="243830"/>
            <a:chOff x="0" y="228600"/>
            <a:chExt cx="16122047" cy="94031"/>
          </a:xfrm>
          <a:solidFill>
            <a:schemeClr val="accent6"/>
          </a:solidFill>
        </p:grpSpPr>
        <p:sp>
          <p:nvSpPr>
            <p:cNvPr id="29" name="Freeform 28">
              <a:extLst>
                <a:ext uri="{FF2B5EF4-FFF2-40B4-BE49-F238E27FC236}">
                  <a16:creationId xmlns:a16="http://schemas.microsoft.com/office/drawing/2014/main" id="{3C17AF83-43A5-BE4E-8C59-79912F439011}"/>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298B341C-228B-7C41-9039-B8E70338D8C4}"/>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DDF62132-35A3-1641-B1A7-A4D336D22086}"/>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5E113F7-C2CD-1948-8850-526D30D94C3A}"/>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8E334C63-DDC6-5642-B31D-D27DF2C0C6C8}"/>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852DAEA2-2F06-EE4B-AFB8-81CDE336E323}"/>
              </a:ext>
            </a:extLst>
          </p:cNvPr>
          <p:cNvGrpSpPr/>
          <p:nvPr userDrawn="1"/>
        </p:nvGrpSpPr>
        <p:grpSpPr>
          <a:xfrm>
            <a:off x="-3930047" y="6358356"/>
            <a:ext cx="16122047" cy="243830"/>
            <a:chOff x="0" y="228600"/>
            <a:chExt cx="16122047" cy="94031"/>
          </a:xfrm>
          <a:solidFill>
            <a:schemeClr val="accent6"/>
          </a:solidFill>
        </p:grpSpPr>
        <p:sp>
          <p:nvSpPr>
            <p:cNvPr id="35" name="Freeform 34">
              <a:extLst>
                <a:ext uri="{FF2B5EF4-FFF2-40B4-BE49-F238E27FC236}">
                  <a16:creationId xmlns:a16="http://schemas.microsoft.com/office/drawing/2014/main" id="{6D4874D6-BC9F-0F43-9868-1F8C7E8B426F}"/>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13EA86C0-ADF5-6E4D-8A6C-CB7120796995}"/>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7697873D-5ED2-A848-A4DC-E8F64EF43334}"/>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057E67AF-2DC5-DE4D-9EAD-FDFC7F609CB8}"/>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D0820F7E-6BFD-A140-A5FB-DB3C5A197CB5}"/>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456461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Regional Slide 4, Dashes">
    <p:bg>
      <p:bgPr>
        <a:solidFill>
          <a:schemeClr val="bg1">
            <a:lumMod val="95000"/>
          </a:schemeClr>
        </a:solidFill>
        <a:effectLst/>
      </p:bgPr>
    </p:bg>
    <p:spTree>
      <p:nvGrpSpPr>
        <p:cNvPr id="1" name=""/>
        <p:cNvGrpSpPr/>
        <p:nvPr/>
      </p:nvGrpSpPr>
      <p:grpSpPr>
        <a:xfrm>
          <a:off x="0" y="0"/>
          <a:ext cx="0" cy="0"/>
          <a:chOff x="0" y="0"/>
          <a:chExt cx="0" cy="0"/>
        </a:xfrm>
      </p:grpSpPr>
      <p:grpSp>
        <p:nvGrpSpPr>
          <p:cNvPr id="40" name="TOPO MAP">
            <a:extLst>
              <a:ext uri="{FF2B5EF4-FFF2-40B4-BE49-F238E27FC236}">
                <a16:creationId xmlns:a16="http://schemas.microsoft.com/office/drawing/2014/main" id="{52751838-FBD6-EE40-ABB4-2C471A6A3DC5}"/>
              </a:ext>
            </a:extLst>
          </p:cNvPr>
          <p:cNvGrpSpPr/>
          <p:nvPr userDrawn="1"/>
        </p:nvGrpSpPr>
        <p:grpSpPr>
          <a:xfrm>
            <a:off x="7096611" y="-13253"/>
            <a:ext cx="5143039" cy="6884506"/>
            <a:chOff x="7096611" y="-13253"/>
            <a:chExt cx="5143039" cy="6884506"/>
          </a:xfrm>
          <a:solidFill>
            <a:schemeClr val="accent2">
              <a:alpha val="51000"/>
            </a:schemeClr>
          </a:solidFill>
        </p:grpSpPr>
        <p:sp>
          <p:nvSpPr>
            <p:cNvPr id="41" name="Freeform: Shape 109">
              <a:extLst>
                <a:ext uri="{FF2B5EF4-FFF2-40B4-BE49-F238E27FC236}">
                  <a16:creationId xmlns:a16="http://schemas.microsoft.com/office/drawing/2014/main" id="{AC18E462-DD69-7C4F-948D-D30C2E9D7F7C}"/>
                </a:ext>
              </a:extLst>
            </p:cNvPr>
            <p:cNvSpPr/>
            <p:nvPr/>
          </p:nvSpPr>
          <p:spPr>
            <a:xfrm>
              <a:off x="7096611" y="-12178"/>
              <a:ext cx="3289619" cy="6882176"/>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0">
              <a:extLst>
                <a:ext uri="{FF2B5EF4-FFF2-40B4-BE49-F238E27FC236}">
                  <a16:creationId xmlns:a16="http://schemas.microsoft.com/office/drawing/2014/main" id="{D59176A1-8ABB-0141-9B98-7E1D3F49E9F1}"/>
                </a:ext>
              </a:extLst>
            </p:cNvPr>
            <p:cNvSpPr/>
            <p:nvPr/>
          </p:nvSpPr>
          <p:spPr>
            <a:xfrm>
              <a:off x="7741587" y="-11372"/>
              <a:ext cx="2752434" cy="6881639"/>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13">
              <a:extLst>
                <a:ext uri="{FF2B5EF4-FFF2-40B4-BE49-F238E27FC236}">
                  <a16:creationId xmlns:a16="http://schemas.microsoft.com/office/drawing/2014/main" id="{ECF89844-EC75-834A-A062-9B676801A3D6}"/>
                </a:ext>
              </a:extLst>
            </p:cNvPr>
            <p:cNvSpPr/>
            <p:nvPr/>
          </p:nvSpPr>
          <p:spPr>
            <a:xfrm>
              <a:off x="8049402" y="-12000"/>
              <a:ext cx="2754751" cy="6882266"/>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14">
              <a:extLst>
                <a:ext uri="{FF2B5EF4-FFF2-40B4-BE49-F238E27FC236}">
                  <a16:creationId xmlns:a16="http://schemas.microsoft.com/office/drawing/2014/main" id="{32737846-08B8-814D-99A8-CE07D7173E84}"/>
                </a:ext>
              </a:extLst>
            </p:cNvPr>
            <p:cNvSpPr/>
            <p:nvPr/>
          </p:nvSpPr>
          <p:spPr>
            <a:xfrm>
              <a:off x="8161144" y="-12178"/>
              <a:ext cx="2941040" cy="6882447"/>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16">
              <a:extLst>
                <a:ext uri="{FF2B5EF4-FFF2-40B4-BE49-F238E27FC236}">
                  <a16:creationId xmlns:a16="http://schemas.microsoft.com/office/drawing/2014/main" id="{AF29B4E7-961D-0943-87F1-E4BB6F076904}"/>
                </a:ext>
              </a:extLst>
            </p:cNvPr>
            <p:cNvSpPr/>
            <p:nvPr/>
          </p:nvSpPr>
          <p:spPr>
            <a:xfrm>
              <a:off x="8266440" y="-11463"/>
              <a:ext cx="3051148" cy="6881729"/>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18">
              <a:extLst>
                <a:ext uri="{FF2B5EF4-FFF2-40B4-BE49-F238E27FC236}">
                  <a16:creationId xmlns:a16="http://schemas.microsoft.com/office/drawing/2014/main" id="{A368F0E9-AEF7-F849-8D14-A44A9037C05F}"/>
                </a:ext>
              </a:extLst>
            </p:cNvPr>
            <p:cNvSpPr/>
            <p:nvPr/>
          </p:nvSpPr>
          <p:spPr>
            <a:xfrm>
              <a:off x="8361346" y="-11104"/>
              <a:ext cx="3117602" cy="6881371"/>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46">
              <a:extLst>
                <a:ext uri="{FF2B5EF4-FFF2-40B4-BE49-F238E27FC236}">
                  <a16:creationId xmlns:a16="http://schemas.microsoft.com/office/drawing/2014/main" id="{54B08A14-4B89-C742-9B3A-457BE19C812E}"/>
                </a:ext>
              </a:extLst>
            </p:cNvPr>
            <p:cNvSpPr/>
            <p:nvPr/>
          </p:nvSpPr>
          <p:spPr>
            <a:xfrm>
              <a:off x="8867393" y="-12717"/>
              <a:ext cx="3324606" cy="6883522"/>
            </a:xfrm>
            <a:custGeom>
              <a:avLst/>
              <a:gdLst>
                <a:gd name="connsiteX0" fmla="*/ 3324606 w 3324606"/>
                <a:gd name="connsiteY0" fmla="*/ 3294281 h 6883522"/>
                <a:gd name="connsiteX1" fmla="*/ 3324606 w 3324606"/>
                <a:gd name="connsiteY1" fmla="*/ 3300349 h 6883522"/>
                <a:gd name="connsiteX2" fmla="*/ 3299555 w 3324606"/>
                <a:gd name="connsiteY2" fmla="*/ 3337235 h 6883522"/>
                <a:gd name="connsiteX3" fmla="*/ 3176023 w 3324606"/>
                <a:gd name="connsiteY3" fmla="*/ 3450365 h 6883522"/>
                <a:gd name="connsiteX4" fmla="*/ 2958343 w 3324606"/>
                <a:gd name="connsiteY4" fmla="*/ 3623501 h 6883522"/>
                <a:gd name="connsiteX5" fmla="*/ 2889734 w 3324606"/>
                <a:gd name="connsiteY5" fmla="*/ 3680766 h 6883522"/>
                <a:gd name="connsiteX6" fmla="*/ 2764769 w 3324606"/>
                <a:gd name="connsiteY6" fmla="*/ 3814023 h 6883522"/>
                <a:gd name="connsiteX7" fmla="*/ 2686486 w 3324606"/>
                <a:gd name="connsiteY7" fmla="*/ 3901129 h 6883522"/>
                <a:gd name="connsiteX8" fmla="*/ 2516293 w 3324606"/>
                <a:gd name="connsiteY8" fmla="*/ 4096938 h 6883522"/>
                <a:gd name="connsiteX9" fmla="*/ 2469935 w 3324606"/>
                <a:gd name="connsiteY9" fmla="*/ 4225536 h 6883522"/>
                <a:gd name="connsiteX10" fmla="*/ 2351421 w 3324606"/>
                <a:gd name="connsiteY10" fmla="*/ 4530227 h 6883522"/>
                <a:gd name="connsiteX11" fmla="*/ 2305305 w 3324606"/>
                <a:gd name="connsiteY11" fmla="*/ 4604249 h 6883522"/>
                <a:gd name="connsiteX12" fmla="*/ 2203157 w 3324606"/>
                <a:gd name="connsiteY12" fmla="*/ 4743333 h 6883522"/>
                <a:gd name="connsiteX13" fmla="*/ 2159299 w 3324606"/>
                <a:gd name="connsiteY13" fmla="*/ 4766543 h 6883522"/>
                <a:gd name="connsiteX14" fmla="*/ 1911063 w 3324606"/>
                <a:gd name="connsiteY14" fmla="*/ 4924893 h 6883522"/>
                <a:gd name="connsiteX15" fmla="*/ 1889537 w 3324606"/>
                <a:gd name="connsiteY15" fmla="*/ 4960739 h 6883522"/>
                <a:gd name="connsiteX16" fmla="*/ 1864142 w 3324606"/>
                <a:gd name="connsiteY16" fmla="*/ 5030280 h 6883522"/>
                <a:gd name="connsiteX17" fmla="*/ 1856644 w 3324606"/>
                <a:gd name="connsiteY17" fmla="*/ 5112009 h 6883522"/>
                <a:gd name="connsiteX18" fmla="*/ 1840520 w 3324606"/>
                <a:gd name="connsiteY18" fmla="*/ 5348594 h 6883522"/>
                <a:gd name="connsiteX19" fmla="*/ 1851645 w 3324606"/>
                <a:gd name="connsiteY19" fmla="*/ 5415267 h 6883522"/>
                <a:gd name="connsiteX20" fmla="*/ 1889296 w 3324606"/>
                <a:gd name="connsiteY20" fmla="*/ 5702036 h 6883522"/>
                <a:gd name="connsiteX21" fmla="*/ 1923077 w 3324606"/>
                <a:gd name="connsiteY21" fmla="*/ 5969985 h 6883522"/>
                <a:gd name="connsiteX22" fmla="*/ 2053765 w 3324606"/>
                <a:gd name="connsiteY22" fmla="*/ 6344666 h 6883522"/>
                <a:gd name="connsiteX23" fmla="*/ 2086577 w 3324606"/>
                <a:gd name="connsiteY23" fmla="*/ 6417165 h 6883522"/>
                <a:gd name="connsiteX24" fmla="*/ 2196707 w 3324606"/>
                <a:gd name="connsiteY24" fmla="*/ 6683770 h 6883522"/>
                <a:gd name="connsiteX25" fmla="*/ 2277329 w 3324606"/>
                <a:gd name="connsiteY25" fmla="*/ 6883522 h 6883522"/>
                <a:gd name="connsiteX26" fmla="*/ 2273137 w 3324606"/>
                <a:gd name="connsiteY26" fmla="*/ 6883522 h 6883522"/>
                <a:gd name="connsiteX27" fmla="*/ 2193321 w 3324606"/>
                <a:gd name="connsiteY27" fmla="*/ 6684935 h 6883522"/>
                <a:gd name="connsiteX28" fmla="*/ 2083514 w 3324606"/>
                <a:gd name="connsiteY28" fmla="*/ 6419226 h 6883522"/>
                <a:gd name="connsiteX29" fmla="*/ 2050620 w 3324606"/>
                <a:gd name="connsiteY29" fmla="*/ 6346459 h 6883522"/>
                <a:gd name="connsiteX30" fmla="*/ 1919851 w 3324606"/>
                <a:gd name="connsiteY30" fmla="*/ 5971419 h 6883522"/>
                <a:gd name="connsiteX31" fmla="*/ 1885829 w 3324606"/>
                <a:gd name="connsiteY31" fmla="*/ 5702125 h 6883522"/>
                <a:gd name="connsiteX32" fmla="*/ 1848259 w 3324606"/>
                <a:gd name="connsiteY32" fmla="*/ 5416522 h 6883522"/>
                <a:gd name="connsiteX33" fmla="*/ 1837052 w 3324606"/>
                <a:gd name="connsiteY33" fmla="*/ 5349579 h 6883522"/>
                <a:gd name="connsiteX34" fmla="*/ 1853176 w 3324606"/>
                <a:gd name="connsiteY34" fmla="*/ 5111830 h 6883522"/>
                <a:gd name="connsiteX35" fmla="*/ 1860675 w 3324606"/>
                <a:gd name="connsiteY35" fmla="*/ 5030370 h 6883522"/>
                <a:gd name="connsiteX36" fmla="*/ 1886796 w 3324606"/>
                <a:gd name="connsiteY36" fmla="*/ 4958678 h 6883522"/>
                <a:gd name="connsiteX37" fmla="*/ 1908161 w 3324606"/>
                <a:gd name="connsiteY37" fmla="*/ 4922832 h 6883522"/>
                <a:gd name="connsiteX38" fmla="*/ 2158089 w 3324606"/>
                <a:gd name="connsiteY38" fmla="*/ 4762690 h 6883522"/>
                <a:gd name="connsiteX39" fmla="*/ 2201787 w 3324606"/>
                <a:gd name="connsiteY39" fmla="*/ 4739568 h 6883522"/>
                <a:gd name="connsiteX40" fmla="*/ 2302403 w 3324606"/>
                <a:gd name="connsiteY40" fmla="*/ 4602099 h 6883522"/>
                <a:gd name="connsiteX41" fmla="*/ 2348841 w 3324606"/>
                <a:gd name="connsiteY41" fmla="*/ 4527629 h 6883522"/>
                <a:gd name="connsiteX42" fmla="*/ 2466630 w 3324606"/>
                <a:gd name="connsiteY42" fmla="*/ 4224102 h 6883522"/>
                <a:gd name="connsiteX43" fmla="*/ 2513229 w 3324606"/>
                <a:gd name="connsiteY43" fmla="*/ 4095056 h 6883522"/>
                <a:gd name="connsiteX44" fmla="*/ 2684389 w 3324606"/>
                <a:gd name="connsiteY44" fmla="*/ 3897902 h 6883522"/>
                <a:gd name="connsiteX45" fmla="*/ 2762271 w 3324606"/>
                <a:gd name="connsiteY45" fmla="*/ 3811155 h 6883522"/>
                <a:gd name="connsiteX46" fmla="*/ 2887799 w 3324606"/>
                <a:gd name="connsiteY46" fmla="*/ 3677270 h 6883522"/>
                <a:gd name="connsiteX47" fmla="*/ 2956409 w 3324606"/>
                <a:gd name="connsiteY47" fmla="*/ 3620185 h 6883522"/>
                <a:gd name="connsiteX48" fmla="*/ 3174893 w 3324606"/>
                <a:gd name="connsiteY48" fmla="*/ 3446600 h 6883522"/>
                <a:gd name="connsiteX49" fmla="*/ 3297203 w 3324606"/>
                <a:gd name="connsiteY49" fmla="*/ 3334618 h 6883522"/>
                <a:gd name="connsiteX50" fmla="*/ 0 w 3324606"/>
                <a:gd name="connsiteY50" fmla="*/ 0 h 6883522"/>
                <a:gd name="connsiteX51" fmla="*/ 4274 w 3324606"/>
                <a:gd name="connsiteY51" fmla="*/ 0 h 6883522"/>
                <a:gd name="connsiteX52" fmla="*/ 64095 w 3324606"/>
                <a:gd name="connsiteY52" fmla="*/ 157006 h 6883522"/>
                <a:gd name="connsiteX53" fmla="*/ 146894 w 3324606"/>
                <a:gd name="connsiteY53" fmla="*/ 288113 h 6883522"/>
                <a:gd name="connsiteX54" fmla="*/ 259200 w 3324606"/>
                <a:gd name="connsiteY54" fmla="*/ 504176 h 6883522"/>
                <a:gd name="connsiteX55" fmla="*/ 343047 w 3324606"/>
                <a:gd name="connsiteY55" fmla="*/ 693263 h 6883522"/>
                <a:gd name="connsiteX56" fmla="*/ 459062 w 3324606"/>
                <a:gd name="connsiteY56" fmla="*/ 1001540 h 6883522"/>
                <a:gd name="connsiteX57" fmla="*/ 530654 w 3324606"/>
                <a:gd name="connsiteY57" fmla="*/ 1100116 h 6883522"/>
                <a:gd name="connsiteX58" fmla="*/ 627401 w 3324606"/>
                <a:gd name="connsiteY58" fmla="*/ 1270385 h 6883522"/>
                <a:gd name="connsiteX59" fmla="*/ 625466 w 3324606"/>
                <a:gd name="connsiteY59" fmla="*/ 1443791 h 6883522"/>
                <a:gd name="connsiteX60" fmla="*/ 627319 w 3324606"/>
                <a:gd name="connsiteY60" fmla="*/ 1620870 h 6883522"/>
                <a:gd name="connsiteX61" fmla="*/ 682304 w 3324606"/>
                <a:gd name="connsiteY61" fmla="*/ 1782178 h 6883522"/>
                <a:gd name="connsiteX62" fmla="*/ 699879 w 3324606"/>
                <a:gd name="connsiteY62" fmla="*/ 1829495 h 6883522"/>
                <a:gd name="connsiteX63" fmla="*/ 712537 w 3324606"/>
                <a:gd name="connsiteY63" fmla="*/ 1872330 h 6883522"/>
                <a:gd name="connsiteX64" fmla="*/ 744302 w 3324606"/>
                <a:gd name="connsiteY64" fmla="*/ 1912478 h 6883522"/>
                <a:gd name="connsiteX65" fmla="*/ 763088 w 3324606"/>
                <a:gd name="connsiteY65" fmla="*/ 1921439 h 6883522"/>
                <a:gd name="connsiteX66" fmla="*/ 803882 w 3324606"/>
                <a:gd name="connsiteY66" fmla="*/ 1977718 h 6883522"/>
                <a:gd name="connsiteX67" fmla="*/ 825731 w 3324606"/>
                <a:gd name="connsiteY67" fmla="*/ 2041614 h 6883522"/>
                <a:gd name="connsiteX68" fmla="*/ 868944 w 3324606"/>
                <a:gd name="connsiteY68" fmla="*/ 2139474 h 6883522"/>
                <a:gd name="connsiteX69" fmla="*/ 917317 w 3324606"/>
                <a:gd name="connsiteY69" fmla="*/ 2186969 h 6883522"/>
                <a:gd name="connsiteX70" fmla="*/ 995924 w 3324606"/>
                <a:gd name="connsiteY70" fmla="*/ 2274345 h 6883522"/>
                <a:gd name="connsiteX71" fmla="*/ 1094766 w 3324606"/>
                <a:gd name="connsiteY71" fmla="*/ 2436099 h 6883522"/>
                <a:gd name="connsiteX72" fmla="*/ 1304383 w 3324606"/>
                <a:gd name="connsiteY72" fmla="*/ 2595884 h 6883522"/>
                <a:gd name="connsiteX73" fmla="*/ 1404516 w 3324606"/>
                <a:gd name="connsiteY73" fmla="*/ 2640691 h 6883522"/>
                <a:gd name="connsiteX74" fmla="*/ 1477559 w 3324606"/>
                <a:gd name="connsiteY74" fmla="*/ 2676537 h 6883522"/>
                <a:gd name="connsiteX75" fmla="*/ 1528835 w 3324606"/>
                <a:gd name="connsiteY75" fmla="*/ 2688994 h 6883522"/>
                <a:gd name="connsiteX76" fmla="*/ 1622356 w 3324606"/>
                <a:gd name="connsiteY76" fmla="*/ 2743211 h 6883522"/>
                <a:gd name="connsiteX77" fmla="*/ 1808593 w 3324606"/>
                <a:gd name="connsiteY77" fmla="*/ 2866880 h 6883522"/>
                <a:gd name="connsiteX78" fmla="*/ 2014179 w 3324606"/>
                <a:gd name="connsiteY78" fmla="*/ 2979437 h 6883522"/>
                <a:gd name="connsiteX79" fmla="*/ 2194047 w 3324606"/>
                <a:gd name="connsiteY79" fmla="*/ 3073353 h 6883522"/>
                <a:gd name="connsiteX80" fmla="*/ 2415919 w 3324606"/>
                <a:gd name="connsiteY80" fmla="*/ 3097370 h 6883522"/>
                <a:gd name="connsiteX81" fmla="*/ 2646095 w 3324606"/>
                <a:gd name="connsiteY81" fmla="*/ 3081329 h 6883522"/>
                <a:gd name="connsiteX82" fmla="*/ 2859581 w 3324606"/>
                <a:gd name="connsiteY82" fmla="*/ 3091366 h 6883522"/>
                <a:gd name="connsiteX83" fmla="*/ 3084114 w 3324606"/>
                <a:gd name="connsiteY83" fmla="*/ 3125420 h 6883522"/>
                <a:gd name="connsiteX84" fmla="*/ 3308968 w 3324606"/>
                <a:gd name="connsiteY84" fmla="*/ 3187254 h 6883522"/>
                <a:gd name="connsiteX85" fmla="*/ 3324606 w 3324606"/>
                <a:gd name="connsiteY85" fmla="*/ 3224549 h 6883522"/>
                <a:gd name="connsiteX86" fmla="*/ 3324606 w 3324606"/>
                <a:gd name="connsiteY86" fmla="*/ 3233281 h 6883522"/>
                <a:gd name="connsiteX87" fmla="*/ 3324125 w 3324606"/>
                <a:gd name="connsiteY87" fmla="*/ 3232151 h 6883522"/>
                <a:gd name="connsiteX88" fmla="*/ 3305824 w 3324606"/>
                <a:gd name="connsiteY88" fmla="*/ 3188509 h 6883522"/>
                <a:gd name="connsiteX89" fmla="*/ 3085242 w 3324606"/>
                <a:gd name="connsiteY89" fmla="*/ 3130079 h 6883522"/>
                <a:gd name="connsiteX90" fmla="*/ 2859501 w 3324606"/>
                <a:gd name="connsiteY90" fmla="*/ 3095936 h 6883522"/>
                <a:gd name="connsiteX91" fmla="*/ 2646981 w 3324606"/>
                <a:gd name="connsiteY91" fmla="*/ 3085989 h 6883522"/>
                <a:gd name="connsiteX92" fmla="*/ 2417209 w 3324606"/>
                <a:gd name="connsiteY92" fmla="*/ 3102030 h 6883522"/>
                <a:gd name="connsiteX93" fmla="*/ 2193644 w 3324606"/>
                <a:gd name="connsiteY93" fmla="*/ 3077835 h 6883522"/>
                <a:gd name="connsiteX94" fmla="*/ 2012809 w 3324606"/>
                <a:gd name="connsiteY94" fmla="*/ 2983380 h 6883522"/>
                <a:gd name="connsiteX95" fmla="*/ 1808432 w 3324606"/>
                <a:gd name="connsiteY95" fmla="*/ 2871450 h 6883522"/>
                <a:gd name="connsiteX96" fmla="*/ 1620341 w 3324606"/>
                <a:gd name="connsiteY96" fmla="*/ 2746527 h 6883522"/>
                <a:gd name="connsiteX97" fmla="*/ 1529077 w 3324606"/>
                <a:gd name="connsiteY97" fmla="*/ 2693654 h 6883522"/>
                <a:gd name="connsiteX98" fmla="*/ 1477076 w 3324606"/>
                <a:gd name="connsiteY98" fmla="*/ 2680928 h 6883522"/>
                <a:gd name="connsiteX99" fmla="*/ 1403549 w 3324606"/>
                <a:gd name="connsiteY99" fmla="*/ 2645082 h 6883522"/>
                <a:gd name="connsiteX100" fmla="*/ 1304141 w 3324606"/>
                <a:gd name="connsiteY100" fmla="*/ 2600275 h 6883522"/>
                <a:gd name="connsiteX101" fmla="*/ 1092589 w 3324606"/>
                <a:gd name="connsiteY101" fmla="*/ 2438967 h 6883522"/>
                <a:gd name="connsiteX102" fmla="*/ 992940 w 3324606"/>
                <a:gd name="connsiteY102" fmla="*/ 2275957 h 6883522"/>
                <a:gd name="connsiteX103" fmla="*/ 915382 w 3324606"/>
                <a:gd name="connsiteY103" fmla="*/ 2190017 h 6883522"/>
                <a:gd name="connsiteX104" fmla="*/ 866203 w 3324606"/>
                <a:gd name="connsiteY104" fmla="*/ 2142162 h 6883522"/>
                <a:gd name="connsiteX105" fmla="*/ 822103 w 3324606"/>
                <a:gd name="connsiteY105" fmla="*/ 2042689 h 6883522"/>
                <a:gd name="connsiteX106" fmla="*/ 800496 w 3324606"/>
                <a:gd name="connsiteY106" fmla="*/ 1979242 h 6883522"/>
                <a:gd name="connsiteX107" fmla="*/ 761878 w 3324606"/>
                <a:gd name="connsiteY107" fmla="*/ 1925473 h 6883522"/>
                <a:gd name="connsiteX108" fmla="*/ 742770 w 3324606"/>
                <a:gd name="connsiteY108" fmla="*/ 1916511 h 6883522"/>
                <a:gd name="connsiteX109" fmla="*/ 708909 w 3324606"/>
                <a:gd name="connsiteY109" fmla="*/ 1873496 h 6883522"/>
                <a:gd name="connsiteX110" fmla="*/ 696332 w 3324606"/>
                <a:gd name="connsiteY110" fmla="*/ 1831107 h 6883522"/>
                <a:gd name="connsiteX111" fmla="*/ 678837 w 3324606"/>
                <a:gd name="connsiteY111" fmla="*/ 1783881 h 6883522"/>
                <a:gd name="connsiteX112" fmla="*/ 623692 w 3324606"/>
                <a:gd name="connsiteY112" fmla="*/ 1622573 h 6883522"/>
                <a:gd name="connsiteX113" fmla="*/ 621676 w 3324606"/>
                <a:gd name="connsiteY113" fmla="*/ 1443880 h 6883522"/>
                <a:gd name="connsiteX114" fmla="*/ 623611 w 3324606"/>
                <a:gd name="connsiteY114" fmla="*/ 1271460 h 6883522"/>
                <a:gd name="connsiteX115" fmla="*/ 527752 w 3324606"/>
                <a:gd name="connsiteY115" fmla="*/ 1103253 h 6883522"/>
                <a:gd name="connsiteX116" fmla="*/ 455675 w 3324606"/>
                <a:gd name="connsiteY116" fmla="*/ 1003601 h 6883522"/>
                <a:gd name="connsiteX117" fmla="*/ 339257 w 3324606"/>
                <a:gd name="connsiteY117" fmla="*/ 694428 h 6883522"/>
                <a:gd name="connsiteX118" fmla="*/ 256055 w 3324606"/>
                <a:gd name="connsiteY118" fmla="*/ 506236 h 6883522"/>
                <a:gd name="connsiteX119" fmla="*/ 143185 w 3324606"/>
                <a:gd name="connsiteY119" fmla="*/ 289278 h 6883522"/>
                <a:gd name="connsiteX120" fmla="*/ 61353 w 3324606"/>
                <a:gd name="connsiteY120" fmla="*/ 159784 h 6883522"/>
                <a:gd name="connsiteX121" fmla="*/ 0 w 3324606"/>
                <a:gd name="connsiteY121" fmla="*/ 0 h 6883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3324606" h="6883522">
                  <a:moveTo>
                    <a:pt x="3324606" y="3294281"/>
                  </a:moveTo>
                  <a:lnTo>
                    <a:pt x="3324606" y="3300349"/>
                  </a:lnTo>
                  <a:lnTo>
                    <a:pt x="3299555" y="3337235"/>
                  </a:lnTo>
                  <a:cubicBezTo>
                    <a:pt x="3265407" y="3380666"/>
                    <a:pt x="3216837" y="3425900"/>
                    <a:pt x="3176023" y="3450365"/>
                  </a:cubicBezTo>
                  <a:cubicBezTo>
                    <a:pt x="3134341" y="3475367"/>
                    <a:pt x="3032434" y="3561039"/>
                    <a:pt x="2958343" y="3623501"/>
                  </a:cubicBezTo>
                  <a:cubicBezTo>
                    <a:pt x="2930690" y="3646801"/>
                    <a:pt x="2906745" y="3666875"/>
                    <a:pt x="2889734" y="3680766"/>
                  </a:cubicBezTo>
                  <a:cubicBezTo>
                    <a:pt x="2852245" y="3711144"/>
                    <a:pt x="2805807" y="3765810"/>
                    <a:pt x="2764769" y="3814023"/>
                  </a:cubicBezTo>
                  <a:cubicBezTo>
                    <a:pt x="2735343" y="3848525"/>
                    <a:pt x="2707609" y="3881144"/>
                    <a:pt x="2686486" y="3901129"/>
                  </a:cubicBezTo>
                  <a:cubicBezTo>
                    <a:pt x="2638113" y="3946922"/>
                    <a:pt x="2537013" y="4054550"/>
                    <a:pt x="2516293" y="4096938"/>
                  </a:cubicBezTo>
                  <a:cubicBezTo>
                    <a:pt x="2509118" y="4111634"/>
                    <a:pt x="2490978" y="4164418"/>
                    <a:pt x="2469935" y="4225536"/>
                  </a:cubicBezTo>
                  <a:cubicBezTo>
                    <a:pt x="2430672" y="4339795"/>
                    <a:pt x="2376817" y="4496264"/>
                    <a:pt x="2351421" y="4530227"/>
                  </a:cubicBezTo>
                  <a:cubicBezTo>
                    <a:pt x="2338360" y="4548150"/>
                    <a:pt x="2322316" y="4575035"/>
                    <a:pt x="2305305" y="4604249"/>
                  </a:cubicBezTo>
                  <a:cubicBezTo>
                    <a:pt x="2271847" y="4661245"/>
                    <a:pt x="2233955" y="4725858"/>
                    <a:pt x="2203157" y="4743333"/>
                  </a:cubicBezTo>
                  <a:cubicBezTo>
                    <a:pt x="2194208" y="4748441"/>
                    <a:pt x="2178971" y="4756416"/>
                    <a:pt x="2159299" y="4766543"/>
                  </a:cubicBezTo>
                  <a:cubicBezTo>
                    <a:pt x="2080612" y="4807408"/>
                    <a:pt x="1934122" y="4883043"/>
                    <a:pt x="1911063" y="4924893"/>
                  </a:cubicBezTo>
                  <a:cubicBezTo>
                    <a:pt x="1903001" y="4939680"/>
                    <a:pt x="1895746" y="4950792"/>
                    <a:pt x="1889537" y="4960739"/>
                  </a:cubicBezTo>
                  <a:cubicBezTo>
                    <a:pt x="1874219" y="4984666"/>
                    <a:pt x="1865835" y="4997840"/>
                    <a:pt x="1864142" y="5030280"/>
                  </a:cubicBezTo>
                  <a:cubicBezTo>
                    <a:pt x="1863416" y="5044440"/>
                    <a:pt x="1860433" y="5074281"/>
                    <a:pt x="1856644" y="5112009"/>
                  </a:cubicBezTo>
                  <a:cubicBezTo>
                    <a:pt x="1848017" y="5197233"/>
                    <a:pt x="1836327" y="5314092"/>
                    <a:pt x="1840520" y="5348594"/>
                  </a:cubicBezTo>
                  <a:cubicBezTo>
                    <a:pt x="1842213" y="5362125"/>
                    <a:pt x="1846405" y="5385515"/>
                    <a:pt x="1851645" y="5415267"/>
                  </a:cubicBezTo>
                  <a:cubicBezTo>
                    <a:pt x="1865915" y="5495921"/>
                    <a:pt x="1887522" y="5618156"/>
                    <a:pt x="1889296" y="5702036"/>
                  </a:cubicBezTo>
                  <a:cubicBezTo>
                    <a:pt x="1891795" y="5817549"/>
                    <a:pt x="1903163" y="5908150"/>
                    <a:pt x="1923077" y="5969985"/>
                  </a:cubicBezTo>
                  <a:cubicBezTo>
                    <a:pt x="1942990" y="6031819"/>
                    <a:pt x="2035383" y="6297976"/>
                    <a:pt x="2053765" y="6344666"/>
                  </a:cubicBezTo>
                  <a:cubicBezTo>
                    <a:pt x="2059005" y="6358019"/>
                    <a:pt x="2071179" y="6384097"/>
                    <a:pt x="2086577" y="6417165"/>
                  </a:cubicBezTo>
                  <a:cubicBezTo>
                    <a:pt x="2123503" y="6496654"/>
                    <a:pt x="2179455" y="6616738"/>
                    <a:pt x="2196707" y="6683770"/>
                  </a:cubicBezTo>
                  <a:cubicBezTo>
                    <a:pt x="2216018" y="6753816"/>
                    <a:pt x="2243100" y="6820917"/>
                    <a:pt x="2277329" y="6883522"/>
                  </a:cubicBezTo>
                  <a:lnTo>
                    <a:pt x="2273137" y="6883522"/>
                  </a:lnTo>
                  <a:cubicBezTo>
                    <a:pt x="2239329" y="6821202"/>
                    <a:pt x="2212525" y="6754508"/>
                    <a:pt x="2193321" y="6684935"/>
                  </a:cubicBezTo>
                  <a:cubicBezTo>
                    <a:pt x="2176229" y="6618351"/>
                    <a:pt x="2120761" y="6498535"/>
                    <a:pt x="2083514" y="6419226"/>
                  </a:cubicBezTo>
                  <a:cubicBezTo>
                    <a:pt x="2068115" y="6386158"/>
                    <a:pt x="2055941" y="6359991"/>
                    <a:pt x="2050620" y="6346459"/>
                  </a:cubicBezTo>
                  <a:cubicBezTo>
                    <a:pt x="2032239" y="6299769"/>
                    <a:pt x="1940007" y="6034239"/>
                    <a:pt x="1919851" y="5971419"/>
                  </a:cubicBezTo>
                  <a:cubicBezTo>
                    <a:pt x="1899696" y="5908599"/>
                    <a:pt x="1888328" y="5819790"/>
                    <a:pt x="1885829" y="5702125"/>
                  </a:cubicBezTo>
                  <a:cubicBezTo>
                    <a:pt x="1884055" y="5618963"/>
                    <a:pt x="1862529" y="5497085"/>
                    <a:pt x="1848259" y="5416522"/>
                  </a:cubicBezTo>
                  <a:cubicBezTo>
                    <a:pt x="1843019" y="5386680"/>
                    <a:pt x="1838826" y="5363201"/>
                    <a:pt x="1837052" y="5349579"/>
                  </a:cubicBezTo>
                  <a:cubicBezTo>
                    <a:pt x="1832618" y="5314450"/>
                    <a:pt x="1844308" y="5197233"/>
                    <a:pt x="1853176" y="5111830"/>
                  </a:cubicBezTo>
                  <a:cubicBezTo>
                    <a:pt x="1856805" y="5075984"/>
                    <a:pt x="1859949" y="5044440"/>
                    <a:pt x="1860675" y="5030370"/>
                  </a:cubicBezTo>
                  <a:cubicBezTo>
                    <a:pt x="1862448" y="4996675"/>
                    <a:pt x="1871075" y="4983143"/>
                    <a:pt x="1886796" y="4958678"/>
                  </a:cubicBezTo>
                  <a:cubicBezTo>
                    <a:pt x="1893004" y="4948909"/>
                    <a:pt x="1900018" y="4937977"/>
                    <a:pt x="1908161" y="4922832"/>
                  </a:cubicBezTo>
                  <a:cubicBezTo>
                    <a:pt x="1931864" y="4880265"/>
                    <a:pt x="2079080" y="4803822"/>
                    <a:pt x="2158089" y="4762690"/>
                  </a:cubicBezTo>
                  <a:cubicBezTo>
                    <a:pt x="2177520" y="4752653"/>
                    <a:pt x="2192918" y="4744767"/>
                    <a:pt x="2201787" y="4739568"/>
                  </a:cubicBezTo>
                  <a:cubicBezTo>
                    <a:pt x="2231697" y="4722631"/>
                    <a:pt x="2269267" y="4658915"/>
                    <a:pt x="2302403" y="4602099"/>
                  </a:cubicBezTo>
                  <a:cubicBezTo>
                    <a:pt x="2319495" y="4572974"/>
                    <a:pt x="2335619" y="4545462"/>
                    <a:pt x="2348841" y="4527629"/>
                  </a:cubicBezTo>
                  <a:cubicBezTo>
                    <a:pt x="2373753" y="4494112"/>
                    <a:pt x="2427448" y="4338092"/>
                    <a:pt x="2466630" y="4224102"/>
                  </a:cubicBezTo>
                  <a:cubicBezTo>
                    <a:pt x="2488639" y="4160296"/>
                    <a:pt x="2505973" y="4109932"/>
                    <a:pt x="2513229" y="4095056"/>
                  </a:cubicBezTo>
                  <a:cubicBezTo>
                    <a:pt x="2534191" y="4052130"/>
                    <a:pt x="2635774" y="3943875"/>
                    <a:pt x="2684389" y="3897902"/>
                  </a:cubicBezTo>
                  <a:cubicBezTo>
                    <a:pt x="2705351" y="3878098"/>
                    <a:pt x="2732763" y="3845567"/>
                    <a:pt x="2762271" y="3811155"/>
                  </a:cubicBezTo>
                  <a:cubicBezTo>
                    <a:pt x="2803469" y="3762763"/>
                    <a:pt x="2850068" y="3708008"/>
                    <a:pt x="2887799" y="3677270"/>
                  </a:cubicBezTo>
                  <a:cubicBezTo>
                    <a:pt x="2904810" y="3663469"/>
                    <a:pt x="2928755" y="3643395"/>
                    <a:pt x="2956409" y="3620185"/>
                  </a:cubicBezTo>
                  <a:cubicBezTo>
                    <a:pt x="3030903" y="3557454"/>
                    <a:pt x="3132970" y="3471693"/>
                    <a:pt x="3174893" y="3446600"/>
                  </a:cubicBezTo>
                  <a:cubicBezTo>
                    <a:pt x="3215346" y="3422404"/>
                    <a:pt x="3263417" y="3377591"/>
                    <a:pt x="3297203" y="3334618"/>
                  </a:cubicBezTo>
                  <a:close/>
                  <a:moveTo>
                    <a:pt x="0" y="0"/>
                  </a:moveTo>
                  <a:lnTo>
                    <a:pt x="4274" y="0"/>
                  </a:lnTo>
                  <a:cubicBezTo>
                    <a:pt x="12577" y="43822"/>
                    <a:pt x="31846" y="126000"/>
                    <a:pt x="64095" y="157006"/>
                  </a:cubicBezTo>
                  <a:cubicBezTo>
                    <a:pt x="108194" y="200469"/>
                    <a:pt x="124480" y="226189"/>
                    <a:pt x="146894" y="288113"/>
                  </a:cubicBezTo>
                  <a:cubicBezTo>
                    <a:pt x="167533" y="345019"/>
                    <a:pt x="210504" y="427823"/>
                    <a:pt x="259200" y="504176"/>
                  </a:cubicBezTo>
                  <a:cubicBezTo>
                    <a:pt x="305155" y="575868"/>
                    <a:pt x="320875" y="611714"/>
                    <a:pt x="343047" y="693263"/>
                  </a:cubicBezTo>
                  <a:cubicBezTo>
                    <a:pt x="361831" y="762536"/>
                    <a:pt x="407544" y="905383"/>
                    <a:pt x="459062" y="1001540"/>
                  </a:cubicBezTo>
                  <a:cubicBezTo>
                    <a:pt x="477282" y="1035504"/>
                    <a:pt x="504452" y="1068482"/>
                    <a:pt x="530654" y="1100116"/>
                  </a:cubicBezTo>
                  <a:cubicBezTo>
                    <a:pt x="574190" y="1153079"/>
                    <a:pt x="619339" y="1207654"/>
                    <a:pt x="627401" y="1270385"/>
                  </a:cubicBezTo>
                  <a:cubicBezTo>
                    <a:pt x="633689" y="1317702"/>
                    <a:pt x="629496" y="1381777"/>
                    <a:pt x="625466" y="1443791"/>
                  </a:cubicBezTo>
                  <a:cubicBezTo>
                    <a:pt x="620870" y="1514855"/>
                    <a:pt x="616517" y="1581888"/>
                    <a:pt x="627319" y="1620870"/>
                  </a:cubicBezTo>
                  <a:cubicBezTo>
                    <a:pt x="642718" y="1676521"/>
                    <a:pt x="663761" y="1732530"/>
                    <a:pt x="682304" y="1782178"/>
                  </a:cubicBezTo>
                  <a:cubicBezTo>
                    <a:pt x="688512" y="1798667"/>
                    <a:pt x="694478" y="1814529"/>
                    <a:pt x="699879" y="1829495"/>
                  </a:cubicBezTo>
                  <a:cubicBezTo>
                    <a:pt x="704937" y="1843450"/>
                    <a:pt x="709165" y="1857759"/>
                    <a:pt x="712537" y="1872330"/>
                  </a:cubicBezTo>
                  <a:cubicBezTo>
                    <a:pt x="717697" y="1893570"/>
                    <a:pt x="719068" y="1899215"/>
                    <a:pt x="744302" y="1912478"/>
                  </a:cubicBezTo>
                  <a:cubicBezTo>
                    <a:pt x="752364" y="1916600"/>
                    <a:pt x="758249" y="1919288"/>
                    <a:pt x="763088" y="1921439"/>
                  </a:cubicBezTo>
                  <a:cubicBezTo>
                    <a:pt x="782920" y="1930401"/>
                    <a:pt x="784855" y="1931925"/>
                    <a:pt x="803882" y="1977718"/>
                  </a:cubicBezTo>
                  <a:cubicBezTo>
                    <a:pt x="812185" y="1998568"/>
                    <a:pt x="819479" y="2019896"/>
                    <a:pt x="825731" y="2041614"/>
                  </a:cubicBezTo>
                  <a:cubicBezTo>
                    <a:pt x="837260" y="2079520"/>
                    <a:pt x="848224" y="2115366"/>
                    <a:pt x="868944" y="2139474"/>
                  </a:cubicBezTo>
                  <a:cubicBezTo>
                    <a:pt x="884291" y="2156257"/>
                    <a:pt x="900439" y="2172111"/>
                    <a:pt x="917317" y="2186969"/>
                  </a:cubicBezTo>
                  <a:cubicBezTo>
                    <a:pt x="950614" y="2217260"/>
                    <a:pt x="985039" y="2248535"/>
                    <a:pt x="995924" y="2274345"/>
                  </a:cubicBezTo>
                  <a:cubicBezTo>
                    <a:pt x="1013419" y="2315657"/>
                    <a:pt x="1066467" y="2404824"/>
                    <a:pt x="1094766" y="2436099"/>
                  </a:cubicBezTo>
                  <a:cubicBezTo>
                    <a:pt x="1126128" y="2470691"/>
                    <a:pt x="1231823" y="2574196"/>
                    <a:pt x="1304383" y="2595884"/>
                  </a:cubicBezTo>
                  <a:cubicBezTo>
                    <a:pt x="1339098" y="2606824"/>
                    <a:pt x="1372665" y="2621844"/>
                    <a:pt x="1404516" y="2640691"/>
                  </a:cubicBezTo>
                  <a:cubicBezTo>
                    <a:pt x="1428076" y="2654530"/>
                    <a:pt x="1452485" y="2666509"/>
                    <a:pt x="1477559" y="2676537"/>
                  </a:cubicBezTo>
                  <a:cubicBezTo>
                    <a:pt x="1494227" y="2682612"/>
                    <a:pt x="1511407" y="2686785"/>
                    <a:pt x="1528835" y="2688994"/>
                  </a:cubicBezTo>
                  <a:cubicBezTo>
                    <a:pt x="1557698" y="2693474"/>
                    <a:pt x="1580513" y="2696970"/>
                    <a:pt x="1622356" y="2743211"/>
                  </a:cubicBezTo>
                  <a:cubicBezTo>
                    <a:pt x="1680485" y="2807375"/>
                    <a:pt x="1744902" y="2850122"/>
                    <a:pt x="1808593" y="2866880"/>
                  </a:cubicBezTo>
                  <a:cubicBezTo>
                    <a:pt x="1872285" y="2883638"/>
                    <a:pt x="1955647" y="2937407"/>
                    <a:pt x="2014179" y="2979437"/>
                  </a:cubicBezTo>
                  <a:cubicBezTo>
                    <a:pt x="2069361" y="3020980"/>
                    <a:pt x="2130051" y="3052668"/>
                    <a:pt x="2194047" y="3073353"/>
                  </a:cubicBezTo>
                  <a:cubicBezTo>
                    <a:pt x="2265237" y="3097012"/>
                    <a:pt x="2354404" y="3106601"/>
                    <a:pt x="2415919" y="3097370"/>
                  </a:cubicBezTo>
                  <a:cubicBezTo>
                    <a:pt x="2484769" y="3086975"/>
                    <a:pt x="2597802" y="3083032"/>
                    <a:pt x="2646095" y="3081329"/>
                  </a:cubicBezTo>
                  <a:cubicBezTo>
                    <a:pt x="2683099" y="3079985"/>
                    <a:pt x="2795970" y="3076041"/>
                    <a:pt x="2859581" y="3091366"/>
                  </a:cubicBezTo>
                  <a:cubicBezTo>
                    <a:pt x="2897231" y="3100327"/>
                    <a:pt x="3024695" y="3129810"/>
                    <a:pt x="3084114" y="3125420"/>
                  </a:cubicBezTo>
                  <a:cubicBezTo>
                    <a:pt x="3141597" y="3121207"/>
                    <a:pt x="3297761" y="3133844"/>
                    <a:pt x="3308968" y="3187254"/>
                  </a:cubicBezTo>
                  <a:lnTo>
                    <a:pt x="3324606" y="3224549"/>
                  </a:lnTo>
                  <a:lnTo>
                    <a:pt x="3324606" y="3233281"/>
                  </a:lnTo>
                  <a:lnTo>
                    <a:pt x="3324125" y="3232151"/>
                  </a:lnTo>
                  <a:cubicBezTo>
                    <a:pt x="3315563" y="3219043"/>
                    <a:pt x="3309349" y="3204226"/>
                    <a:pt x="3305824" y="3188509"/>
                  </a:cubicBezTo>
                  <a:cubicBezTo>
                    <a:pt x="3295665" y="3140027"/>
                    <a:pt x="3146595" y="3125778"/>
                    <a:pt x="3085242" y="3130079"/>
                  </a:cubicBezTo>
                  <a:cubicBezTo>
                    <a:pt x="3025179" y="3134561"/>
                    <a:pt x="2897312" y="3105077"/>
                    <a:pt x="2859501" y="3095936"/>
                  </a:cubicBezTo>
                  <a:cubicBezTo>
                    <a:pt x="2796374" y="3080702"/>
                    <a:pt x="2683906" y="3084644"/>
                    <a:pt x="2646981" y="3085989"/>
                  </a:cubicBezTo>
                  <a:cubicBezTo>
                    <a:pt x="2598608" y="3087692"/>
                    <a:pt x="2485737" y="3091635"/>
                    <a:pt x="2417209" y="3102030"/>
                  </a:cubicBezTo>
                  <a:cubicBezTo>
                    <a:pt x="2355291" y="3110992"/>
                    <a:pt x="2265397" y="3102030"/>
                    <a:pt x="2193644" y="3077835"/>
                  </a:cubicBezTo>
                  <a:cubicBezTo>
                    <a:pt x="2129296" y="3057044"/>
                    <a:pt x="2068277" y="3025172"/>
                    <a:pt x="2012809" y="2983380"/>
                  </a:cubicBezTo>
                  <a:cubicBezTo>
                    <a:pt x="1954519" y="2941529"/>
                    <a:pt x="1871800" y="2888118"/>
                    <a:pt x="1808432" y="2871450"/>
                  </a:cubicBezTo>
                  <a:cubicBezTo>
                    <a:pt x="1745063" y="2854782"/>
                    <a:pt x="1678953" y="2811318"/>
                    <a:pt x="1620341" y="2746527"/>
                  </a:cubicBezTo>
                  <a:cubicBezTo>
                    <a:pt x="1579465" y="2701719"/>
                    <a:pt x="1558343" y="2698134"/>
                    <a:pt x="1529077" y="2693654"/>
                  </a:cubicBezTo>
                  <a:cubicBezTo>
                    <a:pt x="1511401" y="2691372"/>
                    <a:pt x="1493979" y="2687109"/>
                    <a:pt x="1477076" y="2680928"/>
                  </a:cubicBezTo>
                  <a:cubicBezTo>
                    <a:pt x="1451819" y="2670969"/>
                    <a:pt x="1427246" y="2658989"/>
                    <a:pt x="1403549" y="2645082"/>
                  </a:cubicBezTo>
                  <a:cubicBezTo>
                    <a:pt x="1371954" y="2626226"/>
                    <a:pt x="1338627" y="2611203"/>
                    <a:pt x="1304141" y="2600275"/>
                  </a:cubicBezTo>
                  <a:cubicBezTo>
                    <a:pt x="1230533" y="2578230"/>
                    <a:pt x="1124113" y="2474096"/>
                    <a:pt x="1092589" y="2438967"/>
                  </a:cubicBezTo>
                  <a:cubicBezTo>
                    <a:pt x="1063969" y="2407333"/>
                    <a:pt x="1010516" y="2317449"/>
                    <a:pt x="992940" y="2275957"/>
                  </a:cubicBezTo>
                  <a:cubicBezTo>
                    <a:pt x="982459" y="2251045"/>
                    <a:pt x="946825" y="2218603"/>
                    <a:pt x="915382" y="2190017"/>
                  </a:cubicBezTo>
                  <a:cubicBezTo>
                    <a:pt x="898209" y="2175084"/>
                    <a:pt x="881791" y="2159107"/>
                    <a:pt x="866203" y="2142162"/>
                  </a:cubicBezTo>
                  <a:cubicBezTo>
                    <a:pt x="844918" y="2117338"/>
                    <a:pt x="833954" y="2081045"/>
                    <a:pt x="822103" y="2042689"/>
                  </a:cubicBezTo>
                  <a:cubicBezTo>
                    <a:pt x="815960" y="2021112"/>
                    <a:pt x="808746" y="1999931"/>
                    <a:pt x="800496" y="1979242"/>
                  </a:cubicBezTo>
                  <a:cubicBezTo>
                    <a:pt x="781630" y="1933985"/>
                    <a:pt x="780179" y="1933268"/>
                    <a:pt x="761878" y="1925473"/>
                  </a:cubicBezTo>
                  <a:cubicBezTo>
                    <a:pt x="756879" y="1923322"/>
                    <a:pt x="750752" y="1920633"/>
                    <a:pt x="742770" y="1916511"/>
                  </a:cubicBezTo>
                  <a:cubicBezTo>
                    <a:pt x="715923" y="1902351"/>
                    <a:pt x="714311" y="1895720"/>
                    <a:pt x="708909" y="1873496"/>
                  </a:cubicBezTo>
                  <a:cubicBezTo>
                    <a:pt x="705559" y="1859075"/>
                    <a:pt x="701358" y="1844914"/>
                    <a:pt x="696332" y="1831107"/>
                  </a:cubicBezTo>
                  <a:cubicBezTo>
                    <a:pt x="690931" y="1816231"/>
                    <a:pt x="685046" y="1800370"/>
                    <a:pt x="678837" y="1783881"/>
                  </a:cubicBezTo>
                  <a:cubicBezTo>
                    <a:pt x="660213" y="1734413"/>
                    <a:pt x="639171" y="1678313"/>
                    <a:pt x="623692" y="1622573"/>
                  </a:cubicBezTo>
                  <a:cubicBezTo>
                    <a:pt x="612647" y="1582784"/>
                    <a:pt x="617081" y="1515035"/>
                    <a:pt x="621676" y="1443880"/>
                  </a:cubicBezTo>
                  <a:cubicBezTo>
                    <a:pt x="625707" y="1382046"/>
                    <a:pt x="629739" y="1318419"/>
                    <a:pt x="623611" y="1271460"/>
                  </a:cubicBezTo>
                  <a:cubicBezTo>
                    <a:pt x="615549" y="1209895"/>
                    <a:pt x="570884" y="1155678"/>
                    <a:pt x="527752" y="1103253"/>
                  </a:cubicBezTo>
                  <a:cubicBezTo>
                    <a:pt x="501388" y="1071170"/>
                    <a:pt x="474138" y="1038013"/>
                    <a:pt x="455675" y="1003601"/>
                  </a:cubicBezTo>
                  <a:cubicBezTo>
                    <a:pt x="403917" y="907175"/>
                    <a:pt x="358122" y="763880"/>
                    <a:pt x="339257" y="694428"/>
                  </a:cubicBezTo>
                  <a:cubicBezTo>
                    <a:pt x="317248" y="613774"/>
                    <a:pt x="301687" y="577928"/>
                    <a:pt x="256055" y="506236"/>
                  </a:cubicBezTo>
                  <a:cubicBezTo>
                    <a:pt x="207199" y="429616"/>
                    <a:pt x="163986" y="346453"/>
                    <a:pt x="143185" y="289278"/>
                  </a:cubicBezTo>
                  <a:cubicBezTo>
                    <a:pt x="121013" y="228161"/>
                    <a:pt x="104970" y="202710"/>
                    <a:pt x="61353" y="159784"/>
                  </a:cubicBezTo>
                  <a:cubicBezTo>
                    <a:pt x="28137" y="127075"/>
                    <a:pt x="8385" y="4328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47">
              <a:extLst>
                <a:ext uri="{FF2B5EF4-FFF2-40B4-BE49-F238E27FC236}">
                  <a16:creationId xmlns:a16="http://schemas.microsoft.com/office/drawing/2014/main" id="{32E92F09-0D55-4E41-892D-C4287D97B6AC}"/>
                </a:ext>
              </a:extLst>
            </p:cNvPr>
            <p:cNvSpPr/>
            <p:nvPr/>
          </p:nvSpPr>
          <p:spPr>
            <a:xfrm>
              <a:off x="9166097" y="-12090"/>
              <a:ext cx="3025902" cy="6882626"/>
            </a:xfrm>
            <a:custGeom>
              <a:avLst/>
              <a:gdLst>
                <a:gd name="connsiteX0" fmla="*/ 3025902 w 3025902"/>
                <a:gd name="connsiteY0" fmla="*/ 3529037 h 6882626"/>
                <a:gd name="connsiteX1" fmla="*/ 3025902 w 3025902"/>
                <a:gd name="connsiteY1" fmla="*/ 3535351 h 6882626"/>
                <a:gd name="connsiteX2" fmla="*/ 3016311 w 3025902"/>
                <a:gd name="connsiteY2" fmla="*/ 3547148 h 6882626"/>
                <a:gd name="connsiteX3" fmla="*/ 2898603 w 3025902"/>
                <a:gd name="connsiteY3" fmla="*/ 3651102 h 6882626"/>
                <a:gd name="connsiteX4" fmla="*/ 2838056 w 3025902"/>
                <a:gd name="connsiteY4" fmla="*/ 3693849 h 6882626"/>
                <a:gd name="connsiteX5" fmla="*/ 2775735 w 3025902"/>
                <a:gd name="connsiteY5" fmla="*/ 3753263 h 6882626"/>
                <a:gd name="connsiteX6" fmla="*/ 2566762 w 3025902"/>
                <a:gd name="connsiteY6" fmla="*/ 3936527 h 6882626"/>
                <a:gd name="connsiteX7" fmla="*/ 2364321 w 3025902"/>
                <a:gd name="connsiteY7" fmla="*/ 4161640 h 6882626"/>
                <a:gd name="connsiteX8" fmla="*/ 2265801 w 3025902"/>
                <a:gd name="connsiteY8" fmla="*/ 4283517 h 6882626"/>
                <a:gd name="connsiteX9" fmla="*/ 2020629 w 3025902"/>
                <a:gd name="connsiteY9" fmla="*/ 4737866 h 6882626"/>
                <a:gd name="connsiteX10" fmla="*/ 1704833 w 3025902"/>
                <a:gd name="connsiteY10" fmla="*/ 4990939 h 6882626"/>
                <a:gd name="connsiteX11" fmla="*/ 1644286 w 3025902"/>
                <a:gd name="connsiteY11" fmla="*/ 5327176 h 6882626"/>
                <a:gd name="connsiteX12" fmla="*/ 1639530 w 3025902"/>
                <a:gd name="connsiteY12" fmla="*/ 5444840 h 6882626"/>
                <a:gd name="connsiteX13" fmla="*/ 1633483 w 3025902"/>
                <a:gd name="connsiteY13" fmla="*/ 5505868 h 6882626"/>
                <a:gd name="connsiteX14" fmla="*/ 1635901 w 3025902"/>
                <a:gd name="connsiteY14" fmla="*/ 5708935 h 6882626"/>
                <a:gd name="connsiteX15" fmla="*/ 1711766 w 3025902"/>
                <a:gd name="connsiteY15" fmla="*/ 5996332 h 6882626"/>
                <a:gd name="connsiteX16" fmla="*/ 1733777 w 3025902"/>
                <a:gd name="connsiteY16" fmla="*/ 6057180 h 6882626"/>
                <a:gd name="connsiteX17" fmla="*/ 1864304 w 3025902"/>
                <a:gd name="connsiteY17" fmla="*/ 6340903 h 6882626"/>
                <a:gd name="connsiteX18" fmla="*/ 1899535 w 3025902"/>
                <a:gd name="connsiteY18" fmla="*/ 6411788 h 6882626"/>
                <a:gd name="connsiteX19" fmla="*/ 1974191 w 3025902"/>
                <a:gd name="connsiteY19" fmla="*/ 6584297 h 6882626"/>
                <a:gd name="connsiteX20" fmla="*/ 2091899 w 3025902"/>
                <a:gd name="connsiteY20" fmla="*/ 6850722 h 6882626"/>
                <a:gd name="connsiteX21" fmla="*/ 2108023 w 3025902"/>
                <a:gd name="connsiteY21" fmla="*/ 6882626 h 6882626"/>
                <a:gd name="connsiteX22" fmla="*/ 2103428 w 3025902"/>
                <a:gd name="connsiteY22" fmla="*/ 6882626 h 6882626"/>
                <a:gd name="connsiteX23" fmla="*/ 2088190 w 3025902"/>
                <a:gd name="connsiteY23" fmla="*/ 6852963 h 6882626"/>
                <a:gd name="connsiteX24" fmla="*/ 1970321 w 3025902"/>
                <a:gd name="connsiteY24" fmla="*/ 6586179 h 6882626"/>
                <a:gd name="connsiteX25" fmla="*/ 1895746 w 3025902"/>
                <a:gd name="connsiteY25" fmla="*/ 6413938 h 6882626"/>
                <a:gd name="connsiteX26" fmla="*/ 1860515 w 3025902"/>
                <a:gd name="connsiteY26" fmla="*/ 6343143 h 6882626"/>
                <a:gd name="connsiteX27" fmla="*/ 1729745 w 3025902"/>
                <a:gd name="connsiteY27" fmla="*/ 6058793 h 6882626"/>
                <a:gd name="connsiteX28" fmla="*/ 1707816 w 3025902"/>
                <a:gd name="connsiteY28" fmla="*/ 5998034 h 6882626"/>
                <a:gd name="connsiteX29" fmla="*/ 1631628 w 3025902"/>
                <a:gd name="connsiteY29" fmla="*/ 5709474 h 6882626"/>
                <a:gd name="connsiteX30" fmla="*/ 1629291 w 3025902"/>
                <a:gd name="connsiteY30" fmla="*/ 5505331 h 6882626"/>
                <a:gd name="connsiteX31" fmla="*/ 1635256 w 3025902"/>
                <a:gd name="connsiteY31" fmla="*/ 5444391 h 6882626"/>
                <a:gd name="connsiteX32" fmla="*/ 1640013 w 3025902"/>
                <a:gd name="connsiteY32" fmla="*/ 5327085 h 6882626"/>
                <a:gd name="connsiteX33" fmla="*/ 1702818 w 3025902"/>
                <a:gd name="connsiteY33" fmla="*/ 4986548 h 6882626"/>
                <a:gd name="connsiteX34" fmla="*/ 2016679 w 3025902"/>
                <a:gd name="connsiteY34" fmla="*/ 4735625 h 6882626"/>
                <a:gd name="connsiteX35" fmla="*/ 2262818 w 3025902"/>
                <a:gd name="connsiteY35" fmla="*/ 4279843 h 6882626"/>
                <a:gd name="connsiteX36" fmla="*/ 2361419 w 3025902"/>
                <a:gd name="connsiteY36" fmla="*/ 4158952 h 6882626"/>
                <a:gd name="connsiteX37" fmla="*/ 2564827 w 3025902"/>
                <a:gd name="connsiteY37" fmla="*/ 3932942 h 6882626"/>
                <a:gd name="connsiteX38" fmla="*/ 2773236 w 3025902"/>
                <a:gd name="connsiteY38" fmla="*/ 3750127 h 6882626"/>
                <a:gd name="connsiteX39" fmla="*/ 2835717 w 3025902"/>
                <a:gd name="connsiteY39" fmla="*/ 3690532 h 6882626"/>
                <a:gd name="connsiteX40" fmla="*/ 2896828 w 3025902"/>
                <a:gd name="connsiteY40" fmla="*/ 3647428 h 6882626"/>
                <a:gd name="connsiteX41" fmla="*/ 3013328 w 3025902"/>
                <a:gd name="connsiteY41" fmla="*/ 3544549 h 6882626"/>
                <a:gd name="connsiteX42" fmla="*/ 0 w 3025902"/>
                <a:gd name="connsiteY42" fmla="*/ 0 h 6882626"/>
                <a:gd name="connsiteX43" fmla="*/ 4434 w 3025902"/>
                <a:gd name="connsiteY43" fmla="*/ 0 h 6882626"/>
                <a:gd name="connsiteX44" fmla="*/ 82799 w 3025902"/>
                <a:gd name="connsiteY44" fmla="*/ 175109 h 6882626"/>
                <a:gd name="connsiteX45" fmla="*/ 167452 w 3025902"/>
                <a:gd name="connsiteY45" fmla="*/ 432125 h 6882626"/>
                <a:gd name="connsiteX46" fmla="*/ 182125 w 3025902"/>
                <a:gd name="connsiteY46" fmla="*/ 490196 h 6882626"/>
                <a:gd name="connsiteX47" fmla="*/ 214374 w 3025902"/>
                <a:gd name="connsiteY47" fmla="*/ 635103 h 6882626"/>
                <a:gd name="connsiteX48" fmla="*/ 264037 w 3025902"/>
                <a:gd name="connsiteY48" fmla="*/ 798292 h 6882626"/>
                <a:gd name="connsiteX49" fmla="*/ 417219 w 3025902"/>
                <a:gd name="connsiteY49" fmla="*/ 976178 h 6882626"/>
                <a:gd name="connsiteX50" fmla="*/ 494616 w 3025902"/>
                <a:gd name="connsiteY50" fmla="*/ 1340465 h 6882626"/>
                <a:gd name="connsiteX51" fmla="*/ 500341 w 3025902"/>
                <a:gd name="connsiteY51" fmla="*/ 1408751 h 6882626"/>
                <a:gd name="connsiteX52" fmla="*/ 618452 w 3025902"/>
                <a:gd name="connsiteY52" fmla="*/ 1692115 h 6882626"/>
                <a:gd name="connsiteX53" fmla="*/ 731322 w 3025902"/>
                <a:gd name="connsiteY53" fmla="*/ 2045915 h 6882626"/>
                <a:gd name="connsiteX54" fmla="*/ 755106 w 3025902"/>
                <a:gd name="connsiteY54" fmla="*/ 2144043 h 6882626"/>
                <a:gd name="connsiteX55" fmla="*/ 969076 w 3025902"/>
                <a:gd name="connsiteY55" fmla="*/ 2449542 h 6882626"/>
                <a:gd name="connsiteX56" fmla="*/ 978348 w 3025902"/>
                <a:gd name="connsiteY56" fmla="*/ 2456263 h 6882626"/>
                <a:gd name="connsiteX57" fmla="*/ 1211266 w 3025902"/>
                <a:gd name="connsiteY57" fmla="*/ 2547402 h 6882626"/>
                <a:gd name="connsiteX58" fmla="*/ 1442005 w 3025902"/>
                <a:gd name="connsiteY58" fmla="*/ 2662288 h 6882626"/>
                <a:gd name="connsiteX59" fmla="*/ 1466675 w 3025902"/>
                <a:gd name="connsiteY59" fmla="*/ 2684334 h 6882626"/>
                <a:gd name="connsiteX60" fmla="*/ 1537059 w 3025902"/>
                <a:gd name="connsiteY60" fmla="*/ 2717402 h 6882626"/>
                <a:gd name="connsiteX61" fmla="*/ 1649204 w 3025902"/>
                <a:gd name="connsiteY61" fmla="*/ 2764181 h 6882626"/>
                <a:gd name="connsiteX62" fmla="*/ 1747402 w 3025902"/>
                <a:gd name="connsiteY62" fmla="*/ 2835872 h 6882626"/>
                <a:gd name="connsiteX63" fmla="*/ 1955245 w 3025902"/>
                <a:gd name="connsiteY63" fmla="*/ 2966442 h 6882626"/>
                <a:gd name="connsiteX64" fmla="*/ 2131727 w 3025902"/>
                <a:gd name="connsiteY64" fmla="*/ 2973521 h 6882626"/>
                <a:gd name="connsiteX65" fmla="*/ 2199610 w 3025902"/>
                <a:gd name="connsiteY65" fmla="*/ 2964560 h 6882626"/>
                <a:gd name="connsiteX66" fmla="*/ 2536287 w 3025902"/>
                <a:gd name="connsiteY66" fmla="*/ 2938392 h 6882626"/>
                <a:gd name="connsiteX67" fmla="*/ 2537093 w 3025902"/>
                <a:gd name="connsiteY67" fmla="*/ 2938392 h 6882626"/>
                <a:gd name="connsiteX68" fmla="*/ 2701563 w 3025902"/>
                <a:gd name="connsiteY68" fmla="*/ 2974239 h 6882626"/>
                <a:gd name="connsiteX69" fmla="*/ 2803067 w 3025902"/>
                <a:gd name="connsiteY69" fmla="*/ 2971281 h 6882626"/>
                <a:gd name="connsiteX70" fmla="*/ 2925289 w 3025902"/>
                <a:gd name="connsiteY70" fmla="*/ 2964201 h 6882626"/>
                <a:gd name="connsiteX71" fmla="*/ 3019536 w 3025902"/>
                <a:gd name="connsiteY71" fmla="*/ 2978272 h 6882626"/>
                <a:gd name="connsiteX72" fmla="*/ 3025902 w 3025902"/>
                <a:gd name="connsiteY72" fmla="*/ 2979232 h 6882626"/>
                <a:gd name="connsiteX73" fmla="*/ 3025902 w 3025902"/>
                <a:gd name="connsiteY73" fmla="*/ 2983914 h 6882626"/>
                <a:gd name="connsiteX74" fmla="*/ 3018811 w 3025902"/>
                <a:gd name="connsiteY74" fmla="*/ 2982841 h 6882626"/>
                <a:gd name="connsiteX75" fmla="*/ 2925128 w 3025902"/>
                <a:gd name="connsiteY75" fmla="*/ 2968772 h 6882626"/>
                <a:gd name="connsiteX76" fmla="*/ 2803711 w 3025902"/>
                <a:gd name="connsiteY76" fmla="*/ 2975852 h 6882626"/>
                <a:gd name="connsiteX77" fmla="*/ 2700999 w 3025902"/>
                <a:gd name="connsiteY77" fmla="*/ 2978809 h 6882626"/>
                <a:gd name="connsiteX78" fmla="*/ 2536610 w 3025902"/>
                <a:gd name="connsiteY78" fmla="*/ 2942963 h 6882626"/>
                <a:gd name="connsiteX79" fmla="*/ 2197998 w 3025902"/>
                <a:gd name="connsiteY79" fmla="*/ 2968861 h 6882626"/>
                <a:gd name="connsiteX80" fmla="*/ 2132935 w 3025902"/>
                <a:gd name="connsiteY80" fmla="*/ 2977823 h 6882626"/>
                <a:gd name="connsiteX81" fmla="*/ 1953391 w 3025902"/>
                <a:gd name="connsiteY81" fmla="*/ 2970744 h 6882626"/>
                <a:gd name="connsiteX82" fmla="*/ 1744741 w 3025902"/>
                <a:gd name="connsiteY82" fmla="*/ 2839726 h 6882626"/>
                <a:gd name="connsiteX83" fmla="*/ 1646866 w 3025902"/>
                <a:gd name="connsiteY83" fmla="*/ 2768034 h 6882626"/>
                <a:gd name="connsiteX84" fmla="*/ 1536091 w 3025902"/>
                <a:gd name="connsiteY84" fmla="*/ 2721793 h 6882626"/>
                <a:gd name="connsiteX85" fmla="*/ 1463532 w 3025902"/>
                <a:gd name="connsiteY85" fmla="*/ 2687828 h 6882626"/>
                <a:gd name="connsiteX86" fmla="*/ 1438781 w 3025902"/>
                <a:gd name="connsiteY86" fmla="*/ 2665783 h 6882626"/>
                <a:gd name="connsiteX87" fmla="*/ 1214571 w 3025902"/>
                <a:gd name="connsiteY87" fmla="*/ 2551793 h 6882626"/>
                <a:gd name="connsiteX88" fmla="*/ 1210620 w 3025902"/>
                <a:gd name="connsiteY88" fmla="*/ 2551793 h 6882626"/>
                <a:gd name="connsiteX89" fmla="*/ 975446 w 3025902"/>
                <a:gd name="connsiteY89" fmla="*/ 2459937 h 6882626"/>
                <a:gd name="connsiteX90" fmla="*/ 966174 w 3025902"/>
                <a:gd name="connsiteY90" fmla="*/ 2453127 h 6882626"/>
                <a:gd name="connsiteX91" fmla="*/ 750511 w 3025902"/>
                <a:gd name="connsiteY91" fmla="*/ 2145209 h 6882626"/>
                <a:gd name="connsiteX92" fmla="*/ 726727 w 3025902"/>
                <a:gd name="connsiteY92" fmla="*/ 2046632 h 6882626"/>
                <a:gd name="connsiteX93" fmla="*/ 614743 w 3025902"/>
                <a:gd name="connsiteY93" fmla="*/ 1694713 h 6882626"/>
                <a:gd name="connsiteX94" fmla="*/ 495664 w 3025902"/>
                <a:gd name="connsiteY94" fmla="*/ 1408840 h 6882626"/>
                <a:gd name="connsiteX95" fmla="*/ 489940 w 3025902"/>
                <a:gd name="connsiteY95" fmla="*/ 1340465 h 6882626"/>
                <a:gd name="connsiteX96" fmla="*/ 414155 w 3025902"/>
                <a:gd name="connsiteY96" fmla="*/ 979404 h 6882626"/>
                <a:gd name="connsiteX97" fmla="*/ 260006 w 3025902"/>
                <a:gd name="connsiteY97" fmla="*/ 800174 h 6882626"/>
                <a:gd name="connsiteX98" fmla="*/ 210585 w 3025902"/>
                <a:gd name="connsiteY98" fmla="*/ 636179 h 6882626"/>
                <a:gd name="connsiteX99" fmla="*/ 178336 w 3025902"/>
                <a:gd name="connsiteY99" fmla="*/ 491539 h 6882626"/>
                <a:gd name="connsiteX100" fmla="*/ 163663 w 3025902"/>
                <a:gd name="connsiteY100" fmla="*/ 433468 h 6882626"/>
                <a:gd name="connsiteX101" fmla="*/ 79252 w 3025902"/>
                <a:gd name="connsiteY101" fmla="*/ 177259 h 6882626"/>
                <a:gd name="connsiteX102" fmla="*/ 0 w 3025902"/>
                <a:gd name="connsiteY102" fmla="*/ 0 h 6882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3025902" h="6882626">
                  <a:moveTo>
                    <a:pt x="3025902" y="3529037"/>
                  </a:moveTo>
                  <a:lnTo>
                    <a:pt x="3025902" y="3535351"/>
                  </a:lnTo>
                  <a:lnTo>
                    <a:pt x="3016311" y="3547148"/>
                  </a:lnTo>
                  <a:cubicBezTo>
                    <a:pt x="2977774" y="3601903"/>
                    <a:pt x="2937543" y="3626906"/>
                    <a:pt x="2898603" y="3651102"/>
                  </a:cubicBezTo>
                  <a:cubicBezTo>
                    <a:pt x="2877405" y="3663491"/>
                    <a:pt x="2857155" y="3677788"/>
                    <a:pt x="2838056" y="3693849"/>
                  </a:cubicBezTo>
                  <a:cubicBezTo>
                    <a:pt x="2821931" y="3707918"/>
                    <a:pt x="2800566" y="3728978"/>
                    <a:pt x="2775735" y="3753263"/>
                  </a:cubicBezTo>
                  <a:cubicBezTo>
                    <a:pt x="2716801" y="3810886"/>
                    <a:pt x="2636098" y="3889747"/>
                    <a:pt x="2566762" y="3936527"/>
                  </a:cubicBezTo>
                  <a:cubicBezTo>
                    <a:pt x="2504603" y="3978467"/>
                    <a:pt x="2429705" y="4075789"/>
                    <a:pt x="2364321" y="4161640"/>
                  </a:cubicBezTo>
                  <a:cubicBezTo>
                    <a:pt x="2333375" y="4204110"/>
                    <a:pt x="2300492" y="4244788"/>
                    <a:pt x="2265801" y="4283517"/>
                  </a:cubicBezTo>
                  <a:cubicBezTo>
                    <a:pt x="2193241" y="4358255"/>
                    <a:pt x="2059973" y="4635794"/>
                    <a:pt x="2020629" y="4737866"/>
                  </a:cubicBezTo>
                  <a:cubicBezTo>
                    <a:pt x="1988381" y="4820491"/>
                    <a:pt x="1831329" y="4921129"/>
                    <a:pt x="1704833" y="4990939"/>
                  </a:cubicBezTo>
                  <a:cubicBezTo>
                    <a:pt x="1651461" y="5020332"/>
                    <a:pt x="1647511" y="5190512"/>
                    <a:pt x="1644286" y="5327176"/>
                  </a:cubicBezTo>
                  <a:cubicBezTo>
                    <a:pt x="1643238" y="5371983"/>
                    <a:pt x="1642271" y="5414102"/>
                    <a:pt x="1639530" y="5444840"/>
                  </a:cubicBezTo>
                  <a:cubicBezTo>
                    <a:pt x="1637271" y="5469485"/>
                    <a:pt x="1635256" y="5488751"/>
                    <a:pt x="1633483" y="5505868"/>
                  </a:cubicBezTo>
                  <a:cubicBezTo>
                    <a:pt x="1626629" y="5571735"/>
                    <a:pt x="1624292" y="5593960"/>
                    <a:pt x="1635901" y="5708935"/>
                  </a:cubicBezTo>
                  <a:cubicBezTo>
                    <a:pt x="1647511" y="5823912"/>
                    <a:pt x="1681533" y="5915050"/>
                    <a:pt x="1711766" y="5996332"/>
                  </a:cubicBezTo>
                  <a:cubicBezTo>
                    <a:pt x="1719828" y="6017660"/>
                    <a:pt x="1727165" y="6037824"/>
                    <a:pt x="1733777" y="6057180"/>
                  </a:cubicBezTo>
                  <a:cubicBezTo>
                    <a:pt x="1758366" y="6128873"/>
                    <a:pt x="1817059" y="6246537"/>
                    <a:pt x="1864304" y="6340903"/>
                  </a:cubicBezTo>
                  <a:cubicBezTo>
                    <a:pt x="1877203" y="6366800"/>
                    <a:pt x="1889458" y="6391177"/>
                    <a:pt x="1899535" y="6411788"/>
                  </a:cubicBezTo>
                  <a:cubicBezTo>
                    <a:pt x="1919288" y="6452294"/>
                    <a:pt x="1945973" y="6516458"/>
                    <a:pt x="1974191" y="6584297"/>
                  </a:cubicBezTo>
                  <a:cubicBezTo>
                    <a:pt x="2011922" y="6674898"/>
                    <a:pt x="2054813" y="6777687"/>
                    <a:pt x="2091899" y="6850722"/>
                  </a:cubicBezTo>
                  <a:lnTo>
                    <a:pt x="2108023" y="6882626"/>
                  </a:lnTo>
                  <a:lnTo>
                    <a:pt x="2103428" y="6882626"/>
                  </a:lnTo>
                  <a:cubicBezTo>
                    <a:pt x="2098429" y="6872858"/>
                    <a:pt x="2093269" y="6863000"/>
                    <a:pt x="2088190" y="6852963"/>
                  </a:cubicBezTo>
                  <a:cubicBezTo>
                    <a:pt x="2050863" y="6779658"/>
                    <a:pt x="2008052" y="6676870"/>
                    <a:pt x="1970321" y="6586179"/>
                  </a:cubicBezTo>
                  <a:cubicBezTo>
                    <a:pt x="1942104" y="6518341"/>
                    <a:pt x="1915418" y="6454355"/>
                    <a:pt x="1895746" y="6413938"/>
                  </a:cubicBezTo>
                  <a:cubicBezTo>
                    <a:pt x="1885669" y="6393327"/>
                    <a:pt x="1873494" y="6369131"/>
                    <a:pt x="1860515" y="6343143"/>
                  </a:cubicBezTo>
                  <a:cubicBezTo>
                    <a:pt x="1813269" y="6248599"/>
                    <a:pt x="1754416" y="6131023"/>
                    <a:pt x="1729745" y="6058793"/>
                  </a:cubicBezTo>
                  <a:cubicBezTo>
                    <a:pt x="1723215" y="6039527"/>
                    <a:pt x="1715717" y="6019363"/>
                    <a:pt x="1707816" y="5998034"/>
                  </a:cubicBezTo>
                  <a:cubicBezTo>
                    <a:pt x="1677502" y="5916395"/>
                    <a:pt x="1643318" y="5823823"/>
                    <a:pt x="1631628" y="5709474"/>
                  </a:cubicBezTo>
                  <a:cubicBezTo>
                    <a:pt x="1619938" y="5595125"/>
                    <a:pt x="1622357" y="5571645"/>
                    <a:pt x="1629291" y="5505331"/>
                  </a:cubicBezTo>
                  <a:cubicBezTo>
                    <a:pt x="1631064" y="5488303"/>
                    <a:pt x="1633079" y="5469485"/>
                    <a:pt x="1635256" y="5444391"/>
                  </a:cubicBezTo>
                  <a:cubicBezTo>
                    <a:pt x="1637998" y="5413833"/>
                    <a:pt x="1638965" y="5371714"/>
                    <a:pt x="1640013" y="5327085"/>
                  </a:cubicBezTo>
                  <a:cubicBezTo>
                    <a:pt x="1643238" y="5189167"/>
                    <a:pt x="1647269" y="5017554"/>
                    <a:pt x="1702818" y="4986548"/>
                  </a:cubicBezTo>
                  <a:cubicBezTo>
                    <a:pt x="1880750" y="4887971"/>
                    <a:pt x="1992170" y="4799252"/>
                    <a:pt x="2016679" y="4735625"/>
                  </a:cubicBezTo>
                  <a:cubicBezTo>
                    <a:pt x="2049814" y="4649505"/>
                    <a:pt x="2185985" y="4359241"/>
                    <a:pt x="2262818" y="4279843"/>
                  </a:cubicBezTo>
                  <a:cubicBezTo>
                    <a:pt x="2297502" y="4241423"/>
                    <a:pt x="2330411" y="4201075"/>
                    <a:pt x="2361419" y="4158952"/>
                  </a:cubicBezTo>
                  <a:cubicBezTo>
                    <a:pt x="2427367" y="4072831"/>
                    <a:pt x="2502185" y="3975151"/>
                    <a:pt x="2564827" y="3932942"/>
                  </a:cubicBezTo>
                  <a:cubicBezTo>
                    <a:pt x="2633921" y="3886253"/>
                    <a:pt x="2714382" y="3807481"/>
                    <a:pt x="2773236" y="3750127"/>
                  </a:cubicBezTo>
                  <a:cubicBezTo>
                    <a:pt x="2798148" y="3725752"/>
                    <a:pt x="2819674" y="3704692"/>
                    <a:pt x="2835717" y="3690532"/>
                  </a:cubicBezTo>
                  <a:cubicBezTo>
                    <a:pt x="2854979" y="3674308"/>
                    <a:pt x="2875421" y="3659891"/>
                    <a:pt x="2896828" y="3647428"/>
                  </a:cubicBezTo>
                  <a:cubicBezTo>
                    <a:pt x="2935366" y="3623411"/>
                    <a:pt x="2975274" y="3598588"/>
                    <a:pt x="3013328" y="3544549"/>
                  </a:cubicBezTo>
                  <a:close/>
                  <a:moveTo>
                    <a:pt x="0" y="0"/>
                  </a:moveTo>
                  <a:lnTo>
                    <a:pt x="4434" y="0"/>
                  </a:lnTo>
                  <a:cubicBezTo>
                    <a:pt x="26606" y="52335"/>
                    <a:pt x="57000" y="122504"/>
                    <a:pt x="82799" y="175109"/>
                  </a:cubicBezTo>
                  <a:cubicBezTo>
                    <a:pt x="123755" y="258630"/>
                    <a:pt x="138347" y="316610"/>
                    <a:pt x="167452" y="432125"/>
                  </a:cubicBezTo>
                  <a:cubicBezTo>
                    <a:pt x="171967" y="450048"/>
                    <a:pt x="176805" y="469315"/>
                    <a:pt x="182125" y="490196"/>
                  </a:cubicBezTo>
                  <a:cubicBezTo>
                    <a:pt x="196557" y="546474"/>
                    <a:pt x="206312" y="593611"/>
                    <a:pt x="214374" y="635103"/>
                  </a:cubicBezTo>
                  <a:cubicBezTo>
                    <a:pt x="228886" y="706795"/>
                    <a:pt x="239448" y="758861"/>
                    <a:pt x="264037" y="798292"/>
                  </a:cubicBezTo>
                  <a:cubicBezTo>
                    <a:pt x="306739" y="865831"/>
                    <a:pt x="358384" y="925804"/>
                    <a:pt x="417219" y="976178"/>
                  </a:cubicBezTo>
                  <a:cubicBezTo>
                    <a:pt x="470027" y="1021613"/>
                    <a:pt x="484780" y="1213479"/>
                    <a:pt x="494616" y="1340465"/>
                  </a:cubicBezTo>
                  <a:cubicBezTo>
                    <a:pt x="496631" y="1367349"/>
                    <a:pt x="498406" y="1390111"/>
                    <a:pt x="500341" y="1408751"/>
                  </a:cubicBezTo>
                  <a:cubicBezTo>
                    <a:pt x="511628" y="1521486"/>
                    <a:pt x="571046" y="1631893"/>
                    <a:pt x="618452" y="1692115"/>
                  </a:cubicBezTo>
                  <a:cubicBezTo>
                    <a:pt x="659972" y="1744987"/>
                    <a:pt x="699557" y="1911851"/>
                    <a:pt x="731322" y="2045915"/>
                  </a:cubicBezTo>
                  <a:cubicBezTo>
                    <a:pt x="739385" y="2081761"/>
                    <a:pt x="747447" y="2115008"/>
                    <a:pt x="755106" y="2144043"/>
                  </a:cubicBezTo>
                  <a:cubicBezTo>
                    <a:pt x="790822" y="2284292"/>
                    <a:pt x="932474" y="2422837"/>
                    <a:pt x="969076" y="2449542"/>
                  </a:cubicBezTo>
                  <a:lnTo>
                    <a:pt x="978348" y="2456263"/>
                  </a:lnTo>
                  <a:cubicBezTo>
                    <a:pt x="1019224" y="2486464"/>
                    <a:pt x="1104038" y="2549284"/>
                    <a:pt x="1211266" y="2547402"/>
                  </a:cubicBezTo>
                  <a:cubicBezTo>
                    <a:pt x="1313171" y="2545699"/>
                    <a:pt x="1384522" y="2610132"/>
                    <a:pt x="1442005" y="2662288"/>
                  </a:cubicBezTo>
                  <a:cubicBezTo>
                    <a:pt x="1450632" y="2670085"/>
                    <a:pt x="1458775" y="2677523"/>
                    <a:pt x="1466675" y="2684334"/>
                  </a:cubicBezTo>
                  <a:cubicBezTo>
                    <a:pt x="1486759" y="2702702"/>
                    <a:pt x="1511211" y="2714191"/>
                    <a:pt x="1537059" y="2717402"/>
                  </a:cubicBezTo>
                  <a:cubicBezTo>
                    <a:pt x="1562293" y="2722331"/>
                    <a:pt x="1593494" y="2728603"/>
                    <a:pt x="1649204" y="2764181"/>
                  </a:cubicBezTo>
                  <a:cubicBezTo>
                    <a:pt x="1687257" y="2788466"/>
                    <a:pt x="1717813" y="2812663"/>
                    <a:pt x="1747402" y="2835872"/>
                  </a:cubicBezTo>
                  <a:cubicBezTo>
                    <a:pt x="1800612" y="2877903"/>
                    <a:pt x="1855596" y="2921276"/>
                    <a:pt x="1955245" y="2966442"/>
                  </a:cubicBezTo>
                  <a:cubicBezTo>
                    <a:pt x="2050218" y="3009457"/>
                    <a:pt x="2095447" y="2989563"/>
                    <a:pt x="2131727" y="2973521"/>
                  </a:cubicBezTo>
                  <a:cubicBezTo>
                    <a:pt x="2154381" y="2963484"/>
                    <a:pt x="2173973" y="2954881"/>
                    <a:pt x="2199610" y="2964560"/>
                  </a:cubicBezTo>
                  <a:cubicBezTo>
                    <a:pt x="2263705" y="2988129"/>
                    <a:pt x="2533627" y="2938930"/>
                    <a:pt x="2536287" y="2938392"/>
                  </a:cubicBezTo>
                  <a:lnTo>
                    <a:pt x="2537093" y="2938392"/>
                  </a:lnTo>
                  <a:cubicBezTo>
                    <a:pt x="2537900" y="2938392"/>
                    <a:pt x="2620295" y="2960617"/>
                    <a:pt x="2701563" y="2974239"/>
                  </a:cubicBezTo>
                  <a:cubicBezTo>
                    <a:pt x="2735307" y="2979595"/>
                    <a:pt x="2769621" y="2978595"/>
                    <a:pt x="2803067" y="2971281"/>
                  </a:cubicBezTo>
                  <a:cubicBezTo>
                    <a:pt x="2843409" y="2963524"/>
                    <a:pt x="2884440" y="2961147"/>
                    <a:pt x="2925289" y="2964201"/>
                  </a:cubicBezTo>
                  <a:cubicBezTo>
                    <a:pt x="2956988" y="2966137"/>
                    <a:pt x="2988501" y="2970841"/>
                    <a:pt x="3019536" y="2978272"/>
                  </a:cubicBezTo>
                  <a:lnTo>
                    <a:pt x="3025902" y="2979232"/>
                  </a:lnTo>
                  <a:lnTo>
                    <a:pt x="3025902" y="2983914"/>
                  </a:lnTo>
                  <a:lnTo>
                    <a:pt x="3018811" y="2982841"/>
                  </a:lnTo>
                  <a:cubicBezTo>
                    <a:pt x="2987959" y="2975450"/>
                    <a:pt x="2956637" y="2970746"/>
                    <a:pt x="2925128" y="2968772"/>
                  </a:cubicBezTo>
                  <a:cubicBezTo>
                    <a:pt x="2884547" y="2965812"/>
                    <a:pt x="2843791" y="2968189"/>
                    <a:pt x="2803711" y="2975852"/>
                  </a:cubicBezTo>
                  <a:cubicBezTo>
                    <a:pt x="2769872" y="2983306"/>
                    <a:pt x="2735139" y="2984306"/>
                    <a:pt x="2700999" y="2978809"/>
                  </a:cubicBezTo>
                  <a:cubicBezTo>
                    <a:pt x="2622472" y="2965456"/>
                    <a:pt x="2542979" y="2944486"/>
                    <a:pt x="2536610" y="2942963"/>
                  </a:cubicBezTo>
                  <a:cubicBezTo>
                    <a:pt x="2520486" y="2945920"/>
                    <a:pt x="2262495" y="2992610"/>
                    <a:pt x="2197998" y="2968861"/>
                  </a:cubicBezTo>
                  <a:cubicBezTo>
                    <a:pt x="2173811" y="2959900"/>
                    <a:pt x="2155752" y="2967876"/>
                    <a:pt x="2132935" y="2977823"/>
                  </a:cubicBezTo>
                  <a:cubicBezTo>
                    <a:pt x="2095931" y="2994133"/>
                    <a:pt x="2049895" y="3014476"/>
                    <a:pt x="1953391" y="2970744"/>
                  </a:cubicBezTo>
                  <a:cubicBezTo>
                    <a:pt x="1853339" y="2925488"/>
                    <a:pt x="1798113" y="2881846"/>
                    <a:pt x="1744741" y="2839726"/>
                  </a:cubicBezTo>
                  <a:cubicBezTo>
                    <a:pt x="1713223" y="2814012"/>
                    <a:pt x="1680556" y="2790084"/>
                    <a:pt x="1646866" y="2768034"/>
                  </a:cubicBezTo>
                  <a:cubicBezTo>
                    <a:pt x="1591881" y="2732816"/>
                    <a:pt x="1560923" y="2726722"/>
                    <a:pt x="1536091" y="2721793"/>
                  </a:cubicBezTo>
                  <a:cubicBezTo>
                    <a:pt x="1509437" y="2718603"/>
                    <a:pt x="1484209" y="2706795"/>
                    <a:pt x="1463532" y="2687828"/>
                  </a:cubicBezTo>
                  <a:cubicBezTo>
                    <a:pt x="1455469" y="2681017"/>
                    <a:pt x="1447407" y="2673580"/>
                    <a:pt x="1438781" y="2665783"/>
                  </a:cubicBezTo>
                  <a:cubicBezTo>
                    <a:pt x="1382345" y="2614971"/>
                    <a:pt x="1312688" y="2551793"/>
                    <a:pt x="1214571" y="2551793"/>
                  </a:cubicBezTo>
                  <a:lnTo>
                    <a:pt x="1210620" y="2551793"/>
                  </a:lnTo>
                  <a:cubicBezTo>
                    <a:pt x="1102426" y="2553585"/>
                    <a:pt x="1016563" y="2490316"/>
                    <a:pt x="975446" y="2459937"/>
                  </a:cubicBezTo>
                  <a:lnTo>
                    <a:pt x="966174" y="2453127"/>
                  </a:lnTo>
                  <a:cubicBezTo>
                    <a:pt x="929089" y="2426242"/>
                    <a:pt x="786548" y="2286711"/>
                    <a:pt x="750511" y="2145209"/>
                  </a:cubicBezTo>
                  <a:cubicBezTo>
                    <a:pt x="743094" y="2116084"/>
                    <a:pt x="735192" y="2082478"/>
                    <a:pt x="726727" y="2046632"/>
                  </a:cubicBezTo>
                  <a:cubicBezTo>
                    <a:pt x="695123" y="1913016"/>
                    <a:pt x="655699" y="1746779"/>
                    <a:pt x="614743" y="1694713"/>
                  </a:cubicBezTo>
                  <a:cubicBezTo>
                    <a:pt x="566934" y="1634044"/>
                    <a:pt x="507113" y="1522652"/>
                    <a:pt x="495664" y="1408840"/>
                  </a:cubicBezTo>
                  <a:cubicBezTo>
                    <a:pt x="493810" y="1390200"/>
                    <a:pt x="492036" y="1367169"/>
                    <a:pt x="489940" y="1340465"/>
                  </a:cubicBezTo>
                  <a:cubicBezTo>
                    <a:pt x="480185" y="1214286"/>
                    <a:pt x="465753" y="1023585"/>
                    <a:pt x="414155" y="979404"/>
                  </a:cubicBezTo>
                  <a:cubicBezTo>
                    <a:pt x="354917" y="928665"/>
                    <a:pt x="302944" y="868234"/>
                    <a:pt x="260006" y="800174"/>
                  </a:cubicBezTo>
                  <a:cubicBezTo>
                    <a:pt x="235819" y="760654"/>
                    <a:pt x="224936" y="708408"/>
                    <a:pt x="210585" y="636179"/>
                  </a:cubicBezTo>
                  <a:cubicBezTo>
                    <a:pt x="202120" y="594686"/>
                    <a:pt x="192606" y="547728"/>
                    <a:pt x="178336" y="491539"/>
                  </a:cubicBezTo>
                  <a:lnTo>
                    <a:pt x="163663" y="433468"/>
                  </a:lnTo>
                  <a:cubicBezTo>
                    <a:pt x="134639" y="318224"/>
                    <a:pt x="120046" y="260332"/>
                    <a:pt x="79252" y="177259"/>
                  </a:cubicBezTo>
                  <a:cubicBezTo>
                    <a:pt x="53130" y="123490"/>
                    <a:pt x="22171" y="52604"/>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48">
              <a:extLst>
                <a:ext uri="{FF2B5EF4-FFF2-40B4-BE49-F238E27FC236}">
                  <a16:creationId xmlns:a16="http://schemas.microsoft.com/office/drawing/2014/main" id="{77E3CF0B-96E1-1A47-945B-C8B76AF0A841}"/>
                </a:ext>
              </a:extLst>
            </p:cNvPr>
            <p:cNvSpPr/>
            <p:nvPr/>
          </p:nvSpPr>
          <p:spPr>
            <a:xfrm>
              <a:off x="9354832" y="-12178"/>
              <a:ext cx="2837167" cy="6882447"/>
            </a:xfrm>
            <a:custGeom>
              <a:avLst/>
              <a:gdLst>
                <a:gd name="connsiteX0" fmla="*/ 2837167 w 2837167"/>
                <a:gd name="connsiteY0" fmla="*/ 3673272 h 6882447"/>
                <a:gd name="connsiteX1" fmla="*/ 2837167 w 2837167"/>
                <a:gd name="connsiteY1" fmla="*/ 3678349 h 6882447"/>
                <a:gd name="connsiteX2" fmla="*/ 2784393 w 2837167"/>
                <a:gd name="connsiteY2" fmla="*/ 3713300 h 6882447"/>
                <a:gd name="connsiteX3" fmla="*/ 2554911 w 2837167"/>
                <a:gd name="connsiteY3" fmla="*/ 3932942 h 6882447"/>
                <a:gd name="connsiteX4" fmla="*/ 2428174 w 2837167"/>
                <a:gd name="connsiteY4" fmla="*/ 4069605 h 6882447"/>
                <a:gd name="connsiteX5" fmla="*/ 2353033 w 2837167"/>
                <a:gd name="connsiteY5" fmla="*/ 4149005 h 6882447"/>
                <a:gd name="connsiteX6" fmla="*/ 2278136 w 2837167"/>
                <a:gd name="connsiteY6" fmla="*/ 4263443 h 6882447"/>
                <a:gd name="connsiteX7" fmla="*/ 2138740 w 2837167"/>
                <a:gd name="connsiteY7" fmla="*/ 4463823 h 6882447"/>
                <a:gd name="connsiteX8" fmla="*/ 1911628 w 2837167"/>
                <a:gd name="connsiteY8" fmla="*/ 4791904 h 6882447"/>
                <a:gd name="connsiteX9" fmla="*/ 1654928 w 2837167"/>
                <a:gd name="connsiteY9" fmla="*/ 5124825 h 6882447"/>
                <a:gd name="connsiteX10" fmla="*/ 1648881 w 2837167"/>
                <a:gd name="connsiteY10" fmla="*/ 5131277 h 6882447"/>
                <a:gd name="connsiteX11" fmla="*/ 1492474 w 2837167"/>
                <a:gd name="connsiteY11" fmla="*/ 5550676 h 6882447"/>
                <a:gd name="connsiteX12" fmla="*/ 1594703 w 2837167"/>
                <a:gd name="connsiteY12" fmla="*/ 5921235 h 6882447"/>
                <a:gd name="connsiteX13" fmla="*/ 1632112 w 2837167"/>
                <a:gd name="connsiteY13" fmla="*/ 6016048 h 6882447"/>
                <a:gd name="connsiteX14" fmla="*/ 1800450 w 2837167"/>
                <a:gd name="connsiteY14" fmla="*/ 6366981 h 6882447"/>
                <a:gd name="connsiteX15" fmla="*/ 1874462 w 2837167"/>
                <a:gd name="connsiteY15" fmla="*/ 6514936 h 6882447"/>
                <a:gd name="connsiteX16" fmla="*/ 1891875 w 2837167"/>
                <a:gd name="connsiteY16" fmla="*/ 6562521 h 6882447"/>
                <a:gd name="connsiteX17" fmla="*/ 2051507 w 2837167"/>
                <a:gd name="connsiteY17" fmla="*/ 6882447 h 6882447"/>
                <a:gd name="connsiteX18" fmla="*/ 2046348 w 2837167"/>
                <a:gd name="connsiteY18" fmla="*/ 6882447 h 6882447"/>
                <a:gd name="connsiteX19" fmla="*/ 1888167 w 2837167"/>
                <a:gd name="connsiteY19" fmla="*/ 6564134 h 6882447"/>
                <a:gd name="connsiteX20" fmla="*/ 1870753 w 2837167"/>
                <a:gd name="connsiteY20" fmla="*/ 6516817 h 6882447"/>
                <a:gd name="connsiteX21" fmla="*/ 1796903 w 2837167"/>
                <a:gd name="connsiteY21" fmla="*/ 6369221 h 6882447"/>
                <a:gd name="connsiteX22" fmla="*/ 1628322 w 2837167"/>
                <a:gd name="connsiteY22" fmla="*/ 6017481 h 6882447"/>
                <a:gd name="connsiteX23" fmla="*/ 1591075 w 2837167"/>
                <a:gd name="connsiteY23" fmla="*/ 5923206 h 6882447"/>
                <a:gd name="connsiteX24" fmla="*/ 1488444 w 2837167"/>
                <a:gd name="connsiteY24" fmla="*/ 5550587 h 6882447"/>
                <a:gd name="connsiteX25" fmla="*/ 1646059 w 2837167"/>
                <a:gd name="connsiteY25" fmla="*/ 5128051 h 6882447"/>
                <a:gd name="connsiteX26" fmla="*/ 1652106 w 2837167"/>
                <a:gd name="connsiteY26" fmla="*/ 5121599 h 6882447"/>
                <a:gd name="connsiteX27" fmla="*/ 1908000 w 2837167"/>
                <a:gd name="connsiteY27" fmla="*/ 4790022 h 6882447"/>
                <a:gd name="connsiteX28" fmla="*/ 2136080 w 2837167"/>
                <a:gd name="connsiteY28" fmla="*/ 4460597 h 6882447"/>
                <a:gd name="connsiteX29" fmla="*/ 2274750 w 2837167"/>
                <a:gd name="connsiteY29" fmla="*/ 4261024 h 6882447"/>
                <a:gd name="connsiteX30" fmla="*/ 2350212 w 2837167"/>
                <a:gd name="connsiteY30" fmla="*/ 4145958 h 6882447"/>
                <a:gd name="connsiteX31" fmla="*/ 2425432 w 2837167"/>
                <a:gd name="connsiteY31" fmla="*/ 4066379 h 6882447"/>
                <a:gd name="connsiteX32" fmla="*/ 2552008 w 2837167"/>
                <a:gd name="connsiteY32" fmla="*/ 3929985 h 6882447"/>
                <a:gd name="connsiteX33" fmla="*/ 2782295 w 2837167"/>
                <a:gd name="connsiteY33" fmla="*/ 3709587 h 6882447"/>
                <a:gd name="connsiteX34" fmla="*/ 0 w 2837167"/>
                <a:gd name="connsiteY34" fmla="*/ 0 h 6882447"/>
                <a:gd name="connsiteX35" fmla="*/ 4676 w 2837167"/>
                <a:gd name="connsiteY35" fmla="*/ 0 h 6882447"/>
                <a:gd name="connsiteX36" fmla="*/ 53050 w 2837167"/>
                <a:gd name="connsiteY36" fmla="*/ 138814 h 6882447"/>
                <a:gd name="connsiteX37" fmla="*/ 124883 w 2837167"/>
                <a:gd name="connsiteY37" fmla="*/ 329336 h 6882447"/>
                <a:gd name="connsiteX38" fmla="*/ 192122 w 2837167"/>
                <a:gd name="connsiteY38" fmla="*/ 584291 h 6882447"/>
                <a:gd name="connsiteX39" fmla="*/ 209779 w 2837167"/>
                <a:gd name="connsiteY39" fmla="*/ 688693 h 6882447"/>
                <a:gd name="connsiteX40" fmla="*/ 297818 w 2837167"/>
                <a:gd name="connsiteY40" fmla="*/ 822578 h 6882447"/>
                <a:gd name="connsiteX41" fmla="*/ 318457 w 2837167"/>
                <a:gd name="connsiteY41" fmla="*/ 844175 h 6882447"/>
                <a:gd name="connsiteX42" fmla="*/ 358768 w 2837167"/>
                <a:gd name="connsiteY42" fmla="*/ 891223 h 6882447"/>
                <a:gd name="connsiteX43" fmla="*/ 435359 w 2837167"/>
                <a:gd name="connsiteY43" fmla="*/ 974297 h 6882447"/>
                <a:gd name="connsiteX44" fmla="*/ 483007 w 2837167"/>
                <a:gd name="connsiteY44" fmla="*/ 1109436 h 6882447"/>
                <a:gd name="connsiteX45" fmla="*/ 483007 w 2837167"/>
                <a:gd name="connsiteY45" fmla="*/ 1116247 h 6882447"/>
                <a:gd name="connsiteX46" fmla="*/ 483570 w 2837167"/>
                <a:gd name="connsiteY46" fmla="*/ 1143132 h 6882447"/>
                <a:gd name="connsiteX47" fmla="*/ 549035 w 2837167"/>
                <a:gd name="connsiteY47" fmla="*/ 1437786 h 6882447"/>
                <a:gd name="connsiteX48" fmla="*/ 637075 w 2837167"/>
                <a:gd name="connsiteY48" fmla="*/ 1719178 h 6882447"/>
                <a:gd name="connsiteX49" fmla="*/ 653200 w 2837167"/>
                <a:gd name="connsiteY49" fmla="*/ 1829763 h 6882447"/>
                <a:gd name="connsiteX50" fmla="*/ 790741 w 2837167"/>
                <a:gd name="connsiteY50" fmla="*/ 2261619 h 6882447"/>
                <a:gd name="connsiteX51" fmla="*/ 1076384 w 2837167"/>
                <a:gd name="connsiteY51" fmla="*/ 2409215 h 6882447"/>
                <a:gd name="connsiteX52" fmla="*/ 1245046 w 2837167"/>
                <a:gd name="connsiteY52" fmla="*/ 2491661 h 6882447"/>
                <a:gd name="connsiteX53" fmla="*/ 1345662 w 2837167"/>
                <a:gd name="connsiteY53" fmla="*/ 2553764 h 6882447"/>
                <a:gd name="connsiteX54" fmla="*/ 1371380 w 2837167"/>
                <a:gd name="connsiteY54" fmla="*/ 2568282 h 6882447"/>
                <a:gd name="connsiteX55" fmla="*/ 1594461 w 2837167"/>
                <a:gd name="connsiteY55" fmla="*/ 2754861 h 6882447"/>
                <a:gd name="connsiteX56" fmla="*/ 1890908 w 2837167"/>
                <a:gd name="connsiteY56" fmla="*/ 2843491 h 6882447"/>
                <a:gd name="connsiteX57" fmla="*/ 2023048 w 2837167"/>
                <a:gd name="connsiteY57" fmla="*/ 2858366 h 6882447"/>
                <a:gd name="connsiteX58" fmla="*/ 2275878 w 2837167"/>
                <a:gd name="connsiteY58" fmla="*/ 2824403 h 6882447"/>
                <a:gd name="connsiteX59" fmla="*/ 2441879 w 2837167"/>
                <a:gd name="connsiteY59" fmla="*/ 2844028 h 6882447"/>
                <a:gd name="connsiteX60" fmla="*/ 2528790 w 2837167"/>
                <a:gd name="connsiteY60" fmla="*/ 2868314 h 6882447"/>
                <a:gd name="connsiteX61" fmla="*/ 2693904 w 2837167"/>
                <a:gd name="connsiteY61" fmla="*/ 2833633 h 6882447"/>
                <a:gd name="connsiteX62" fmla="*/ 2761304 w 2837167"/>
                <a:gd name="connsiteY62" fmla="*/ 2802268 h 6882447"/>
                <a:gd name="connsiteX63" fmla="*/ 2826164 w 2837167"/>
                <a:gd name="connsiteY63" fmla="*/ 2783844 h 6882447"/>
                <a:gd name="connsiteX64" fmla="*/ 2837167 w 2837167"/>
                <a:gd name="connsiteY64" fmla="*/ 2784300 h 6882447"/>
                <a:gd name="connsiteX65" fmla="*/ 2837167 w 2837167"/>
                <a:gd name="connsiteY65" fmla="*/ 2789162 h 6882447"/>
                <a:gd name="connsiteX66" fmla="*/ 2826270 w 2837167"/>
                <a:gd name="connsiteY66" fmla="*/ 2788703 h 6882447"/>
                <a:gd name="connsiteX67" fmla="*/ 2762271 w 2837167"/>
                <a:gd name="connsiteY67" fmla="*/ 2806837 h 6882447"/>
                <a:gd name="connsiteX68" fmla="*/ 2694952 w 2837167"/>
                <a:gd name="connsiteY68" fmla="*/ 2838114 h 6882447"/>
                <a:gd name="connsiteX69" fmla="*/ 2527580 w 2837167"/>
                <a:gd name="connsiteY69" fmla="*/ 2873064 h 6882447"/>
                <a:gd name="connsiteX70" fmla="*/ 2440186 w 2837167"/>
                <a:gd name="connsiteY70" fmla="*/ 2848688 h 6882447"/>
                <a:gd name="connsiteX71" fmla="*/ 2277007 w 2837167"/>
                <a:gd name="connsiteY71" fmla="*/ 2828794 h 6882447"/>
                <a:gd name="connsiteX72" fmla="*/ 2021435 w 2837167"/>
                <a:gd name="connsiteY72" fmla="*/ 2863027 h 6882447"/>
                <a:gd name="connsiteX73" fmla="*/ 1890182 w 2837167"/>
                <a:gd name="connsiteY73" fmla="*/ 2848330 h 6882447"/>
                <a:gd name="connsiteX74" fmla="*/ 1590753 w 2837167"/>
                <a:gd name="connsiteY74" fmla="*/ 2758087 h 6882447"/>
                <a:gd name="connsiteX75" fmla="*/ 1370736 w 2837167"/>
                <a:gd name="connsiteY75" fmla="*/ 2571956 h 6882447"/>
                <a:gd name="connsiteX76" fmla="*/ 1344937 w 2837167"/>
                <a:gd name="connsiteY76" fmla="*/ 2557528 h 6882447"/>
                <a:gd name="connsiteX77" fmla="*/ 1244159 w 2837167"/>
                <a:gd name="connsiteY77" fmla="*/ 2494798 h 6882447"/>
                <a:gd name="connsiteX78" fmla="*/ 1076868 w 2837167"/>
                <a:gd name="connsiteY78" fmla="*/ 2412980 h 6882447"/>
                <a:gd name="connsiteX79" fmla="*/ 788806 w 2837167"/>
                <a:gd name="connsiteY79" fmla="*/ 2263860 h 6882447"/>
                <a:gd name="connsiteX80" fmla="*/ 650378 w 2837167"/>
                <a:gd name="connsiteY80" fmla="*/ 1829763 h 6882447"/>
                <a:gd name="connsiteX81" fmla="*/ 634254 w 2837167"/>
                <a:gd name="connsiteY81" fmla="*/ 1719178 h 6882447"/>
                <a:gd name="connsiteX82" fmla="*/ 547100 w 2837167"/>
                <a:gd name="connsiteY82" fmla="*/ 1439937 h 6882447"/>
                <a:gd name="connsiteX83" fmla="*/ 480668 w 2837167"/>
                <a:gd name="connsiteY83" fmla="*/ 1142504 h 6882447"/>
                <a:gd name="connsiteX84" fmla="*/ 480104 w 2837167"/>
                <a:gd name="connsiteY84" fmla="*/ 1115620 h 6882447"/>
                <a:gd name="connsiteX85" fmla="*/ 480104 w 2837167"/>
                <a:gd name="connsiteY85" fmla="*/ 1108719 h 6882447"/>
                <a:gd name="connsiteX86" fmla="*/ 433908 w 2837167"/>
                <a:gd name="connsiteY86" fmla="*/ 976895 h 6882447"/>
                <a:gd name="connsiteX87" fmla="*/ 356914 w 2837167"/>
                <a:gd name="connsiteY87" fmla="*/ 893374 h 6882447"/>
                <a:gd name="connsiteX88" fmla="*/ 316603 w 2837167"/>
                <a:gd name="connsiteY88" fmla="*/ 846415 h 6882447"/>
                <a:gd name="connsiteX89" fmla="*/ 296044 w 2837167"/>
                <a:gd name="connsiteY89" fmla="*/ 824908 h 6882447"/>
                <a:gd name="connsiteX90" fmla="*/ 207360 w 2837167"/>
                <a:gd name="connsiteY90" fmla="*/ 689231 h 6882447"/>
                <a:gd name="connsiteX91" fmla="*/ 189543 w 2837167"/>
                <a:gd name="connsiteY91" fmla="*/ 584022 h 6882447"/>
                <a:gd name="connsiteX92" fmla="*/ 122868 w 2837167"/>
                <a:gd name="connsiteY92" fmla="*/ 330859 h 6882447"/>
                <a:gd name="connsiteX93" fmla="*/ 50308 w 2837167"/>
                <a:gd name="connsiteY93" fmla="*/ 139263 h 6882447"/>
                <a:gd name="connsiteX94" fmla="*/ 0 w 2837167"/>
                <a:gd name="connsiteY94" fmla="*/ 0 h 6882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2837167" h="6882447">
                  <a:moveTo>
                    <a:pt x="2837167" y="3673272"/>
                  </a:moveTo>
                  <a:lnTo>
                    <a:pt x="2837167" y="3678349"/>
                  </a:lnTo>
                  <a:lnTo>
                    <a:pt x="2784393" y="3713300"/>
                  </a:lnTo>
                  <a:cubicBezTo>
                    <a:pt x="2695768" y="3781851"/>
                    <a:pt x="2597721" y="3881996"/>
                    <a:pt x="2554911" y="3932942"/>
                  </a:cubicBezTo>
                  <a:cubicBezTo>
                    <a:pt x="2520002" y="3974524"/>
                    <a:pt x="2471226" y="4025067"/>
                    <a:pt x="2428174" y="4069605"/>
                  </a:cubicBezTo>
                  <a:cubicBezTo>
                    <a:pt x="2399472" y="4099358"/>
                    <a:pt x="2372383" y="4127408"/>
                    <a:pt x="2353033" y="4149005"/>
                  </a:cubicBezTo>
                  <a:cubicBezTo>
                    <a:pt x="2333684" y="4170602"/>
                    <a:pt x="2307724" y="4213886"/>
                    <a:pt x="2278136" y="4263443"/>
                  </a:cubicBezTo>
                  <a:cubicBezTo>
                    <a:pt x="2235245" y="4335136"/>
                    <a:pt x="2186711" y="4416326"/>
                    <a:pt x="2138740" y="4463823"/>
                  </a:cubicBezTo>
                  <a:cubicBezTo>
                    <a:pt x="2053684" y="4547882"/>
                    <a:pt x="1958228" y="4685890"/>
                    <a:pt x="1911628" y="4791904"/>
                  </a:cubicBezTo>
                  <a:cubicBezTo>
                    <a:pt x="1865029" y="4897919"/>
                    <a:pt x="1706848" y="5068725"/>
                    <a:pt x="1654928" y="5124825"/>
                  </a:cubicBezTo>
                  <a:lnTo>
                    <a:pt x="1648881" y="5131277"/>
                  </a:lnTo>
                  <a:cubicBezTo>
                    <a:pt x="1606877" y="5176711"/>
                    <a:pt x="1495215" y="5374403"/>
                    <a:pt x="1492474" y="5550676"/>
                  </a:cubicBezTo>
                  <a:cubicBezTo>
                    <a:pt x="1490459" y="5676137"/>
                    <a:pt x="1550683" y="5817909"/>
                    <a:pt x="1594703" y="5921235"/>
                  </a:cubicBezTo>
                  <a:cubicBezTo>
                    <a:pt x="1608601" y="5952118"/>
                    <a:pt x="1621087" y="5983763"/>
                    <a:pt x="1632112" y="6016048"/>
                  </a:cubicBezTo>
                  <a:cubicBezTo>
                    <a:pt x="1649688" y="6073223"/>
                    <a:pt x="1736920" y="6243044"/>
                    <a:pt x="1800450" y="6366981"/>
                  </a:cubicBezTo>
                  <a:cubicBezTo>
                    <a:pt x="1836731" y="6437777"/>
                    <a:pt x="1865432" y="6493607"/>
                    <a:pt x="1874462" y="6514936"/>
                  </a:cubicBezTo>
                  <a:cubicBezTo>
                    <a:pt x="1879460" y="6526765"/>
                    <a:pt x="1884942" y="6542537"/>
                    <a:pt x="1891875" y="6562521"/>
                  </a:cubicBezTo>
                  <a:cubicBezTo>
                    <a:pt x="1918320" y="6638246"/>
                    <a:pt x="1961372" y="6761109"/>
                    <a:pt x="2051507" y="6882447"/>
                  </a:cubicBezTo>
                  <a:lnTo>
                    <a:pt x="2046348" y="6882447"/>
                  </a:lnTo>
                  <a:cubicBezTo>
                    <a:pt x="1957180" y="6761557"/>
                    <a:pt x="1914450" y="6639501"/>
                    <a:pt x="1888167" y="6564134"/>
                  </a:cubicBezTo>
                  <a:cubicBezTo>
                    <a:pt x="1881233" y="6544240"/>
                    <a:pt x="1875751" y="6528288"/>
                    <a:pt x="1870753" y="6516817"/>
                  </a:cubicBezTo>
                  <a:cubicBezTo>
                    <a:pt x="1861885" y="6495669"/>
                    <a:pt x="1831732" y="6437060"/>
                    <a:pt x="1796903" y="6369221"/>
                  </a:cubicBezTo>
                  <a:cubicBezTo>
                    <a:pt x="1733211" y="6245104"/>
                    <a:pt x="1645979" y="6075104"/>
                    <a:pt x="1628322" y="6017481"/>
                  </a:cubicBezTo>
                  <a:cubicBezTo>
                    <a:pt x="1620986" y="5993554"/>
                    <a:pt x="1607118" y="5960934"/>
                    <a:pt x="1591075" y="5923206"/>
                  </a:cubicBezTo>
                  <a:cubicBezTo>
                    <a:pt x="1546894" y="5819432"/>
                    <a:pt x="1486267" y="5677302"/>
                    <a:pt x="1488444" y="5550587"/>
                  </a:cubicBezTo>
                  <a:cubicBezTo>
                    <a:pt x="1491184" y="5373059"/>
                    <a:pt x="1603813" y="5174203"/>
                    <a:pt x="1646059" y="5128051"/>
                  </a:cubicBezTo>
                  <a:lnTo>
                    <a:pt x="1652106" y="5121599"/>
                  </a:lnTo>
                  <a:cubicBezTo>
                    <a:pt x="1703946" y="5065589"/>
                    <a:pt x="1861723" y="4895320"/>
                    <a:pt x="1908000" y="4790022"/>
                  </a:cubicBezTo>
                  <a:cubicBezTo>
                    <a:pt x="1954277" y="4684724"/>
                    <a:pt x="2050701" y="4544924"/>
                    <a:pt x="2136080" y="4460597"/>
                  </a:cubicBezTo>
                  <a:cubicBezTo>
                    <a:pt x="2183646" y="4413459"/>
                    <a:pt x="2232020" y="4332448"/>
                    <a:pt x="2274750" y="4261024"/>
                  </a:cubicBezTo>
                  <a:cubicBezTo>
                    <a:pt x="2304499" y="4211287"/>
                    <a:pt x="2330138" y="4168272"/>
                    <a:pt x="2350212" y="4145958"/>
                  </a:cubicBezTo>
                  <a:cubicBezTo>
                    <a:pt x="2370287" y="4123644"/>
                    <a:pt x="2396731" y="4096131"/>
                    <a:pt x="2425432" y="4066379"/>
                  </a:cubicBezTo>
                  <a:cubicBezTo>
                    <a:pt x="2468404" y="4021572"/>
                    <a:pt x="2517180" y="3971387"/>
                    <a:pt x="2552008" y="3929985"/>
                  </a:cubicBezTo>
                  <a:cubicBezTo>
                    <a:pt x="2594940" y="3878837"/>
                    <a:pt x="2693289" y="3778390"/>
                    <a:pt x="2782295" y="3709587"/>
                  </a:cubicBezTo>
                  <a:close/>
                  <a:moveTo>
                    <a:pt x="0" y="0"/>
                  </a:moveTo>
                  <a:lnTo>
                    <a:pt x="4676" y="0"/>
                  </a:lnTo>
                  <a:cubicBezTo>
                    <a:pt x="23945" y="37549"/>
                    <a:pt x="38296" y="87106"/>
                    <a:pt x="53050" y="138814"/>
                  </a:cubicBezTo>
                  <a:cubicBezTo>
                    <a:pt x="72479" y="205309"/>
                    <a:pt x="92634" y="274133"/>
                    <a:pt x="124883" y="329336"/>
                  </a:cubicBezTo>
                  <a:cubicBezTo>
                    <a:pt x="170596" y="406316"/>
                    <a:pt x="182528" y="504982"/>
                    <a:pt x="192122" y="584291"/>
                  </a:cubicBezTo>
                  <a:cubicBezTo>
                    <a:pt x="195245" y="619600"/>
                    <a:pt x="201152" y="654534"/>
                    <a:pt x="209779" y="688693"/>
                  </a:cubicBezTo>
                  <a:cubicBezTo>
                    <a:pt x="229692" y="752768"/>
                    <a:pt x="264440" y="788614"/>
                    <a:pt x="297818" y="822578"/>
                  </a:cubicBezTo>
                  <a:cubicBezTo>
                    <a:pt x="304671" y="829568"/>
                    <a:pt x="311765" y="836827"/>
                    <a:pt x="318457" y="844175"/>
                  </a:cubicBezTo>
                  <a:cubicBezTo>
                    <a:pt x="332405" y="859320"/>
                    <a:pt x="346030" y="875541"/>
                    <a:pt x="358768" y="891223"/>
                  </a:cubicBezTo>
                  <a:cubicBezTo>
                    <a:pt x="382399" y="920999"/>
                    <a:pt x="408001" y="948767"/>
                    <a:pt x="435359" y="974297"/>
                  </a:cubicBezTo>
                  <a:cubicBezTo>
                    <a:pt x="478975" y="1013369"/>
                    <a:pt x="480749" y="1055756"/>
                    <a:pt x="483007" y="1109436"/>
                  </a:cubicBezTo>
                  <a:lnTo>
                    <a:pt x="483007" y="1116247"/>
                  </a:lnTo>
                  <a:cubicBezTo>
                    <a:pt x="483007" y="1123416"/>
                    <a:pt x="483007" y="1132557"/>
                    <a:pt x="483570" y="1143132"/>
                  </a:cubicBezTo>
                  <a:cubicBezTo>
                    <a:pt x="484780" y="1212853"/>
                    <a:pt x="487199" y="1358208"/>
                    <a:pt x="549035" y="1437786"/>
                  </a:cubicBezTo>
                  <a:cubicBezTo>
                    <a:pt x="607487" y="1513152"/>
                    <a:pt x="616759" y="1577766"/>
                    <a:pt x="637075" y="1719178"/>
                  </a:cubicBezTo>
                  <a:cubicBezTo>
                    <a:pt x="641751" y="1751529"/>
                    <a:pt x="647073" y="1788092"/>
                    <a:pt x="653200" y="1829763"/>
                  </a:cubicBezTo>
                  <a:cubicBezTo>
                    <a:pt x="688028" y="2050665"/>
                    <a:pt x="731725" y="2188224"/>
                    <a:pt x="790741" y="2261619"/>
                  </a:cubicBezTo>
                  <a:cubicBezTo>
                    <a:pt x="849756" y="2335014"/>
                    <a:pt x="995198" y="2395594"/>
                    <a:pt x="1076384" y="2409215"/>
                  </a:cubicBezTo>
                  <a:cubicBezTo>
                    <a:pt x="1132820" y="2418715"/>
                    <a:pt x="1182321" y="2450886"/>
                    <a:pt x="1245046" y="2491661"/>
                  </a:cubicBezTo>
                  <a:cubicBezTo>
                    <a:pt x="1274633" y="2510929"/>
                    <a:pt x="1308173" y="2532705"/>
                    <a:pt x="1345662" y="2553764"/>
                  </a:cubicBezTo>
                  <a:lnTo>
                    <a:pt x="1371380" y="2568282"/>
                  </a:lnTo>
                  <a:cubicBezTo>
                    <a:pt x="1468126" y="2622052"/>
                    <a:pt x="1516499" y="2648936"/>
                    <a:pt x="1594461" y="2754861"/>
                  </a:cubicBezTo>
                  <a:cubicBezTo>
                    <a:pt x="1650896" y="2831393"/>
                    <a:pt x="1784165" y="2838114"/>
                    <a:pt x="1890908" y="2843491"/>
                  </a:cubicBezTo>
                  <a:cubicBezTo>
                    <a:pt x="1942265" y="2846089"/>
                    <a:pt x="1990799" y="2848599"/>
                    <a:pt x="2023048" y="2858366"/>
                  </a:cubicBezTo>
                  <a:cubicBezTo>
                    <a:pt x="2125841" y="2889463"/>
                    <a:pt x="2225570" y="2850480"/>
                    <a:pt x="2275878" y="2824403"/>
                  </a:cubicBezTo>
                  <a:cubicBezTo>
                    <a:pt x="2316189" y="2803701"/>
                    <a:pt x="2379881" y="2824403"/>
                    <a:pt x="2441879" y="2844028"/>
                  </a:cubicBezTo>
                  <a:cubicBezTo>
                    <a:pt x="2470432" y="2853866"/>
                    <a:pt x="2499445" y="2861973"/>
                    <a:pt x="2528790" y="2868314"/>
                  </a:cubicBezTo>
                  <a:cubicBezTo>
                    <a:pt x="2595142" y="2880860"/>
                    <a:pt x="2624004" y="2867059"/>
                    <a:pt x="2693904" y="2833633"/>
                  </a:cubicBezTo>
                  <a:cubicBezTo>
                    <a:pt x="2713092" y="2824671"/>
                    <a:pt x="2734778" y="2814097"/>
                    <a:pt x="2761304" y="2802268"/>
                  </a:cubicBezTo>
                  <a:cubicBezTo>
                    <a:pt x="2784704" y="2791850"/>
                    <a:pt x="2806205" y="2786120"/>
                    <a:pt x="2826164" y="2783844"/>
                  </a:cubicBezTo>
                  <a:lnTo>
                    <a:pt x="2837167" y="2784300"/>
                  </a:lnTo>
                  <a:lnTo>
                    <a:pt x="2837167" y="2789162"/>
                  </a:lnTo>
                  <a:lnTo>
                    <a:pt x="2826270" y="2788703"/>
                  </a:lnTo>
                  <a:cubicBezTo>
                    <a:pt x="2806583" y="2790937"/>
                    <a:pt x="2785369" y="2796577"/>
                    <a:pt x="2762271" y="2806837"/>
                  </a:cubicBezTo>
                  <a:cubicBezTo>
                    <a:pt x="2735826" y="2818667"/>
                    <a:pt x="2713898" y="2828973"/>
                    <a:pt x="2694952" y="2838114"/>
                  </a:cubicBezTo>
                  <a:cubicBezTo>
                    <a:pt x="2624327" y="2871899"/>
                    <a:pt x="2595061" y="2885878"/>
                    <a:pt x="2527580" y="2873064"/>
                  </a:cubicBezTo>
                  <a:cubicBezTo>
                    <a:pt x="2498079" y="2866672"/>
                    <a:pt x="2468906" y="2858536"/>
                    <a:pt x="2440186" y="2848688"/>
                  </a:cubicBezTo>
                  <a:cubicBezTo>
                    <a:pt x="2378914" y="2829062"/>
                    <a:pt x="2315624" y="2808809"/>
                    <a:pt x="2277007" y="2828794"/>
                  </a:cubicBezTo>
                  <a:cubicBezTo>
                    <a:pt x="2226215" y="2855140"/>
                    <a:pt x="2125438" y="2894482"/>
                    <a:pt x="2021435" y="2863027"/>
                  </a:cubicBezTo>
                  <a:cubicBezTo>
                    <a:pt x="1989186" y="2853348"/>
                    <a:pt x="1941297" y="2850928"/>
                    <a:pt x="1890182" y="2848330"/>
                  </a:cubicBezTo>
                  <a:cubicBezTo>
                    <a:pt x="1782552" y="2842953"/>
                    <a:pt x="1648316" y="2836142"/>
                    <a:pt x="1590753" y="2758087"/>
                  </a:cubicBezTo>
                  <a:cubicBezTo>
                    <a:pt x="1514646" y="2652610"/>
                    <a:pt x="1466514" y="2625726"/>
                    <a:pt x="1370736" y="2571956"/>
                  </a:cubicBezTo>
                  <a:lnTo>
                    <a:pt x="1344937" y="2557528"/>
                  </a:lnTo>
                  <a:cubicBezTo>
                    <a:pt x="1307366" y="2536379"/>
                    <a:pt x="1273828" y="2514513"/>
                    <a:pt x="1244159" y="2494798"/>
                  </a:cubicBezTo>
                  <a:cubicBezTo>
                    <a:pt x="1181758" y="2454292"/>
                    <a:pt x="1132497" y="2422299"/>
                    <a:pt x="1076868" y="2412980"/>
                  </a:cubicBezTo>
                  <a:cubicBezTo>
                    <a:pt x="995118" y="2399268"/>
                    <a:pt x="849514" y="2339763"/>
                    <a:pt x="788806" y="2263860"/>
                  </a:cubicBezTo>
                  <a:cubicBezTo>
                    <a:pt x="729306" y="2189479"/>
                    <a:pt x="685367" y="2051561"/>
                    <a:pt x="650378" y="1829763"/>
                  </a:cubicBezTo>
                  <a:cubicBezTo>
                    <a:pt x="643766" y="1788092"/>
                    <a:pt x="638526" y="1751529"/>
                    <a:pt x="634254" y="1719178"/>
                  </a:cubicBezTo>
                  <a:cubicBezTo>
                    <a:pt x="614017" y="1578572"/>
                    <a:pt x="604827" y="1514408"/>
                    <a:pt x="547100" y="1439937"/>
                  </a:cubicBezTo>
                  <a:cubicBezTo>
                    <a:pt x="484297" y="1358836"/>
                    <a:pt x="481877" y="1212762"/>
                    <a:pt x="480668" y="1142504"/>
                  </a:cubicBezTo>
                  <a:cubicBezTo>
                    <a:pt x="480668" y="1132019"/>
                    <a:pt x="480668" y="1122968"/>
                    <a:pt x="480104" y="1115620"/>
                  </a:cubicBezTo>
                  <a:lnTo>
                    <a:pt x="480104" y="1108719"/>
                  </a:lnTo>
                  <a:cubicBezTo>
                    <a:pt x="477927" y="1056205"/>
                    <a:pt x="476154" y="1014713"/>
                    <a:pt x="433908" y="976895"/>
                  </a:cubicBezTo>
                  <a:cubicBezTo>
                    <a:pt x="406453" y="951169"/>
                    <a:pt x="380720" y="923255"/>
                    <a:pt x="356914" y="893374"/>
                  </a:cubicBezTo>
                  <a:cubicBezTo>
                    <a:pt x="343853" y="877781"/>
                    <a:pt x="330228" y="861561"/>
                    <a:pt x="316603" y="846415"/>
                  </a:cubicBezTo>
                  <a:cubicBezTo>
                    <a:pt x="309991" y="839157"/>
                    <a:pt x="302897" y="831988"/>
                    <a:pt x="296044" y="824908"/>
                  </a:cubicBezTo>
                  <a:cubicBezTo>
                    <a:pt x="262344" y="790317"/>
                    <a:pt x="227354" y="754381"/>
                    <a:pt x="207360" y="689231"/>
                  </a:cubicBezTo>
                  <a:cubicBezTo>
                    <a:pt x="199298" y="662346"/>
                    <a:pt x="194622" y="626052"/>
                    <a:pt x="189543" y="584022"/>
                  </a:cubicBezTo>
                  <a:cubicBezTo>
                    <a:pt x="179948" y="505161"/>
                    <a:pt x="168097" y="407032"/>
                    <a:pt x="122868" y="330859"/>
                  </a:cubicBezTo>
                  <a:cubicBezTo>
                    <a:pt x="89813" y="275209"/>
                    <a:pt x="69818" y="206115"/>
                    <a:pt x="50308" y="139263"/>
                  </a:cubicBezTo>
                  <a:cubicBezTo>
                    <a:pt x="34184" y="87644"/>
                    <a:pt x="20075" y="3736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49">
              <a:extLst>
                <a:ext uri="{FF2B5EF4-FFF2-40B4-BE49-F238E27FC236}">
                  <a16:creationId xmlns:a16="http://schemas.microsoft.com/office/drawing/2014/main" id="{EF96327A-17B7-284A-B684-73F3281B4F53}"/>
                </a:ext>
              </a:extLst>
            </p:cNvPr>
            <p:cNvSpPr/>
            <p:nvPr/>
          </p:nvSpPr>
          <p:spPr>
            <a:xfrm>
              <a:off x="9506564" y="-13253"/>
              <a:ext cx="2685435" cy="6883343"/>
            </a:xfrm>
            <a:custGeom>
              <a:avLst/>
              <a:gdLst>
                <a:gd name="connsiteX0" fmla="*/ 2685435 w 2685435"/>
                <a:gd name="connsiteY0" fmla="*/ 3832865 h 6883343"/>
                <a:gd name="connsiteX1" fmla="*/ 2685435 w 2685435"/>
                <a:gd name="connsiteY1" fmla="*/ 3838966 h 6883343"/>
                <a:gd name="connsiteX2" fmla="*/ 2639242 w 2685435"/>
                <a:gd name="connsiteY2" fmla="*/ 3870211 h 6883343"/>
                <a:gd name="connsiteX3" fmla="*/ 2346745 w 2685435"/>
                <a:gd name="connsiteY3" fmla="*/ 4236648 h 6883343"/>
                <a:gd name="connsiteX4" fmla="*/ 2034174 w 2685435"/>
                <a:gd name="connsiteY4" fmla="*/ 4635436 h 6883343"/>
                <a:gd name="connsiteX5" fmla="*/ 1861965 w 2685435"/>
                <a:gd name="connsiteY5" fmla="*/ 4859474 h 6883343"/>
                <a:gd name="connsiteX6" fmla="*/ 1729180 w 2685435"/>
                <a:gd name="connsiteY6" fmla="*/ 5036016 h 6883343"/>
                <a:gd name="connsiteX7" fmla="*/ 1573741 w 2685435"/>
                <a:gd name="connsiteY7" fmla="*/ 5327354 h 6883343"/>
                <a:gd name="connsiteX8" fmla="*/ 1571726 w 2685435"/>
                <a:gd name="connsiteY8" fmla="*/ 5339005 h 6883343"/>
                <a:gd name="connsiteX9" fmla="*/ 1554312 w 2685435"/>
                <a:gd name="connsiteY9" fmla="*/ 5871587 h 6883343"/>
                <a:gd name="connsiteX10" fmla="*/ 1595348 w 2685435"/>
                <a:gd name="connsiteY10" fmla="*/ 6027607 h 6883343"/>
                <a:gd name="connsiteX11" fmla="*/ 1643721 w 2685435"/>
                <a:gd name="connsiteY11" fmla="*/ 6179953 h 6883343"/>
                <a:gd name="connsiteX12" fmla="*/ 1684516 w 2685435"/>
                <a:gd name="connsiteY12" fmla="*/ 6239726 h 6883343"/>
                <a:gd name="connsiteX13" fmla="*/ 1746837 w 2685435"/>
                <a:gd name="connsiteY13" fmla="*/ 6358826 h 6883343"/>
                <a:gd name="connsiteX14" fmla="*/ 1828748 w 2685435"/>
                <a:gd name="connsiteY14" fmla="*/ 6580623 h 6883343"/>
                <a:gd name="connsiteX15" fmla="*/ 1846728 w 2685435"/>
                <a:gd name="connsiteY15" fmla="*/ 6606611 h 6883343"/>
                <a:gd name="connsiteX16" fmla="*/ 2021838 w 2685435"/>
                <a:gd name="connsiteY16" fmla="*/ 6883343 h 6883343"/>
                <a:gd name="connsiteX17" fmla="*/ 2017162 w 2685435"/>
                <a:gd name="connsiteY17" fmla="*/ 6883343 h 6883343"/>
                <a:gd name="connsiteX18" fmla="*/ 1843583 w 2685435"/>
                <a:gd name="connsiteY18" fmla="*/ 6609389 h 6883343"/>
                <a:gd name="connsiteX19" fmla="*/ 1825524 w 2685435"/>
                <a:gd name="connsiteY19" fmla="*/ 6583312 h 6883343"/>
                <a:gd name="connsiteX20" fmla="*/ 1742886 w 2685435"/>
                <a:gd name="connsiteY20" fmla="*/ 6359991 h 6883343"/>
                <a:gd name="connsiteX21" fmla="*/ 1681533 w 2685435"/>
                <a:gd name="connsiteY21" fmla="*/ 6242684 h 6883343"/>
                <a:gd name="connsiteX22" fmla="*/ 1640254 w 2685435"/>
                <a:gd name="connsiteY22" fmla="*/ 6182104 h 6883343"/>
                <a:gd name="connsiteX23" fmla="*/ 1591397 w 2685435"/>
                <a:gd name="connsiteY23" fmla="*/ 6028862 h 6883343"/>
                <a:gd name="connsiteX24" fmla="*/ 1550522 w 2685435"/>
                <a:gd name="connsiteY24" fmla="*/ 5872932 h 6883343"/>
                <a:gd name="connsiteX25" fmla="*/ 1567775 w 2685435"/>
                <a:gd name="connsiteY25" fmla="*/ 5338198 h 6883343"/>
                <a:gd name="connsiteX26" fmla="*/ 1569790 w 2685435"/>
                <a:gd name="connsiteY26" fmla="*/ 5326548 h 6883343"/>
                <a:gd name="connsiteX27" fmla="*/ 1726681 w 2685435"/>
                <a:gd name="connsiteY27" fmla="*/ 5032610 h 6883343"/>
                <a:gd name="connsiteX28" fmla="*/ 1858740 w 2685435"/>
                <a:gd name="connsiteY28" fmla="*/ 4856874 h 6883343"/>
                <a:gd name="connsiteX29" fmla="*/ 2031755 w 2685435"/>
                <a:gd name="connsiteY29" fmla="*/ 4631672 h 6883343"/>
                <a:gd name="connsiteX30" fmla="*/ 2343600 w 2685435"/>
                <a:gd name="connsiteY30" fmla="*/ 4233153 h 6883343"/>
                <a:gd name="connsiteX31" fmla="*/ 2636904 w 2685435"/>
                <a:gd name="connsiteY31" fmla="*/ 3865730 h 6883343"/>
                <a:gd name="connsiteX32" fmla="*/ 0 w 2685435"/>
                <a:gd name="connsiteY32" fmla="*/ 0 h 6883343"/>
                <a:gd name="connsiteX33" fmla="*/ 4192 w 2685435"/>
                <a:gd name="connsiteY33" fmla="*/ 0 h 6883343"/>
                <a:gd name="connsiteX34" fmla="*/ 66916 w 2685435"/>
                <a:gd name="connsiteY34" fmla="*/ 233447 h 6883343"/>
                <a:gd name="connsiteX35" fmla="*/ 112387 w 2685435"/>
                <a:gd name="connsiteY35" fmla="*/ 373606 h 6883343"/>
                <a:gd name="connsiteX36" fmla="*/ 225258 w 2685435"/>
                <a:gd name="connsiteY36" fmla="*/ 695145 h 6883343"/>
                <a:gd name="connsiteX37" fmla="*/ 291367 w 2685435"/>
                <a:gd name="connsiteY37" fmla="*/ 777949 h 6883343"/>
                <a:gd name="connsiteX38" fmla="*/ 422862 w 2685435"/>
                <a:gd name="connsiteY38" fmla="*/ 960496 h 6883343"/>
                <a:gd name="connsiteX39" fmla="*/ 435842 w 2685435"/>
                <a:gd name="connsiteY39" fmla="*/ 1009156 h 6883343"/>
                <a:gd name="connsiteX40" fmla="*/ 526945 w 2685435"/>
                <a:gd name="connsiteY40" fmla="*/ 1377565 h 6883343"/>
                <a:gd name="connsiteX41" fmla="*/ 636994 w 2685435"/>
                <a:gd name="connsiteY41" fmla="*/ 1844460 h 6883343"/>
                <a:gd name="connsiteX42" fmla="*/ 741319 w 2685435"/>
                <a:gd name="connsiteY42" fmla="*/ 2079700 h 6883343"/>
                <a:gd name="connsiteX43" fmla="*/ 782275 w 2685435"/>
                <a:gd name="connsiteY43" fmla="*/ 2118324 h 6883343"/>
                <a:gd name="connsiteX44" fmla="*/ 849595 w 2685435"/>
                <a:gd name="connsiteY44" fmla="*/ 2172093 h 6883343"/>
                <a:gd name="connsiteX45" fmla="*/ 889180 w 2685435"/>
                <a:gd name="connsiteY45" fmla="*/ 2163132 h 6883343"/>
                <a:gd name="connsiteX46" fmla="*/ 1022690 w 2685435"/>
                <a:gd name="connsiteY46" fmla="*/ 2195035 h 6883343"/>
                <a:gd name="connsiteX47" fmla="*/ 1194738 w 2685435"/>
                <a:gd name="connsiteY47" fmla="*/ 2362436 h 6883343"/>
                <a:gd name="connsiteX48" fmla="*/ 1325344 w 2685435"/>
                <a:gd name="connsiteY48" fmla="*/ 2489868 h 6883343"/>
                <a:gd name="connsiteX49" fmla="*/ 1532624 w 2685435"/>
                <a:gd name="connsiteY49" fmla="*/ 2669547 h 6883343"/>
                <a:gd name="connsiteX50" fmla="*/ 1626629 w 2685435"/>
                <a:gd name="connsiteY50" fmla="*/ 2686305 h 6883343"/>
                <a:gd name="connsiteX51" fmla="*/ 1817703 w 2685435"/>
                <a:gd name="connsiteY51" fmla="*/ 2738103 h 6883343"/>
                <a:gd name="connsiteX52" fmla="*/ 2078838 w 2685435"/>
                <a:gd name="connsiteY52" fmla="*/ 2781745 h 6883343"/>
                <a:gd name="connsiteX53" fmla="*/ 2107862 w 2685435"/>
                <a:gd name="connsiteY53" fmla="*/ 2777712 h 6883343"/>
                <a:gd name="connsiteX54" fmla="*/ 2402696 w 2685435"/>
                <a:gd name="connsiteY54" fmla="*/ 2755668 h 6883343"/>
                <a:gd name="connsiteX55" fmla="*/ 2586596 w 2685435"/>
                <a:gd name="connsiteY55" fmla="*/ 2717760 h 6883343"/>
                <a:gd name="connsiteX56" fmla="*/ 2589981 w 2685435"/>
                <a:gd name="connsiteY56" fmla="*/ 2716057 h 6883343"/>
                <a:gd name="connsiteX57" fmla="*/ 2685435 w 2685435"/>
                <a:gd name="connsiteY57" fmla="*/ 2677222 h 6883343"/>
                <a:gd name="connsiteX58" fmla="*/ 2685435 w 2685435"/>
                <a:gd name="connsiteY58" fmla="*/ 2680776 h 6883343"/>
                <a:gd name="connsiteX59" fmla="*/ 2591513 w 2685435"/>
                <a:gd name="connsiteY59" fmla="*/ 2719105 h 6883343"/>
                <a:gd name="connsiteX60" fmla="*/ 2588127 w 2685435"/>
                <a:gd name="connsiteY60" fmla="*/ 2720717 h 6883343"/>
                <a:gd name="connsiteX61" fmla="*/ 2401648 w 2685435"/>
                <a:gd name="connsiteY61" fmla="*/ 2758983 h 6883343"/>
                <a:gd name="connsiteX62" fmla="*/ 2108184 w 2685435"/>
                <a:gd name="connsiteY62" fmla="*/ 2781118 h 6883343"/>
                <a:gd name="connsiteX63" fmla="*/ 2079160 w 2685435"/>
                <a:gd name="connsiteY63" fmla="*/ 2785061 h 6883343"/>
                <a:gd name="connsiteX64" fmla="*/ 1815043 w 2685435"/>
                <a:gd name="connsiteY64" fmla="*/ 2740254 h 6883343"/>
                <a:gd name="connsiteX65" fmla="*/ 1625984 w 2685435"/>
                <a:gd name="connsiteY65" fmla="*/ 2689353 h 6883343"/>
                <a:gd name="connsiteX66" fmla="*/ 1531253 w 2685435"/>
                <a:gd name="connsiteY66" fmla="*/ 2672505 h 6883343"/>
                <a:gd name="connsiteX67" fmla="*/ 1322120 w 2685435"/>
                <a:gd name="connsiteY67" fmla="*/ 2491302 h 6883343"/>
                <a:gd name="connsiteX68" fmla="*/ 1192076 w 2685435"/>
                <a:gd name="connsiteY68" fmla="*/ 2364587 h 6883343"/>
                <a:gd name="connsiteX69" fmla="*/ 1019627 w 2685435"/>
                <a:gd name="connsiteY69" fmla="*/ 2196737 h 6883343"/>
                <a:gd name="connsiteX70" fmla="*/ 890631 w 2685435"/>
                <a:gd name="connsiteY70" fmla="*/ 2166089 h 6883343"/>
                <a:gd name="connsiteX71" fmla="*/ 849191 w 2685435"/>
                <a:gd name="connsiteY71" fmla="*/ 2175051 h 6883343"/>
                <a:gd name="connsiteX72" fmla="*/ 779534 w 2685435"/>
                <a:gd name="connsiteY72" fmla="*/ 2120475 h 6883343"/>
                <a:gd name="connsiteX73" fmla="*/ 739223 w 2685435"/>
                <a:gd name="connsiteY73" fmla="*/ 2082657 h 6883343"/>
                <a:gd name="connsiteX74" fmla="*/ 632883 w 2685435"/>
                <a:gd name="connsiteY74" fmla="*/ 1844729 h 6883343"/>
                <a:gd name="connsiteX75" fmla="*/ 522672 w 2685435"/>
                <a:gd name="connsiteY75" fmla="*/ 1377475 h 6883343"/>
                <a:gd name="connsiteX76" fmla="*/ 431650 w 2685435"/>
                <a:gd name="connsiteY76" fmla="*/ 1009336 h 6883343"/>
                <a:gd name="connsiteX77" fmla="*/ 418670 w 2685435"/>
                <a:gd name="connsiteY77" fmla="*/ 960586 h 6883343"/>
                <a:gd name="connsiteX78" fmla="*/ 288062 w 2685435"/>
                <a:gd name="connsiteY78" fmla="*/ 779921 h 6883343"/>
                <a:gd name="connsiteX79" fmla="*/ 221630 w 2685435"/>
                <a:gd name="connsiteY79" fmla="*/ 696669 h 6883343"/>
                <a:gd name="connsiteX80" fmla="*/ 108759 w 2685435"/>
                <a:gd name="connsiteY80" fmla="*/ 374054 h 6883343"/>
                <a:gd name="connsiteX81" fmla="*/ 63208 w 2685435"/>
                <a:gd name="connsiteY81" fmla="*/ 235240 h 6883343"/>
                <a:gd name="connsiteX82" fmla="*/ 0 w 2685435"/>
                <a:gd name="connsiteY82"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2685435" h="6883343">
                  <a:moveTo>
                    <a:pt x="2685435" y="3832865"/>
                  </a:moveTo>
                  <a:lnTo>
                    <a:pt x="2685435" y="3838966"/>
                  </a:lnTo>
                  <a:lnTo>
                    <a:pt x="2639242" y="3870211"/>
                  </a:lnTo>
                  <a:cubicBezTo>
                    <a:pt x="2592642" y="3910807"/>
                    <a:pt x="2427690" y="4120059"/>
                    <a:pt x="2346745" y="4236648"/>
                  </a:cubicBezTo>
                  <a:cubicBezTo>
                    <a:pt x="2194531" y="4454950"/>
                    <a:pt x="2089400" y="4589373"/>
                    <a:pt x="2034174" y="4635436"/>
                  </a:cubicBezTo>
                  <a:cubicBezTo>
                    <a:pt x="1993863" y="4668773"/>
                    <a:pt x="1926785" y="4765826"/>
                    <a:pt x="1861965" y="4859474"/>
                  </a:cubicBezTo>
                  <a:cubicBezTo>
                    <a:pt x="1807787" y="4937887"/>
                    <a:pt x="1756672" y="5011820"/>
                    <a:pt x="1729180" y="5036016"/>
                  </a:cubicBezTo>
                  <a:cubicBezTo>
                    <a:pt x="1669520" y="5088441"/>
                    <a:pt x="1586963" y="5251809"/>
                    <a:pt x="1573741" y="5327354"/>
                  </a:cubicBezTo>
                  <a:lnTo>
                    <a:pt x="1571726" y="5339005"/>
                  </a:lnTo>
                  <a:cubicBezTo>
                    <a:pt x="1555602" y="5429247"/>
                    <a:pt x="1507228" y="5703738"/>
                    <a:pt x="1554312" y="5871587"/>
                  </a:cubicBezTo>
                  <a:cubicBezTo>
                    <a:pt x="1572613" y="5936469"/>
                    <a:pt x="1585190" y="5987012"/>
                    <a:pt x="1595348" y="6027607"/>
                  </a:cubicBezTo>
                  <a:cubicBezTo>
                    <a:pt x="1612682" y="6097418"/>
                    <a:pt x="1623243" y="6139537"/>
                    <a:pt x="1643721" y="6179953"/>
                  </a:cubicBezTo>
                  <a:cubicBezTo>
                    <a:pt x="1655338" y="6201458"/>
                    <a:pt x="1669015" y="6221499"/>
                    <a:pt x="1684516" y="6239726"/>
                  </a:cubicBezTo>
                  <a:cubicBezTo>
                    <a:pt x="1708703" y="6269658"/>
                    <a:pt x="1732890" y="6300575"/>
                    <a:pt x="1746837" y="6358826"/>
                  </a:cubicBezTo>
                  <a:cubicBezTo>
                    <a:pt x="1771024" y="6460270"/>
                    <a:pt x="1799080" y="6536890"/>
                    <a:pt x="1828748" y="6580623"/>
                  </a:cubicBezTo>
                  <a:lnTo>
                    <a:pt x="1846728" y="6606611"/>
                  </a:lnTo>
                  <a:cubicBezTo>
                    <a:pt x="1891554" y="6671313"/>
                    <a:pt x="1978382" y="6796596"/>
                    <a:pt x="2021838" y="6883343"/>
                  </a:cubicBezTo>
                  <a:lnTo>
                    <a:pt x="2017162" y="6883343"/>
                  </a:lnTo>
                  <a:cubicBezTo>
                    <a:pt x="1972821" y="6795968"/>
                    <a:pt x="1884539" y="6668267"/>
                    <a:pt x="1843583" y="6609389"/>
                  </a:cubicBezTo>
                  <a:cubicBezTo>
                    <a:pt x="1836004" y="6598546"/>
                    <a:pt x="1829877" y="6589674"/>
                    <a:pt x="1825524" y="6583312"/>
                  </a:cubicBezTo>
                  <a:cubicBezTo>
                    <a:pt x="1795613" y="6539131"/>
                    <a:pt x="1766992" y="6461972"/>
                    <a:pt x="1742886" y="6359991"/>
                  </a:cubicBezTo>
                  <a:cubicBezTo>
                    <a:pt x="1729423" y="6302816"/>
                    <a:pt x="1705074" y="6272257"/>
                    <a:pt x="1681533" y="6242684"/>
                  </a:cubicBezTo>
                  <a:cubicBezTo>
                    <a:pt x="1665838" y="6224213"/>
                    <a:pt x="1651998" y="6203901"/>
                    <a:pt x="1640254" y="6182104"/>
                  </a:cubicBezTo>
                  <a:cubicBezTo>
                    <a:pt x="1619454" y="6141329"/>
                    <a:pt x="1608892" y="6099031"/>
                    <a:pt x="1591397" y="6028862"/>
                  </a:cubicBezTo>
                  <a:cubicBezTo>
                    <a:pt x="1581319" y="5988356"/>
                    <a:pt x="1568742" y="5937903"/>
                    <a:pt x="1550522" y="5872932"/>
                  </a:cubicBezTo>
                  <a:cubicBezTo>
                    <a:pt x="1502955" y="5704007"/>
                    <a:pt x="1551732" y="5428709"/>
                    <a:pt x="1567775" y="5338198"/>
                  </a:cubicBezTo>
                  <a:lnTo>
                    <a:pt x="1569790" y="5326548"/>
                  </a:lnTo>
                  <a:cubicBezTo>
                    <a:pt x="1583094" y="5250375"/>
                    <a:pt x="1666537" y="5085483"/>
                    <a:pt x="1726681" y="5032610"/>
                  </a:cubicBezTo>
                  <a:cubicBezTo>
                    <a:pt x="1753770" y="5008772"/>
                    <a:pt x="1804723" y="4935020"/>
                    <a:pt x="1858740" y="4856874"/>
                  </a:cubicBezTo>
                  <a:cubicBezTo>
                    <a:pt x="1923721" y="4762689"/>
                    <a:pt x="1990960" y="4665367"/>
                    <a:pt x="2031755" y="4631672"/>
                  </a:cubicBezTo>
                  <a:cubicBezTo>
                    <a:pt x="2086659" y="4586147"/>
                    <a:pt x="2191628" y="4452441"/>
                    <a:pt x="2343600" y="4233153"/>
                  </a:cubicBezTo>
                  <a:cubicBezTo>
                    <a:pt x="2424707" y="4116653"/>
                    <a:pt x="2590062" y="3906685"/>
                    <a:pt x="2636904" y="3865730"/>
                  </a:cubicBezTo>
                  <a:close/>
                  <a:moveTo>
                    <a:pt x="0" y="0"/>
                  </a:moveTo>
                  <a:lnTo>
                    <a:pt x="4192" y="0"/>
                  </a:lnTo>
                  <a:cubicBezTo>
                    <a:pt x="20317" y="69363"/>
                    <a:pt x="51517" y="195272"/>
                    <a:pt x="66916" y="233447"/>
                  </a:cubicBezTo>
                  <a:cubicBezTo>
                    <a:pt x="74253" y="253253"/>
                    <a:pt x="91909" y="308993"/>
                    <a:pt x="112387" y="373606"/>
                  </a:cubicBezTo>
                  <a:cubicBezTo>
                    <a:pt x="151005" y="495573"/>
                    <a:pt x="203812" y="662615"/>
                    <a:pt x="225258" y="695145"/>
                  </a:cubicBezTo>
                  <a:cubicBezTo>
                    <a:pt x="236544" y="712531"/>
                    <a:pt x="261941" y="742820"/>
                    <a:pt x="291367" y="777949"/>
                  </a:cubicBezTo>
                  <a:cubicBezTo>
                    <a:pt x="345627" y="842741"/>
                    <a:pt x="413269" y="923395"/>
                    <a:pt x="422862" y="960496"/>
                  </a:cubicBezTo>
                  <a:cubicBezTo>
                    <a:pt x="425684" y="971429"/>
                    <a:pt x="430199" y="988187"/>
                    <a:pt x="435842" y="1009156"/>
                  </a:cubicBezTo>
                  <a:cubicBezTo>
                    <a:pt x="458820" y="1094470"/>
                    <a:pt x="501630" y="1253359"/>
                    <a:pt x="526945" y="1377565"/>
                  </a:cubicBezTo>
                  <a:cubicBezTo>
                    <a:pt x="555566" y="1517812"/>
                    <a:pt x="591443" y="1692383"/>
                    <a:pt x="636994" y="1844460"/>
                  </a:cubicBezTo>
                  <a:cubicBezTo>
                    <a:pt x="683594" y="1998599"/>
                    <a:pt x="712779" y="2064555"/>
                    <a:pt x="741319" y="2079700"/>
                  </a:cubicBezTo>
                  <a:cubicBezTo>
                    <a:pt x="753896" y="2086331"/>
                    <a:pt x="767682" y="2101925"/>
                    <a:pt x="782275" y="2118324"/>
                  </a:cubicBezTo>
                  <a:cubicBezTo>
                    <a:pt x="803075" y="2141714"/>
                    <a:pt x="826537" y="2168240"/>
                    <a:pt x="849595" y="2172093"/>
                  </a:cubicBezTo>
                  <a:cubicBezTo>
                    <a:pt x="861043" y="2173886"/>
                    <a:pt x="873782" y="2168868"/>
                    <a:pt x="889180" y="2163132"/>
                  </a:cubicBezTo>
                  <a:cubicBezTo>
                    <a:pt x="924896" y="2149331"/>
                    <a:pt x="969237" y="2132214"/>
                    <a:pt x="1022690" y="2195035"/>
                  </a:cubicBezTo>
                  <a:cubicBezTo>
                    <a:pt x="1061630" y="2240828"/>
                    <a:pt x="1132336" y="2305441"/>
                    <a:pt x="1194738" y="2362436"/>
                  </a:cubicBezTo>
                  <a:cubicBezTo>
                    <a:pt x="1254801" y="2417281"/>
                    <a:pt x="1306641" y="2464687"/>
                    <a:pt x="1325344" y="2489868"/>
                  </a:cubicBezTo>
                  <a:cubicBezTo>
                    <a:pt x="1363318" y="2540950"/>
                    <a:pt x="1474415" y="2649473"/>
                    <a:pt x="1532624" y="2669547"/>
                  </a:cubicBezTo>
                  <a:cubicBezTo>
                    <a:pt x="1553102" y="2676627"/>
                    <a:pt x="1587124" y="2681108"/>
                    <a:pt x="1626629" y="2686305"/>
                  </a:cubicBezTo>
                  <a:cubicBezTo>
                    <a:pt x="1699189" y="2695805"/>
                    <a:pt x="1781343" y="2706648"/>
                    <a:pt x="1817703" y="2738103"/>
                  </a:cubicBezTo>
                  <a:cubicBezTo>
                    <a:pt x="1871398" y="2784523"/>
                    <a:pt x="2028288" y="2788197"/>
                    <a:pt x="2078838" y="2781745"/>
                  </a:cubicBezTo>
                  <a:lnTo>
                    <a:pt x="2107862" y="2777712"/>
                  </a:lnTo>
                  <a:cubicBezTo>
                    <a:pt x="2187194" y="2766690"/>
                    <a:pt x="2352388" y="2743569"/>
                    <a:pt x="2402696" y="2755668"/>
                  </a:cubicBezTo>
                  <a:cubicBezTo>
                    <a:pt x="2469855" y="2771888"/>
                    <a:pt x="2560474" y="2730754"/>
                    <a:pt x="2586596" y="2717760"/>
                  </a:cubicBezTo>
                  <a:lnTo>
                    <a:pt x="2589981" y="2716057"/>
                  </a:lnTo>
                  <a:lnTo>
                    <a:pt x="2685435" y="2677222"/>
                  </a:lnTo>
                  <a:lnTo>
                    <a:pt x="2685435" y="2680776"/>
                  </a:lnTo>
                  <a:lnTo>
                    <a:pt x="2591513" y="2719105"/>
                  </a:lnTo>
                  <a:lnTo>
                    <a:pt x="2588127" y="2720717"/>
                  </a:lnTo>
                  <a:cubicBezTo>
                    <a:pt x="2561683" y="2733891"/>
                    <a:pt x="2470016" y="2775562"/>
                    <a:pt x="2401648" y="2758983"/>
                  </a:cubicBezTo>
                  <a:cubicBezTo>
                    <a:pt x="2352066" y="2746974"/>
                    <a:pt x="2181147" y="2770902"/>
                    <a:pt x="2108184" y="2781118"/>
                  </a:cubicBezTo>
                  <a:cubicBezTo>
                    <a:pt x="2095769" y="2782820"/>
                    <a:pt x="2085772" y="2784254"/>
                    <a:pt x="2079160" y="2785061"/>
                  </a:cubicBezTo>
                  <a:cubicBezTo>
                    <a:pt x="2039897" y="2790080"/>
                    <a:pt x="1874220" y="2791692"/>
                    <a:pt x="1815043" y="2740254"/>
                  </a:cubicBezTo>
                  <a:cubicBezTo>
                    <a:pt x="1779569" y="2709605"/>
                    <a:pt x="1694110" y="2698403"/>
                    <a:pt x="1625984" y="2689353"/>
                  </a:cubicBezTo>
                  <a:cubicBezTo>
                    <a:pt x="1586318" y="2684154"/>
                    <a:pt x="1552054" y="2679674"/>
                    <a:pt x="1531253" y="2672505"/>
                  </a:cubicBezTo>
                  <a:cubicBezTo>
                    <a:pt x="1472319" y="2652162"/>
                    <a:pt x="1360335" y="2542832"/>
                    <a:pt x="1322120" y="2491302"/>
                  </a:cubicBezTo>
                  <a:cubicBezTo>
                    <a:pt x="1303658" y="2466479"/>
                    <a:pt x="1249560" y="2417012"/>
                    <a:pt x="1192076" y="2364587"/>
                  </a:cubicBezTo>
                  <a:cubicBezTo>
                    <a:pt x="1129514" y="2307412"/>
                    <a:pt x="1058728" y="2242710"/>
                    <a:pt x="1019627" y="2196737"/>
                  </a:cubicBezTo>
                  <a:cubicBezTo>
                    <a:pt x="967948" y="2136068"/>
                    <a:pt x="924896" y="2152646"/>
                    <a:pt x="890631" y="2166089"/>
                  </a:cubicBezTo>
                  <a:cubicBezTo>
                    <a:pt x="875071" y="2172093"/>
                    <a:pt x="861607" y="2177291"/>
                    <a:pt x="849191" y="2175051"/>
                  </a:cubicBezTo>
                  <a:cubicBezTo>
                    <a:pt x="825005" y="2171377"/>
                    <a:pt x="800818" y="2144313"/>
                    <a:pt x="779534" y="2120475"/>
                  </a:cubicBezTo>
                  <a:cubicBezTo>
                    <a:pt x="765184" y="2104254"/>
                    <a:pt x="751558" y="2088931"/>
                    <a:pt x="739223" y="2082657"/>
                  </a:cubicBezTo>
                  <a:cubicBezTo>
                    <a:pt x="709634" y="2066974"/>
                    <a:pt x="679805" y="2000301"/>
                    <a:pt x="632883" y="1844729"/>
                  </a:cubicBezTo>
                  <a:cubicBezTo>
                    <a:pt x="586928" y="1692383"/>
                    <a:pt x="551294" y="1517812"/>
                    <a:pt x="522672" y="1377475"/>
                  </a:cubicBezTo>
                  <a:cubicBezTo>
                    <a:pt x="497357" y="1253359"/>
                    <a:pt x="454627" y="1094650"/>
                    <a:pt x="431650" y="1009336"/>
                  </a:cubicBezTo>
                  <a:cubicBezTo>
                    <a:pt x="426007" y="988366"/>
                    <a:pt x="421492" y="971608"/>
                    <a:pt x="418670" y="960586"/>
                  </a:cubicBezTo>
                  <a:cubicBezTo>
                    <a:pt x="409318" y="924739"/>
                    <a:pt x="342079" y="844086"/>
                    <a:pt x="288062" y="779921"/>
                  </a:cubicBezTo>
                  <a:cubicBezTo>
                    <a:pt x="258555" y="744703"/>
                    <a:pt x="233078" y="714323"/>
                    <a:pt x="221630" y="696669"/>
                  </a:cubicBezTo>
                  <a:cubicBezTo>
                    <a:pt x="200023" y="663600"/>
                    <a:pt x="149070" y="503010"/>
                    <a:pt x="108759" y="374054"/>
                  </a:cubicBezTo>
                  <a:cubicBezTo>
                    <a:pt x="88281" y="309531"/>
                    <a:pt x="70705" y="253790"/>
                    <a:pt x="63208" y="235240"/>
                  </a:cubicBezTo>
                  <a:cubicBezTo>
                    <a:pt x="47647" y="196616"/>
                    <a:pt x="16447" y="6927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50">
              <a:extLst>
                <a:ext uri="{FF2B5EF4-FFF2-40B4-BE49-F238E27FC236}">
                  <a16:creationId xmlns:a16="http://schemas.microsoft.com/office/drawing/2014/main" id="{F872D973-A075-F341-8768-428B0738558E}"/>
                </a:ext>
              </a:extLst>
            </p:cNvPr>
            <p:cNvSpPr/>
            <p:nvPr/>
          </p:nvSpPr>
          <p:spPr>
            <a:xfrm>
              <a:off x="9706829" y="-12178"/>
              <a:ext cx="2485170" cy="6882177"/>
            </a:xfrm>
            <a:custGeom>
              <a:avLst/>
              <a:gdLst>
                <a:gd name="connsiteX0" fmla="*/ 2485170 w 2485170"/>
                <a:gd name="connsiteY0" fmla="*/ 4181142 h 6882177"/>
                <a:gd name="connsiteX1" fmla="*/ 2485170 w 2485170"/>
                <a:gd name="connsiteY1" fmla="*/ 4188178 h 6882177"/>
                <a:gd name="connsiteX2" fmla="*/ 2464980 w 2485170"/>
                <a:gd name="connsiteY2" fmla="*/ 4214018 h 6882177"/>
                <a:gd name="connsiteX3" fmla="*/ 2316027 w 2485170"/>
                <a:gd name="connsiteY3" fmla="*/ 4558725 h 6882177"/>
                <a:gd name="connsiteX4" fmla="*/ 2263543 w 2485170"/>
                <a:gd name="connsiteY4" fmla="*/ 4696374 h 6882177"/>
                <a:gd name="connsiteX5" fmla="*/ 1939040 w 2485170"/>
                <a:gd name="connsiteY5" fmla="*/ 5032789 h 6882177"/>
                <a:gd name="connsiteX6" fmla="*/ 1620099 w 2485170"/>
                <a:gd name="connsiteY6" fmla="*/ 5364365 h 6882177"/>
                <a:gd name="connsiteX7" fmla="*/ 1610425 w 2485170"/>
                <a:gd name="connsiteY7" fmla="*/ 5428977 h 6882177"/>
                <a:gd name="connsiteX8" fmla="*/ 1572693 w 2485170"/>
                <a:gd name="connsiteY8" fmla="*/ 5623532 h 6882177"/>
                <a:gd name="connsiteX9" fmla="*/ 1601557 w 2485170"/>
                <a:gd name="connsiteY9" fmla="*/ 6172874 h 6882177"/>
                <a:gd name="connsiteX10" fmla="*/ 1704107 w 2485170"/>
                <a:gd name="connsiteY10" fmla="*/ 6364740 h 6882177"/>
                <a:gd name="connsiteX11" fmla="*/ 1737001 w 2485170"/>
                <a:gd name="connsiteY11" fmla="*/ 6436432 h 6882177"/>
                <a:gd name="connsiteX12" fmla="*/ 1887764 w 2485170"/>
                <a:gd name="connsiteY12" fmla="*/ 6611361 h 6882177"/>
                <a:gd name="connsiteX13" fmla="*/ 1948150 w 2485170"/>
                <a:gd name="connsiteY13" fmla="*/ 6718182 h 6882177"/>
                <a:gd name="connsiteX14" fmla="*/ 2017001 w 2485170"/>
                <a:gd name="connsiteY14" fmla="*/ 6882177 h 6882177"/>
                <a:gd name="connsiteX15" fmla="*/ 2011922 w 2485170"/>
                <a:gd name="connsiteY15" fmla="*/ 6882177 h 6882177"/>
                <a:gd name="connsiteX16" fmla="*/ 1944280 w 2485170"/>
                <a:gd name="connsiteY16" fmla="*/ 6719436 h 6882177"/>
                <a:gd name="connsiteX17" fmla="*/ 1885911 w 2485170"/>
                <a:gd name="connsiteY17" fmla="*/ 6615393 h 6882177"/>
                <a:gd name="connsiteX18" fmla="*/ 1733453 w 2485170"/>
                <a:gd name="connsiteY18" fmla="*/ 6438493 h 6882177"/>
                <a:gd name="connsiteX19" fmla="*/ 1700559 w 2485170"/>
                <a:gd name="connsiteY19" fmla="*/ 6366801 h 6882177"/>
                <a:gd name="connsiteX20" fmla="*/ 1598412 w 2485170"/>
                <a:gd name="connsiteY20" fmla="*/ 6175741 h 6882177"/>
                <a:gd name="connsiteX21" fmla="*/ 1569146 w 2485170"/>
                <a:gd name="connsiteY21" fmla="*/ 5621561 h 6882177"/>
                <a:gd name="connsiteX22" fmla="*/ 1606474 w 2485170"/>
                <a:gd name="connsiteY22" fmla="*/ 5428260 h 6882177"/>
                <a:gd name="connsiteX23" fmla="*/ 1616149 w 2485170"/>
                <a:gd name="connsiteY23" fmla="*/ 5363559 h 6882177"/>
                <a:gd name="connsiteX24" fmla="*/ 1938153 w 2485170"/>
                <a:gd name="connsiteY24" fmla="*/ 5028040 h 6882177"/>
                <a:gd name="connsiteX25" fmla="*/ 2259996 w 2485170"/>
                <a:gd name="connsiteY25" fmla="*/ 4693865 h 6882177"/>
                <a:gd name="connsiteX26" fmla="*/ 2312239 w 2485170"/>
                <a:gd name="connsiteY26" fmla="*/ 4556664 h 6882177"/>
                <a:gd name="connsiteX27" fmla="*/ 2462313 w 2485170"/>
                <a:gd name="connsiteY27" fmla="*/ 4210307 h 6882177"/>
                <a:gd name="connsiteX28" fmla="*/ 0 w 2485170"/>
                <a:gd name="connsiteY28" fmla="*/ 0 h 6882177"/>
                <a:gd name="connsiteX29" fmla="*/ 4112 w 2485170"/>
                <a:gd name="connsiteY29" fmla="*/ 0 h 6882177"/>
                <a:gd name="connsiteX30" fmla="*/ 36361 w 2485170"/>
                <a:gd name="connsiteY30" fmla="*/ 111212 h 6882177"/>
                <a:gd name="connsiteX31" fmla="*/ 79252 w 2485170"/>
                <a:gd name="connsiteY31" fmla="*/ 231924 h 6882177"/>
                <a:gd name="connsiteX32" fmla="*/ 162695 w 2485170"/>
                <a:gd name="connsiteY32" fmla="*/ 459995 h 6882177"/>
                <a:gd name="connsiteX33" fmla="*/ 299752 w 2485170"/>
                <a:gd name="connsiteY33" fmla="*/ 667543 h 6882177"/>
                <a:gd name="connsiteX34" fmla="*/ 396177 w 2485170"/>
                <a:gd name="connsiteY34" fmla="*/ 851344 h 6882177"/>
                <a:gd name="connsiteX35" fmla="*/ 403593 w 2485170"/>
                <a:gd name="connsiteY35" fmla="*/ 883247 h 6882177"/>
                <a:gd name="connsiteX36" fmla="*/ 450758 w 2485170"/>
                <a:gd name="connsiteY36" fmla="*/ 1041239 h 6882177"/>
                <a:gd name="connsiteX37" fmla="*/ 494697 w 2485170"/>
                <a:gd name="connsiteY37" fmla="*/ 1183907 h 6882177"/>
                <a:gd name="connsiteX38" fmla="*/ 730435 w 2485170"/>
                <a:gd name="connsiteY38" fmla="*/ 1678313 h 6882177"/>
                <a:gd name="connsiteX39" fmla="*/ 908449 w 2485170"/>
                <a:gd name="connsiteY39" fmla="*/ 1835319 h 6882177"/>
                <a:gd name="connsiteX40" fmla="*/ 975607 w 2485170"/>
                <a:gd name="connsiteY40" fmla="*/ 1866236 h 6882177"/>
                <a:gd name="connsiteX41" fmla="*/ 1097830 w 2485170"/>
                <a:gd name="connsiteY41" fmla="*/ 2034803 h 6882177"/>
                <a:gd name="connsiteX42" fmla="*/ 1140802 w 2485170"/>
                <a:gd name="connsiteY42" fmla="*/ 2117517 h 6882177"/>
                <a:gd name="connsiteX43" fmla="*/ 1256091 w 2485170"/>
                <a:gd name="connsiteY43" fmla="*/ 2222995 h 6882177"/>
                <a:gd name="connsiteX44" fmla="*/ 1347597 w 2485170"/>
                <a:gd name="connsiteY44" fmla="*/ 2293612 h 6882177"/>
                <a:gd name="connsiteX45" fmla="*/ 1731599 w 2485170"/>
                <a:gd name="connsiteY45" fmla="*/ 2535573 h 6882177"/>
                <a:gd name="connsiteX46" fmla="*/ 2187113 w 2485170"/>
                <a:gd name="connsiteY46" fmla="*/ 2559499 h 6882177"/>
                <a:gd name="connsiteX47" fmla="*/ 2324171 w 2485170"/>
                <a:gd name="connsiteY47" fmla="*/ 2514692 h 6882177"/>
                <a:gd name="connsiteX48" fmla="*/ 2438080 w 2485170"/>
                <a:gd name="connsiteY48" fmla="*/ 2472808 h 6882177"/>
                <a:gd name="connsiteX49" fmla="*/ 2485170 w 2485170"/>
                <a:gd name="connsiteY49" fmla="*/ 2464417 h 6882177"/>
                <a:gd name="connsiteX50" fmla="*/ 2485170 w 2485170"/>
                <a:gd name="connsiteY50" fmla="*/ 2469016 h 6882177"/>
                <a:gd name="connsiteX51" fmla="*/ 2438090 w 2485170"/>
                <a:gd name="connsiteY51" fmla="*/ 2477513 h 6882177"/>
                <a:gd name="connsiteX52" fmla="*/ 2325138 w 2485170"/>
                <a:gd name="connsiteY52" fmla="*/ 2519083 h 6882177"/>
                <a:gd name="connsiteX53" fmla="*/ 2187195 w 2485170"/>
                <a:gd name="connsiteY53" fmla="*/ 2564339 h 6882177"/>
                <a:gd name="connsiteX54" fmla="*/ 1730067 w 2485170"/>
                <a:gd name="connsiteY54" fmla="*/ 2540142 h 6882177"/>
                <a:gd name="connsiteX55" fmla="*/ 1345017 w 2485170"/>
                <a:gd name="connsiteY55" fmla="*/ 2296658 h 6882177"/>
                <a:gd name="connsiteX56" fmla="*/ 1254640 w 2485170"/>
                <a:gd name="connsiteY56" fmla="*/ 2226938 h 6882177"/>
                <a:gd name="connsiteX57" fmla="*/ 1137818 w 2485170"/>
                <a:gd name="connsiteY57" fmla="*/ 2119937 h 6882177"/>
                <a:gd name="connsiteX58" fmla="*/ 1094686 w 2485170"/>
                <a:gd name="connsiteY58" fmla="*/ 2036954 h 6882177"/>
                <a:gd name="connsiteX59" fmla="*/ 973753 w 2485170"/>
                <a:gd name="connsiteY59" fmla="*/ 1870000 h 6882177"/>
                <a:gd name="connsiteX60" fmla="*/ 907643 w 2485170"/>
                <a:gd name="connsiteY60" fmla="*/ 1839621 h 6882177"/>
                <a:gd name="connsiteX61" fmla="*/ 727533 w 2485170"/>
                <a:gd name="connsiteY61" fmla="*/ 1681092 h 6882177"/>
                <a:gd name="connsiteX62" fmla="*/ 491230 w 2485170"/>
                <a:gd name="connsiteY62" fmla="*/ 1185161 h 6882177"/>
                <a:gd name="connsiteX63" fmla="*/ 447291 w 2485170"/>
                <a:gd name="connsiteY63" fmla="*/ 1042762 h 6882177"/>
                <a:gd name="connsiteX64" fmla="*/ 400046 w 2485170"/>
                <a:gd name="connsiteY64" fmla="*/ 884412 h 6882177"/>
                <a:gd name="connsiteX65" fmla="*/ 392548 w 2485170"/>
                <a:gd name="connsiteY65" fmla="*/ 852509 h 6882177"/>
                <a:gd name="connsiteX66" fmla="*/ 298221 w 2485170"/>
                <a:gd name="connsiteY66" fmla="*/ 671128 h 6882177"/>
                <a:gd name="connsiteX67" fmla="*/ 159309 w 2485170"/>
                <a:gd name="connsiteY67" fmla="*/ 461698 h 6882177"/>
                <a:gd name="connsiteX68" fmla="*/ 75785 w 2485170"/>
                <a:gd name="connsiteY68" fmla="*/ 233627 h 6882177"/>
                <a:gd name="connsiteX69" fmla="*/ 32249 w 2485170"/>
                <a:gd name="connsiteY69" fmla="*/ 112915 h 6882177"/>
                <a:gd name="connsiteX70" fmla="*/ 0 w 2485170"/>
                <a:gd name="connsiteY70" fmla="*/ 0 h 6882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2485170" h="6882177">
                  <a:moveTo>
                    <a:pt x="2485170" y="4181142"/>
                  </a:moveTo>
                  <a:lnTo>
                    <a:pt x="2485170" y="4188178"/>
                  </a:lnTo>
                  <a:lnTo>
                    <a:pt x="2464980" y="4214018"/>
                  </a:lnTo>
                  <a:cubicBezTo>
                    <a:pt x="2408209" y="4298751"/>
                    <a:pt x="2356541" y="4444668"/>
                    <a:pt x="2316027" y="4558725"/>
                  </a:cubicBezTo>
                  <a:cubicBezTo>
                    <a:pt x="2295309" y="4617065"/>
                    <a:pt x="2277491" y="4667428"/>
                    <a:pt x="2263543" y="4696374"/>
                  </a:cubicBezTo>
                  <a:cubicBezTo>
                    <a:pt x="2169377" y="4892004"/>
                    <a:pt x="2063279" y="5002051"/>
                    <a:pt x="1939040" y="5032789"/>
                  </a:cubicBezTo>
                  <a:cubicBezTo>
                    <a:pt x="1772394" y="5074102"/>
                    <a:pt x="1631547" y="5296974"/>
                    <a:pt x="1620099" y="5364365"/>
                  </a:cubicBezTo>
                  <a:cubicBezTo>
                    <a:pt x="1617277" y="5381123"/>
                    <a:pt x="1613972" y="5404334"/>
                    <a:pt x="1610425" y="5428977"/>
                  </a:cubicBezTo>
                  <a:cubicBezTo>
                    <a:pt x="1599943" y="5501656"/>
                    <a:pt x="1586963" y="5592078"/>
                    <a:pt x="1572693" y="5623532"/>
                  </a:cubicBezTo>
                  <a:cubicBezTo>
                    <a:pt x="1554069" y="5664755"/>
                    <a:pt x="1543669" y="6095088"/>
                    <a:pt x="1601557" y="6172874"/>
                  </a:cubicBezTo>
                  <a:cubicBezTo>
                    <a:pt x="1643963" y="6230048"/>
                    <a:pt x="1674116" y="6298335"/>
                    <a:pt x="1704107" y="6364740"/>
                  </a:cubicBezTo>
                  <a:cubicBezTo>
                    <a:pt x="1715313" y="6389832"/>
                    <a:pt x="1725875" y="6413490"/>
                    <a:pt x="1737001" y="6436432"/>
                  </a:cubicBezTo>
                  <a:cubicBezTo>
                    <a:pt x="1777957" y="6520759"/>
                    <a:pt x="1810932" y="6568435"/>
                    <a:pt x="1887764" y="6611361"/>
                  </a:cubicBezTo>
                  <a:cubicBezTo>
                    <a:pt x="1926543" y="6633047"/>
                    <a:pt x="1936137" y="6670596"/>
                    <a:pt x="1948150" y="6718182"/>
                  </a:cubicBezTo>
                  <a:cubicBezTo>
                    <a:pt x="1959679" y="6763527"/>
                    <a:pt x="1973788" y="6818909"/>
                    <a:pt x="2017001" y="6882177"/>
                  </a:cubicBezTo>
                  <a:lnTo>
                    <a:pt x="2011922" y="6882177"/>
                  </a:lnTo>
                  <a:cubicBezTo>
                    <a:pt x="1969676" y="6819447"/>
                    <a:pt x="1955487" y="6764514"/>
                    <a:pt x="1944280" y="6719436"/>
                  </a:cubicBezTo>
                  <a:cubicBezTo>
                    <a:pt x="1932025" y="6671044"/>
                    <a:pt x="1923157" y="6636184"/>
                    <a:pt x="1885911" y="6615393"/>
                  </a:cubicBezTo>
                  <a:cubicBezTo>
                    <a:pt x="1808190" y="6571930"/>
                    <a:pt x="1774813" y="6523716"/>
                    <a:pt x="1733453" y="6438493"/>
                  </a:cubicBezTo>
                  <a:cubicBezTo>
                    <a:pt x="1722328" y="6415552"/>
                    <a:pt x="1711766" y="6391893"/>
                    <a:pt x="1700559" y="6366801"/>
                  </a:cubicBezTo>
                  <a:cubicBezTo>
                    <a:pt x="1671052" y="6300755"/>
                    <a:pt x="1640577" y="6232378"/>
                    <a:pt x="1598412" y="6175741"/>
                  </a:cubicBezTo>
                  <a:cubicBezTo>
                    <a:pt x="1540042" y="6097148"/>
                    <a:pt x="1550039" y="5663052"/>
                    <a:pt x="1569146" y="5621561"/>
                  </a:cubicBezTo>
                  <a:cubicBezTo>
                    <a:pt x="1583094" y="5590734"/>
                    <a:pt x="1596074" y="5500670"/>
                    <a:pt x="1606474" y="5428260"/>
                  </a:cubicBezTo>
                  <a:cubicBezTo>
                    <a:pt x="1610102" y="5402542"/>
                    <a:pt x="1613327" y="5380406"/>
                    <a:pt x="1616149" y="5363559"/>
                  </a:cubicBezTo>
                  <a:cubicBezTo>
                    <a:pt x="1627677" y="5294913"/>
                    <a:pt x="1769895" y="5069710"/>
                    <a:pt x="1938153" y="5028040"/>
                  </a:cubicBezTo>
                  <a:cubicBezTo>
                    <a:pt x="2061182" y="4997480"/>
                    <a:pt x="2166474" y="4888150"/>
                    <a:pt x="2259996" y="4693865"/>
                  </a:cubicBezTo>
                  <a:cubicBezTo>
                    <a:pt x="2273782" y="4665099"/>
                    <a:pt x="2291600" y="4614824"/>
                    <a:pt x="2312239" y="4556664"/>
                  </a:cubicBezTo>
                  <a:cubicBezTo>
                    <a:pt x="2352933" y="4442069"/>
                    <a:pt x="2404874" y="4295716"/>
                    <a:pt x="2462313" y="4210307"/>
                  </a:cubicBezTo>
                  <a:close/>
                  <a:moveTo>
                    <a:pt x="0" y="0"/>
                  </a:moveTo>
                  <a:lnTo>
                    <a:pt x="4112" y="0"/>
                  </a:lnTo>
                  <a:cubicBezTo>
                    <a:pt x="12796" y="37772"/>
                    <a:pt x="23566" y="74913"/>
                    <a:pt x="36361" y="111212"/>
                  </a:cubicBezTo>
                  <a:cubicBezTo>
                    <a:pt x="46519" y="139083"/>
                    <a:pt x="61837" y="182098"/>
                    <a:pt x="79252" y="231924"/>
                  </a:cubicBezTo>
                  <a:cubicBezTo>
                    <a:pt x="106421" y="308276"/>
                    <a:pt x="137138" y="394665"/>
                    <a:pt x="162695" y="459995"/>
                  </a:cubicBezTo>
                  <a:cubicBezTo>
                    <a:pt x="206070" y="570939"/>
                    <a:pt x="227192" y="606874"/>
                    <a:pt x="299752" y="667543"/>
                  </a:cubicBezTo>
                  <a:cubicBezTo>
                    <a:pt x="366588" y="722388"/>
                    <a:pt x="379650" y="779652"/>
                    <a:pt x="396177" y="851344"/>
                  </a:cubicBezTo>
                  <a:cubicBezTo>
                    <a:pt x="398515" y="861650"/>
                    <a:pt x="400934" y="872314"/>
                    <a:pt x="403593" y="883247"/>
                  </a:cubicBezTo>
                  <a:cubicBezTo>
                    <a:pt x="415446" y="931729"/>
                    <a:pt x="432618" y="984961"/>
                    <a:pt x="450758" y="1041239"/>
                  </a:cubicBezTo>
                  <a:cubicBezTo>
                    <a:pt x="465673" y="1087391"/>
                    <a:pt x="481072" y="1135156"/>
                    <a:pt x="494697" y="1183907"/>
                  </a:cubicBezTo>
                  <a:cubicBezTo>
                    <a:pt x="547596" y="1362323"/>
                    <a:pt x="627303" y="1529490"/>
                    <a:pt x="730435" y="1678313"/>
                  </a:cubicBezTo>
                  <a:cubicBezTo>
                    <a:pt x="819845" y="1807270"/>
                    <a:pt x="862897" y="1820891"/>
                    <a:pt x="908449" y="1835319"/>
                  </a:cubicBezTo>
                  <a:cubicBezTo>
                    <a:pt x="932126" y="1841744"/>
                    <a:pt x="954776" y="1852171"/>
                    <a:pt x="975607" y="1866236"/>
                  </a:cubicBezTo>
                  <a:cubicBezTo>
                    <a:pt x="1034703" y="1907101"/>
                    <a:pt x="1064291" y="1966337"/>
                    <a:pt x="1097830" y="2034803"/>
                  </a:cubicBezTo>
                  <a:cubicBezTo>
                    <a:pt x="1110891" y="2061688"/>
                    <a:pt x="1124435" y="2088572"/>
                    <a:pt x="1140802" y="2117517"/>
                  </a:cubicBezTo>
                  <a:cubicBezTo>
                    <a:pt x="1174098" y="2175946"/>
                    <a:pt x="1215780" y="2199874"/>
                    <a:pt x="1256091" y="2222995"/>
                  </a:cubicBezTo>
                  <a:cubicBezTo>
                    <a:pt x="1287211" y="2240918"/>
                    <a:pt x="1319460" y="2259378"/>
                    <a:pt x="1347597" y="2293612"/>
                  </a:cubicBezTo>
                  <a:cubicBezTo>
                    <a:pt x="1411369" y="2371307"/>
                    <a:pt x="1621712" y="2497844"/>
                    <a:pt x="1731599" y="2535573"/>
                  </a:cubicBezTo>
                  <a:cubicBezTo>
                    <a:pt x="1841487" y="2573301"/>
                    <a:pt x="2087142" y="2571419"/>
                    <a:pt x="2187113" y="2559499"/>
                  </a:cubicBezTo>
                  <a:cubicBezTo>
                    <a:pt x="2227424" y="2554750"/>
                    <a:pt x="2274185" y="2535214"/>
                    <a:pt x="2324171" y="2514692"/>
                  </a:cubicBezTo>
                  <a:cubicBezTo>
                    <a:pt x="2362305" y="2498875"/>
                    <a:pt x="2401084" y="2482789"/>
                    <a:pt x="2438080" y="2472808"/>
                  </a:cubicBezTo>
                  <a:lnTo>
                    <a:pt x="2485170" y="2464417"/>
                  </a:lnTo>
                  <a:lnTo>
                    <a:pt x="2485170" y="2469016"/>
                  </a:lnTo>
                  <a:lnTo>
                    <a:pt x="2438090" y="2477513"/>
                  </a:lnTo>
                  <a:cubicBezTo>
                    <a:pt x="2401467" y="2487449"/>
                    <a:pt x="2362991" y="2503401"/>
                    <a:pt x="2325138" y="2519083"/>
                  </a:cubicBezTo>
                  <a:cubicBezTo>
                    <a:pt x="2275072" y="2539874"/>
                    <a:pt x="2227667" y="2559499"/>
                    <a:pt x="2187195" y="2564339"/>
                  </a:cubicBezTo>
                  <a:cubicBezTo>
                    <a:pt x="2086981" y="2576168"/>
                    <a:pt x="1841648" y="2578319"/>
                    <a:pt x="1730067" y="2540142"/>
                  </a:cubicBezTo>
                  <a:cubicBezTo>
                    <a:pt x="1618487" y="2501967"/>
                    <a:pt x="1408788" y="2374802"/>
                    <a:pt x="1345017" y="2296658"/>
                  </a:cubicBezTo>
                  <a:cubicBezTo>
                    <a:pt x="1317363" y="2262963"/>
                    <a:pt x="1285517" y="2244681"/>
                    <a:pt x="1254640" y="2226938"/>
                  </a:cubicBezTo>
                  <a:cubicBezTo>
                    <a:pt x="1213845" y="2203548"/>
                    <a:pt x="1171679" y="2179352"/>
                    <a:pt x="1137818" y="2119937"/>
                  </a:cubicBezTo>
                  <a:cubicBezTo>
                    <a:pt x="1121693" y="2090991"/>
                    <a:pt x="1107827" y="2063569"/>
                    <a:pt x="1094686" y="2036954"/>
                  </a:cubicBezTo>
                  <a:cubicBezTo>
                    <a:pt x="1061067" y="1969025"/>
                    <a:pt x="1032123" y="1910327"/>
                    <a:pt x="973753" y="1870000"/>
                  </a:cubicBezTo>
                  <a:cubicBezTo>
                    <a:pt x="953231" y="1856201"/>
                    <a:pt x="930940" y="1845956"/>
                    <a:pt x="907643" y="1839621"/>
                  </a:cubicBezTo>
                  <a:cubicBezTo>
                    <a:pt x="861447" y="1825013"/>
                    <a:pt x="817829" y="1811123"/>
                    <a:pt x="727533" y="1681092"/>
                  </a:cubicBezTo>
                  <a:cubicBezTo>
                    <a:pt x="624090" y="1531833"/>
                    <a:pt x="544187" y="1364142"/>
                    <a:pt x="491230" y="1185161"/>
                  </a:cubicBezTo>
                  <a:cubicBezTo>
                    <a:pt x="477605" y="1136590"/>
                    <a:pt x="462206" y="1088914"/>
                    <a:pt x="447291" y="1042762"/>
                  </a:cubicBezTo>
                  <a:cubicBezTo>
                    <a:pt x="429071" y="986395"/>
                    <a:pt x="411898" y="933073"/>
                    <a:pt x="400046" y="884412"/>
                  </a:cubicBezTo>
                  <a:cubicBezTo>
                    <a:pt x="397386" y="873390"/>
                    <a:pt x="394967" y="862815"/>
                    <a:pt x="392548" y="852509"/>
                  </a:cubicBezTo>
                  <a:cubicBezTo>
                    <a:pt x="376424" y="781266"/>
                    <a:pt x="363364" y="725077"/>
                    <a:pt x="298221" y="671128"/>
                  </a:cubicBezTo>
                  <a:cubicBezTo>
                    <a:pt x="224371" y="609831"/>
                    <a:pt x="203087" y="573537"/>
                    <a:pt x="159309" y="461698"/>
                  </a:cubicBezTo>
                  <a:cubicBezTo>
                    <a:pt x="133752" y="396458"/>
                    <a:pt x="102874" y="309890"/>
                    <a:pt x="75785" y="233627"/>
                  </a:cubicBezTo>
                  <a:cubicBezTo>
                    <a:pt x="58048" y="183801"/>
                    <a:pt x="42810" y="140696"/>
                    <a:pt x="32249" y="112915"/>
                  </a:cubicBezTo>
                  <a:cubicBezTo>
                    <a:pt x="19423" y="76048"/>
                    <a:pt x="8653" y="38338"/>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51">
              <a:extLst>
                <a:ext uri="{FF2B5EF4-FFF2-40B4-BE49-F238E27FC236}">
                  <a16:creationId xmlns:a16="http://schemas.microsoft.com/office/drawing/2014/main" id="{09AA190B-D8F8-F44A-A20E-1F73CCE9D234}"/>
                </a:ext>
              </a:extLst>
            </p:cNvPr>
            <p:cNvSpPr/>
            <p:nvPr/>
          </p:nvSpPr>
          <p:spPr>
            <a:xfrm>
              <a:off x="9791241" y="-11194"/>
              <a:ext cx="2400759" cy="6882088"/>
            </a:xfrm>
            <a:custGeom>
              <a:avLst/>
              <a:gdLst>
                <a:gd name="connsiteX0" fmla="*/ 2400759 w 2400759"/>
                <a:gd name="connsiteY0" fmla="*/ 4469033 h 6882088"/>
                <a:gd name="connsiteX1" fmla="*/ 2400759 w 2400759"/>
                <a:gd name="connsiteY1" fmla="*/ 4479132 h 6882088"/>
                <a:gd name="connsiteX2" fmla="*/ 2396428 w 2400759"/>
                <a:gd name="connsiteY2" fmla="*/ 4487982 h 6882088"/>
                <a:gd name="connsiteX3" fmla="*/ 2362547 w 2400759"/>
                <a:gd name="connsiteY3" fmla="*/ 4573870 h 6882088"/>
                <a:gd name="connsiteX4" fmla="*/ 2297243 w 2400759"/>
                <a:gd name="connsiteY4" fmla="*/ 4716537 h 6882088"/>
                <a:gd name="connsiteX5" fmla="*/ 2197352 w 2400759"/>
                <a:gd name="connsiteY5" fmla="*/ 4933317 h 6882088"/>
                <a:gd name="connsiteX6" fmla="*/ 2002408 w 2400759"/>
                <a:gd name="connsiteY6" fmla="*/ 5123659 h 6882088"/>
                <a:gd name="connsiteX7" fmla="*/ 1971127 w 2400759"/>
                <a:gd name="connsiteY7" fmla="*/ 5135937 h 6882088"/>
                <a:gd name="connsiteX8" fmla="*/ 1932509 w 2400759"/>
                <a:gd name="connsiteY8" fmla="*/ 5150813 h 6882088"/>
                <a:gd name="connsiteX9" fmla="*/ 1663473 w 2400759"/>
                <a:gd name="connsiteY9" fmla="*/ 5357376 h 6882088"/>
                <a:gd name="connsiteX10" fmla="*/ 1615100 w 2400759"/>
                <a:gd name="connsiteY10" fmla="*/ 5582489 h 6882088"/>
                <a:gd name="connsiteX11" fmla="*/ 1598250 w 2400759"/>
                <a:gd name="connsiteY11" fmla="*/ 5714940 h 6882088"/>
                <a:gd name="connsiteX12" fmla="*/ 1619373 w 2400759"/>
                <a:gd name="connsiteY12" fmla="*/ 6143928 h 6882088"/>
                <a:gd name="connsiteX13" fmla="*/ 1690079 w 2400759"/>
                <a:gd name="connsiteY13" fmla="*/ 6305952 h 6882088"/>
                <a:gd name="connsiteX14" fmla="*/ 1717168 w 2400759"/>
                <a:gd name="connsiteY14" fmla="*/ 6398973 h 6882088"/>
                <a:gd name="connsiteX15" fmla="*/ 1862288 w 2400759"/>
                <a:gd name="connsiteY15" fmla="*/ 6558309 h 6882088"/>
                <a:gd name="connsiteX16" fmla="*/ 1873252 w 2400759"/>
                <a:gd name="connsiteY16" fmla="*/ 6564672 h 6882088"/>
                <a:gd name="connsiteX17" fmla="*/ 1949198 w 2400759"/>
                <a:gd name="connsiteY17" fmla="*/ 6695062 h 6882088"/>
                <a:gd name="connsiteX18" fmla="*/ 2037882 w 2400759"/>
                <a:gd name="connsiteY18" fmla="*/ 6868915 h 6882088"/>
                <a:gd name="connsiteX19" fmla="*/ 2047476 w 2400759"/>
                <a:gd name="connsiteY19" fmla="*/ 6882088 h 6882088"/>
                <a:gd name="connsiteX20" fmla="*/ 2042639 w 2400759"/>
                <a:gd name="connsiteY20" fmla="*/ 6882088 h 6882088"/>
                <a:gd name="connsiteX21" fmla="*/ 2035060 w 2400759"/>
                <a:gd name="connsiteY21" fmla="*/ 6871873 h 6882088"/>
                <a:gd name="connsiteX22" fmla="*/ 1945489 w 2400759"/>
                <a:gd name="connsiteY22" fmla="*/ 6696943 h 6882088"/>
                <a:gd name="connsiteX23" fmla="*/ 1871398 w 2400759"/>
                <a:gd name="connsiteY23" fmla="*/ 6568615 h 6882088"/>
                <a:gd name="connsiteX24" fmla="*/ 1860433 w 2400759"/>
                <a:gd name="connsiteY24" fmla="*/ 6562252 h 6882088"/>
                <a:gd name="connsiteX25" fmla="*/ 1713378 w 2400759"/>
                <a:gd name="connsiteY25" fmla="*/ 6400945 h 6882088"/>
                <a:gd name="connsiteX26" fmla="*/ 1686208 w 2400759"/>
                <a:gd name="connsiteY26" fmla="*/ 6307566 h 6882088"/>
                <a:gd name="connsiteX27" fmla="*/ 1616874 w 2400759"/>
                <a:gd name="connsiteY27" fmla="*/ 6147782 h 6882088"/>
                <a:gd name="connsiteX28" fmla="*/ 1594461 w 2400759"/>
                <a:gd name="connsiteY28" fmla="*/ 5713775 h 6882088"/>
                <a:gd name="connsiteX29" fmla="*/ 1611150 w 2400759"/>
                <a:gd name="connsiteY29" fmla="*/ 5582668 h 6882088"/>
                <a:gd name="connsiteX30" fmla="*/ 1659523 w 2400759"/>
                <a:gd name="connsiteY30" fmla="*/ 5355673 h 6882088"/>
                <a:gd name="connsiteX31" fmla="*/ 1930897 w 2400759"/>
                <a:gd name="connsiteY31" fmla="*/ 5146959 h 6882088"/>
                <a:gd name="connsiteX32" fmla="*/ 1969111 w 2400759"/>
                <a:gd name="connsiteY32" fmla="*/ 5132172 h 6882088"/>
                <a:gd name="connsiteX33" fmla="*/ 2000715 w 2400759"/>
                <a:gd name="connsiteY33" fmla="*/ 5119806 h 6882088"/>
                <a:gd name="connsiteX34" fmla="*/ 2193240 w 2400759"/>
                <a:gd name="connsiteY34" fmla="*/ 4931614 h 6882088"/>
                <a:gd name="connsiteX35" fmla="*/ 2293292 w 2400759"/>
                <a:gd name="connsiteY35" fmla="*/ 4714566 h 6882088"/>
                <a:gd name="connsiteX36" fmla="*/ 2358434 w 2400759"/>
                <a:gd name="connsiteY36" fmla="*/ 4572347 h 6882088"/>
                <a:gd name="connsiteX37" fmla="*/ 2392436 w 2400759"/>
                <a:gd name="connsiteY37" fmla="*/ 4486054 h 6882088"/>
                <a:gd name="connsiteX38" fmla="*/ 0 w 2400759"/>
                <a:gd name="connsiteY38" fmla="*/ 0 h 6882088"/>
                <a:gd name="connsiteX39" fmla="*/ 4353 w 2400759"/>
                <a:gd name="connsiteY39" fmla="*/ 0 h 6882088"/>
                <a:gd name="connsiteX40" fmla="*/ 135928 w 2400759"/>
                <a:gd name="connsiteY40" fmla="*/ 343585 h 6882088"/>
                <a:gd name="connsiteX41" fmla="*/ 273067 w 2400759"/>
                <a:gd name="connsiteY41" fmla="*/ 516094 h 6882088"/>
                <a:gd name="connsiteX42" fmla="*/ 405528 w 2400759"/>
                <a:gd name="connsiteY42" fmla="*/ 725972 h 6882088"/>
                <a:gd name="connsiteX43" fmla="*/ 544763 w 2400759"/>
                <a:gd name="connsiteY43" fmla="*/ 1105941 h 6882088"/>
                <a:gd name="connsiteX44" fmla="*/ 596603 w 2400759"/>
                <a:gd name="connsiteY44" fmla="*/ 1218677 h 6882088"/>
                <a:gd name="connsiteX45" fmla="*/ 891357 w 2400759"/>
                <a:gd name="connsiteY45" fmla="*/ 1632789 h 6882088"/>
                <a:gd name="connsiteX46" fmla="*/ 1100974 w 2400759"/>
                <a:gd name="connsiteY46" fmla="*/ 1934075 h 6882088"/>
                <a:gd name="connsiteX47" fmla="*/ 1233919 w 2400759"/>
                <a:gd name="connsiteY47" fmla="*/ 2021808 h 6882088"/>
                <a:gd name="connsiteX48" fmla="*/ 1525206 w 2400759"/>
                <a:gd name="connsiteY48" fmla="*/ 2243337 h 6882088"/>
                <a:gd name="connsiteX49" fmla="*/ 1845518 w 2400759"/>
                <a:gd name="connsiteY49" fmla="*/ 2488435 h 6882088"/>
                <a:gd name="connsiteX50" fmla="*/ 2172440 w 2400759"/>
                <a:gd name="connsiteY50" fmla="*/ 2415040 h 6882088"/>
                <a:gd name="connsiteX51" fmla="*/ 2219603 w 2400759"/>
                <a:gd name="connsiteY51" fmla="*/ 2398192 h 6882088"/>
                <a:gd name="connsiteX52" fmla="*/ 2316834 w 2400759"/>
                <a:gd name="connsiteY52" fmla="*/ 2361360 h 6882088"/>
                <a:gd name="connsiteX53" fmla="*/ 2400759 w 2400759"/>
                <a:gd name="connsiteY53" fmla="*/ 2328750 h 6882088"/>
                <a:gd name="connsiteX54" fmla="*/ 2400759 w 2400759"/>
                <a:gd name="connsiteY54" fmla="*/ 2334466 h 6882088"/>
                <a:gd name="connsiteX55" fmla="*/ 2317559 w 2400759"/>
                <a:gd name="connsiteY55" fmla="*/ 2366827 h 6882088"/>
                <a:gd name="connsiteX56" fmla="*/ 2220169 w 2400759"/>
                <a:gd name="connsiteY56" fmla="*/ 2403749 h 6882088"/>
                <a:gd name="connsiteX57" fmla="*/ 2173166 w 2400759"/>
                <a:gd name="connsiteY57" fmla="*/ 2420596 h 6882088"/>
                <a:gd name="connsiteX58" fmla="*/ 1843744 w 2400759"/>
                <a:gd name="connsiteY58" fmla="*/ 2493991 h 6882088"/>
                <a:gd name="connsiteX59" fmla="*/ 1521256 w 2400759"/>
                <a:gd name="connsiteY59" fmla="*/ 2247012 h 6882088"/>
                <a:gd name="connsiteX60" fmla="*/ 1231582 w 2400759"/>
                <a:gd name="connsiteY60" fmla="*/ 2027096 h 6882088"/>
                <a:gd name="connsiteX61" fmla="*/ 1097104 w 2400759"/>
                <a:gd name="connsiteY61" fmla="*/ 1937481 h 6882088"/>
                <a:gd name="connsiteX62" fmla="*/ 888132 w 2400759"/>
                <a:gd name="connsiteY62" fmla="*/ 1637360 h 6882088"/>
                <a:gd name="connsiteX63" fmla="*/ 592249 w 2400759"/>
                <a:gd name="connsiteY63" fmla="*/ 1221545 h 6882088"/>
                <a:gd name="connsiteX64" fmla="*/ 540490 w 2400759"/>
                <a:gd name="connsiteY64" fmla="*/ 1108988 h 6882088"/>
                <a:gd name="connsiteX65" fmla="*/ 400852 w 2400759"/>
                <a:gd name="connsiteY65" fmla="*/ 728034 h 6882088"/>
                <a:gd name="connsiteX66" fmla="*/ 270003 w 2400759"/>
                <a:gd name="connsiteY66" fmla="*/ 520754 h 6882088"/>
                <a:gd name="connsiteX67" fmla="*/ 132300 w 2400759"/>
                <a:gd name="connsiteY67" fmla="*/ 345556 h 6882088"/>
                <a:gd name="connsiteX68" fmla="*/ 0 w 2400759"/>
                <a:gd name="connsiteY68" fmla="*/ 0 h 6882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2400759" h="6882088">
                  <a:moveTo>
                    <a:pt x="2400759" y="4469033"/>
                  </a:moveTo>
                  <a:lnTo>
                    <a:pt x="2400759" y="4479132"/>
                  </a:lnTo>
                  <a:lnTo>
                    <a:pt x="2396428" y="4487982"/>
                  </a:lnTo>
                  <a:cubicBezTo>
                    <a:pt x="2383816" y="4517138"/>
                    <a:pt x="2372705" y="4546000"/>
                    <a:pt x="2362547" y="4573870"/>
                  </a:cubicBezTo>
                  <a:cubicBezTo>
                    <a:pt x="2343377" y="4622841"/>
                    <a:pt x="2321569" y="4670482"/>
                    <a:pt x="2297243" y="4716537"/>
                  </a:cubicBezTo>
                  <a:cubicBezTo>
                    <a:pt x="2267251" y="4776490"/>
                    <a:pt x="2233229" y="4844419"/>
                    <a:pt x="2197352" y="4933317"/>
                  </a:cubicBezTo>
                  <a:cubicBezTo>
                    <a:pt x="2140433" y="5074103"/>
                    <a:pt x="2060295" y="5102779"/>
                    <a:pt x="2002408" y="5123659"/>
                  </a:cubicBezTo>
                  <a:cubicBezTo>
                    <a:pt x="1991040" y="5127781"/>
                    <a:pt x="1980238" y="5131635"/>
                    <a:pt x="1971127" y="5135937"/>
                  </a:cubicBezTo>
                  <a:cubicBezTo>
                    <a:pt x="1962017" y="5140238"/>
                    <a:pt x="1948150" y="5144898"/>
                    <a:pt x="1932509" y="5150813"/>
                  </a:cubicBezTo>
                  <a:cubicBezTo>
                    <a:pt x="1860433" y="5176890"/>
                    <a:pt x="1726116" y="5225283"/>
                    <a:pt x="1663473" y="5357376"/>
                  </a:cubicBezTo>
                  <a:cubicBezTo>
                    <a:pt x="1618325" y="5452726"/>
                    <a:pt x="1616712" y="5518683"/>
                    <a:pt x="1615100" y="5582489"/>
                  </a:cubicBezTo>
                  <a:cubicBezTo>
                    <a:pt x="1614052" y="5625952"/>
                    <a:pt x="1613085" y="5667086"/>
                    <a:pt x="1598250" y="5714940"/>
                  </a:cubicBezTo>
                  <a:cubicBezTo>
                    <a:pt x="1562777" y="5829558"/>
                    <a:pt x="1569226" y="6100913"/>
                    <a:pt x="1619373" y="6143928"/>
                  </a:cubicBezTo>
                  <a:cubicBezTo>
                    <a:pt x="1655088" y="6174576"/>
                    <a:pt x="1671293" y="6235425"/>
                    <a:pt x="1690079" y="6305952"/>
                  </a:cubicBezTo>
                  <a:cubicBezTo>
                    <a:pt x="1698141" y="6336511"/>
                    <a:pt x="1706606" y="6368145"/>
                    <a:pt x="1717168" y="6398973"/>
                  </a:cubicBezTo>
                  <a:cubicBezTo>
                    <a:pt x="1749417" y="6492710"/>
                    <a:pt x="1806738" y="6526047"/>
                    <a:pt x="1862288" y="6558309"/>
                  </a:cubicBezTo>
                  <a:lnTo>
                    <a:pt x="1873252" y="6564672"/>
                  </a:lnTo>
                  <a:cubicBezTo>
                    <a:pt x="1904211" y="6582595"/>
                    <a:pt x="1925091" y="6634840"/>
                    <a:pt x="1949198" y="6695062"/>
                  </a:cubicBezTo>
                  <a:cubicBezTo>
                    <a:pt x="1971933" y="6752056"/>
                    <a:pt x="1997571" y="6816580"/>
                    <a:pt x="2037882" y="6868915"/>
                  </a:cubicBezTo>
                  <a:cubicBezTo>
                    <a:pt x="2041107" y="6873037"/>
                    <a:pt x="2044332" y="6877876"/>
                    <a:pt x="2047476" y="6882088"/>
                  </a:cubicBezTo>
                  <a:lnTo>
                    <a:pt x="2042639" y="6882088"/>
                  </a:lnTo>
                  <a:cubicBezTo>
                    <a:pt x="2040139" y="6878504"/>
                    <a:pt x="2037640" y="6875099"/>
                    <a:pt x="2035060" y="6871873"/>
                  </a:cubicBezTo>
                  <a:cubicBezTo>
                    <a:pt x="1994749" y="6819000"/>
                    <a:pt x="1968386" y="6754118"/>
                    <a:pt x="1945489" y="6696943"/>
                  </a:cubicBezTo>
                  <a:cubicBezTo>
                    <a:pt x="1921303" y="6637439"/>
                    <a:pt x="1901147" y="6586089"/>
                    <a:pt x="1871398" y="6568615"/>
                  </a:cubicBezTo>
                  <a:lnTo>
                    <a:pt x="1860433" y="6562252"/>
                  </a:lnTo>
                  <a:cubicBezTo>
                    <a:pt x="1803998" y="6529632"/>
                    <a:pt x="1746030" y="6495937"/>
                    <a:pt x="1713378" y="6400945"/>
                  </a:cubicBezTo>
                  <a:cubicBezTo>
                    <a:pt x="1702736" y="6369937"/>
                    <a:pt x="1694352" y="6338214"/>
                    <a:pt x="1686208" y="6307566"/>
                  </a:cubicBezTo>
                  <a:cubicBezTo>
                    <a:pt x="1667666" y="6237845"/>
                    <a:pt x="1651622" y="6177623"/>
                    <a:pt x="1616874" y="6147782"/>
                  </a:cubicBezTo>
                  <a:cubicBezTo>
                    <a:pt x="1564631" y="6102974"/>
                    <a:pt x="1557697" y="5832426"/>
                    <a:pt x="1594461" y="5713775"/>
                  </a:cubicBezTo>
                  <a:cubicBezTo>
                    <a:pt x="1609053" y="5666638"/>
                    <a:pt x="1610022" y="5625863"/>
                    <a:pt x="1611150" y="5582668"/>
                  </a:cubicBezTo>
                  <a:cubicBezTo>
                    <a:pt x="1612682" y="5518414"/>
                    <a:pt x="1614294" y="5451919"/>
                    <a:pt x="1659523" y="5355673"/>
                  </a:cubicBezTo>
                  <a:cubicBezTo>
                    <a:pt x="1722892" y="5221967"/>
                    <a:pt x="1858176" y="5173127"/>
                    <a:pt x="1930897" y="5146959"/>
                  </a:cubicBezTo>
                  <a:cubicBezTo>
                    <a:pt x="1946376" y="5141403"/>
                    <a:pt x="1959759" y="5136564"/>
                    <a:pt x="1969111" y="5132172"/>
                  </a:cubicBezTo>
                  <a:cubicBezTo>
                    <a:pt x="1978464" y="5127781"/>
                    <a:pt x="1989267" y="5123838"/>
                    <a:pt x="2000715" y="5119806"/>
                  </a:cubicBezTo>
                  <a:cubicBezTo>
                    <a:pt x="2058280" y="5099104"/>
                    <a:pt x="2137047" y="5070786"/>
                    <a:pt x="2193240" y="4931614"/>
                  </a:cubicBezTo>
                  <a:cubicBezTo>
                    <a:pt x="2229279" y="4842626"/>
                    <a:pt x="2263301" y="4774608"/>
                    <a:pt x="2293292" y="4714566"/>
                  </a:cubicBezTo>
                  <a:cubicBezTo>
                    <a:pt x="2317562" y="4668661"/>
                    <a:pt x="2339316" y="4621167"/>
                    <a:pt x="2358434" y="4572347"/>
                  </a:cubicBezTo>
                  <a:cubicBezTo>
                    <a:pt x="2368633" y="4544342"/>
                    <a:pt x="2379779" y="4515346"/>
                    <a:pt x="2392436" y="4486054"/>
                  </a:cubicBezTo>
                  <a:close/>
                  <a:moveTo>
                    <a:pt x="0" y="0"/>
                  </a:moveTo>
                  <a:lnTo>
                    <a:pt x="4353" y="0"/>
                  </a:lnTo>
                  <a:cubicBezTo>
                    <a:pt x="25234" y="61476"/>
                    <a:pt x="71753" y="192763"/>
                    <a:pt x="135928" y="343585"/>
                  </a:cubicBezTo>
                  <a:cubicBezTo>
                    <a:pt x="177691" y="439025"/>
                    <a:pt x="226225" y="478276"/>
                    <a:pt x="273067" y="516094"/>
                  </a:cubicBezTo>
                  <a:cubicBezTo>
                    <a:pt x="327003" y="559647"/>
                    <a:pt x="377875" y="600780"/>
                    <a:pt x="405528" y="725972"/>
                  </a:cubicBezTo>
                  <a:cubicBezTo>
                    <a:pt x="442292" y="892747"/>
                    <a:pt x="496712" y="1006021"/>
                    <a:pt x="544763" y="1105941"/>
                  </a:cubicBezTo>
                  <a:cubicBezTo>
                    <a:pt x="563386" y="1144565"/>
                    <a:pt x="580962" y="1181128"/>
                    <a:pt x="596603" y="1218677"/>
                  </a:cubicBezTo>
                  <a:cubicBezTo>
                    <a:pt x="654893" y="1358388"/>
                    <a:pt x="845080" y="1593627"/>
                    <a:pt x="891357" y="1632789"/>
                  </a:cubicBezTo>
                  <a:cubicBezTo>
                    <a:pt x="947792" y="1680912"/>
                    <a:pt x="1094927" y="1923770"/>
                    <a:pt x="1100974" y="1934075"/>
                  </a:cubicBezTo>
                  <a:cubicBezTo>
                    <a:pt x="1115808" y="1958540"/>
                    <a:pt x="1170551" y="1987845"/>
                    <a:pt x="1233919" y="2021808"/>
                  </a:cubicBezTo>
                  <a:cubicBezTo>
                    <a:pt x="1338083" y="2077549"/>
                    <a:pt x="1467723" y="2147270"/>
                    <a:pt x="1525206" y="2243337"/>
                  </a:cubicBezTo>
                  <a:cubicBezTo>
                    <a:pt x="1625501" y="2411097"/>
                    <a:pt x="1791260" y="2469347"/>
                    <a:pt x="1845518" y="2488435"/>
                  </a:cubicBezTo>
                  <a:cubicBezTo>
                    <a:pt x="1910661" y="2511287"/>
                    <a:pt x="2080934" y="2448735"/>
                    <a:pt x="2172440" y="2415040"/>
                  </a:cubicBezTo>
                  <a:cubicBezTo>
                    <a:pt x="2192676" y="2407602"/>
                    <a:pt x="2208639" y="2401777"/>
                    <a:pt x="2219603" y="2398192"/>
                  </a:cubicBezTo>
                  <a:cubicBezTo>
                    <a:pt x="2237421" y="2392457"/>
                    <a:pt x="2272492" y="2378746"/>
                    <a:pt x="2316834" y="2361360"/>
                  </a:cubicBezTo>
                  <a:lnTo>
                    <a:pt x="2400759" y="2328750"/>
                  </a:lnTo>
                  <a:lnTo>
                    <a:pt x="2400759" y="2334466"/>
                  </a:lnTo>
                  <a:lnTo>
                    <a:pt x="2317559" y="2366827"/>
                  </a:lnTo>
                  <a:cubicBezTo>
                    <a:pt x="2273136" y="2384212"/>
                    <a:pt x="2238066" y="2397924"/>
                    <a:pt x="2220169" y="2403749"/>
                  </a:cubicBezTo>
                  <a:cubicBezTo>
                    <a:pt x="2209284" y="2407333"/>
                    <a:pt x="2193321" y="2413158"/>
                    <a:pt x="2173166" y="2420596"/>
                  </a:cubicBezTo>
                  <a:cubicBezTo>
                    <a:pt x="2081257" y="2454381"/>
                    <a:pt x="1910096" y="2517291"/>
                    <a:pt x="1843744" y="2493991"/>
                  </a:cubicBezTo>
                  <a:cubicBezTo>
                    <a:pt x="1789001" y="2474724"/>
                    <a:pt x="1622356" y="2416205"/>
                    <a:pt x="1521256" y="2247012"/>
                  </a:cubicBezTo>
                  <a:cubicBezTo>
                    <a:pt x="1464337" y="2151751"/>
                    <a:pt x="1335262" y="2082657"/>
                    <a:pt x="1231582" y="2027096"/>
                  </a:cubicBezTo>
                  <a:cubicBezTo>
                    <a:pt x="1165068" y="1991250"/>
                    <a:pt x="1112503" y="1963290"/>
                    <a:pt x="1097104" y="1937481"/>
                  </a:cubicBezTo>
                  <a:cubicBezTo>
                    <a:pt x="1090896" y="1927265"/>
                    <a:pt x="944325" y="1684945"/>
                    <a:pt x="888132" y="1637360"/>
                  </a:cubicBezTo>
                  <a:cubicBezTo>
                    <a:pt x="835082" y="1592552"/>
                    <a:pt x="648040" y="1355340"/>
                    <a:pt x="592249" y="1221545"/>
                  </a:cubicBezTo>
                  <a:cubicBezTo>
                    <a:pt x="576608" y="1184085"/>
                    <a:pt x="559032" y="1147613"/>
                    <a:pt x="540490" y="1108988"/>
                  </a:cubicBezTo>
                  <a:cubicBezTo>
                    <a:pt x="492117" y="1008888"/>
                    <a:pt x="437777" y="895346"/>
                    <a:pt x="400852" y="728034"/>
                  </a:cubicBezTo>
                  <a:cubicBezTo>
                    <a:pt x="373602" y="604454"/>
                    <a:pt x="323294" y="563770"/>
                    <a:pt x="270003" y="520754"/>
                  </a:cubicBezTo>
                  <a:cubicBezTo>
                    <a:pt x="222678" y="482488"/>
                    <a:pt x="173741" y="442968"/>
                    <a:pt x="132300" y="345556"/>
                  </a:cubicBezTo>
                  <a:cubicBezTo>
                    <a:pt x="67803" y="193210"/>
                    <a:pt x="20720" y="60849"/>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52">
              <a:extLst>
                <a:ext uri="{FF2B5EF4-FFF2-40B4-BE49-F238E27FC236}">
                  <a16:creationId xmlns:a16="http://schemas.microsoft.com/office/drawing/2014/main" id="{B2A97183-2F55-B848-A56C-00AF2FEA5042}"/>
                </a:ext>
              </a:extLst>
            </p:cNvPr>
            <p:cNvSpPr/>
            <p:nvPr/>
          </p:nvSpPr>
          <p:spPr>
            <a:xfrm>
              <a:off x="9904837" y="-12179"/>
              <a:ext cx="2287163" cy="6883432"/>
            </a:xfrm>
            <a:custGeom>
              <a:avLst/>
              <a:gdLst>
                <a:gd name="connsiteX0" fmla="*/ 2287163 w 2287163"/>
                <a:gd name="connsiteY0" fmla="*/ 4764414 h 6883432"/>
                <a:gd name="connsiteX1" fmla="*/ 2287163 w 2287163"/>
                <a:gd name="connsiteY1" fmla="*/ 4773478 h 6883432"/>
                <a:gd name="connsiteX2" fmla="*/ 2270490 w 2287163"/>
                <a:gd name="connsiteY2" fmla="*/ 4809717 h 6883432"/>
                <a:gd name="connsiteX3" fmla="*/ 1940491 w 2287163"/>
                <a:gd name="connsiteY3" fmla="*/ 5280754 h 6883432"/>
                <a:gd name="connsiteX4" fmla="*/ 1888329 w 2287163"/>
                <a:gd name="connsiteY4" fmla="*/ 5304234 h 6883432"/>
                <a:gd name="connsiteX5" fmla="*/ 1652428 w 2287163"/>
                <a:gd name="connsiteY5" fmla="*/ 5589568 h 6883432"/>
                <a:gd name="connsiteX6" fmla="*/ 1659846 w 2287163"/>
                <a:gd name="connsiteY6" fmla="*/ 5811276 h 6883432"/>
                <a:gd name="connsiteX7" fmla="*/ 1669360 w 2287163"/>
                <a:gd name="connsiteY7" fmla="*/ 5880010 h 6883432"/>
                <a:gd name="connsiteX8" fmla="*/ 1669360 w 2287163"/>
                <a:gd name="connsiteY8" fmla="*/ 5982710 h 6883432"/>
                <a:gd name="connsiteX9" fmla="*/ 1698142 w 2287163"/>
                <a:gd name="connsiteY9" fmla="*/ 6352372 h 6883432"/>
                <a:gd name="connsiteX10" fmla="*/ 1810448 w 2287163"/>
                <a:gd name="connsiteY10" fmla="*/ 6508033 h 6883432"/>
                <a:gd name="connsiteX11" fmla="*/ 1830684 w 2287163"/>
                <a:gd name="connsiteY11" fmla="*/ 6523896 h 6883432"/>
                <a:gd name="connsiteX12" fmla="*/ 1867690 w 2287163"/>
                <a:gd name="connsiteY12" fmla="*/ 6597560 h 6883432"/>
                <a:gd name="connsiteX13" fmla="*/ 1976206 w 2287163"/>
                <a:gd name="connsiteY13" fmla="*/ 6802779 h 6883432"/>
                <a:gd name="connsiteX14" fmla="*/ 2022080 w 2287163"/>
                <a:gd name="connsiteY14" fmla="*/ 6883432 h 6883432"/>
                <a:gd name="connsiteX15" fmla="*/ 2017727 w 2287163"/>
                <a:gd name="connsiteY15" fmla="*/ 6883432 h 6883432"/>
                <a:gd name="connsiteX16" fmla="*/ 1973224 w 2287163"/>
                <a:gd name="connsiteY16" fmla="*/ 6806005 h 6883432"/>
                <a:gd name="connsiteX17" fmla="*/ 1864223 w 2287163"/>
                <a:gd name="connsiteY17" fmla="*/ 6599890 h 6883432"/>
                <a:gd name="connsiteX18" fmla="*/ 1828184 w 2287163"/>
                <a:gd name="connsiteY18" fmla="*/ 6527570 h 6883432"/>
                <a:gd name="connsiteX19" fmla="*/ 1808432 w 2287163"/>
                <a:gd name="connsiteY19" fmla="*/ 6512157 h 6883432"/>
                <a:gd name="connsiteX20" fmla="*/ 1694513 w 2287163"/>
                <a:gd name="connsiteY20" fmla="*/ 6354344 h 6883432"/>
                <a:gd name="connsiteX21" fmla="*/ 1665490 w 2287163"/>
                <a:gd name="connsiteY21" fmla="*/ 5982979 h 6883432"/>
                <a:gd name="connsiteX22" fmla="*/ 1665490 w 2287163"/>
                <a:gd name="connsiteY22" fmla="*/ 5880639 h 6883432"/>
                <a:gd name="connsiteX23" fmla="*/ 1656057 w 2287163"/>
                <a:gd name="connsiteY23" fmla="*/ 5812621 h 6883432"/>
                <a:gd name="connsiteX24" fmla="*/ 1648559 w 2287163"/>
                <a:gd name="connsiteY24" fmla="*/ 5589568 h 6883432"/>
                <a:gd name="connsiteX25" fmla="*/ 1887039 w 2287163"/>
                <a:gd name="connsiteY25" fmla="*/ 5300380 h 6883432"/>
                <a:gd name="connsiteX26" fmla="*/ 1939040 w 2287163"/>
                <a:gd name="connsiteY26" fmla="*/ 5276990 h 6883432"/>
                <a:gd name="connsiteX27" fmla="*/ 2267250 w 2287163"/>
                <a:gd name="connsiteY27" fmla="*/ 4807694 h 6883432"/>
                <a:gd name="connsiteX28" fmla="*/ 0 w 2287163"/>
                <a:gd name="connsiteY28" fmla="*/ 0 h 6883432"/>
                <a:gd name="connsiteX29" fmla="*/ 4192 w 2287163"/>
                <a:gd name="connsiteY29" fmla="*/ 0 h 6883432"/>
                <a:gd name="connsiteX30" fmla="*/ 92716 w 2287163"/>
                <a:gd name="connsiteY30" fmla="*/ 236584 h 6883432"/>
                <a:gd name="connsiteX31" fmla="*/ 167291 w 2287163"/>
                <a:gd name="connsiteY31" fmla="*/ 290353 h 6883432"/>
                <a:gd name="connsiteX32" fmla="*/ 335307 w 2287163"/>
                <a:gd name="connsiteY32" fmla="*/ 439653 h 6883432"/>
                <a:gd name="connsiteX33" fmla="*/ 363766 w 2287163"/>
                <a:gd name="connsiteY33" fmla="*/ 505878 h 6883432"/>
                <a:gd name="connsiteX34" fmla="*/ 510499 w 2287163"/>
                <a:gd name="connsiteY34" fmla="*/ 790048 h 6883432"/>
                <a:gd name="connsiteX35" fmla="*/ 628691 w 2287163"/>
                <a:gd name="connsiteY35" fmla="*/ 922230 h 6883432"/>
                <a:gd name="connsiteX36" fmla="*/ 779454 w 2287163"/>
                <a:gd name="connsiteY36" fmla="*/ 1101461 h 6883432"/>
                <a:gd name="connsiteX37" fmla="*/ 914011 w 2287163"/>
                <a:gd name="connsiteY37" fmla="*/ 1428914 h 6883432"/>
                <a:gd name="connsiteX38" fmla="*/ 928282 w 2287163"/>
                <a:gd name="connsiteY38" fmla="*/ 1513243 h 6883432"/>
                <a:gd name="connsiteX39" fmla="*/ 995601 w 2287163"/>
                <a:gd name="connsiteY39" fmla="*/ 1650175 h 6883432"/>
                <a:gd name="connsiteX40" fmla="*/ 1279793 w 2287163"/>
                <a:gd name="connsiteY40" fmla="*/ 1842488 h 6883432"/>
                <a:gd name="connsiteX41" fmla="*/ 1326474 w 2287163"/>
                <a:gd name="connsiteY41" fmla="*/ 1864085 h 6883432"/>
                <a:gd name="connsiteX42" fmla="*/ 1486267 w 2287163"/>
                <a:gd name="connsiteY42" fmla="*/ 2003527 h 6883432"/>
                <a:gd name="connsiteX43" fmla="*/ 1712976 w 2287163"/>
                <a:gd name="connsiteY43" fmla="*/ 2251313 h 6883432"/>
                <a:gd name="connsiteX44" fmla="*/ 2070938 w 2287163"/>
                <a:gd name="connsiteY44" fmla="*/ 2283306 h 6883432"/>
                <a:gd name="connsiteX45" fmla="*/ 2215503 w 2287163"/>
                <a:gd name="connsiteY45" fmla="*/ 2217047 h 6883432"/>
                <a:gd name="connsiteX46" fmla="*/ 2287163 w 2287163"/>
                <a:gd name="connsiteY46" fmla="*/ 2178200 h 6883432"/>
                <a:gd name="connsiteX47" fmla="*/ 2287163 w 2287163"/>
                <a:gd name="connsiteY47" fmla="*/ 2184157 h 6883432"/>
                <a:gd name="connsiteX48" fmla="*/ 2285988 w 2287163"/>
                <a:gd name="connsiteY48" fmla="*/ 2184806 h 6883432"/>
                <a:gd name="connsiteX49" fmla="*/ 2071743 w 2287163"/>
                <a:gd name="connsiteY49" fmla="*/ 2288055 h 6883432"/>
                <a:gd name="connsiteX50" fmla="*/ 1711364 w 2287163"/>
                <a:gd name="connsiteY50" fmla="*/ 2255077 h 6883432"/>
                <a:gd name="connsiteX51" fmla="*/ 1482962 w 2287163"/>
                <a:gd name="connsiteY51" fmla="*/ 2005677 h 6883432"/>
                <a:gd name="connsiteX52" fmla="*/ 1325104 w 2287163"/>
                <a:gd name="connsiteY52" fmla="*/ 1868028 h 6883432"/>
                <a:gd name="connsiteX53" fmla="*/ 1277859 w 2287163"/>
                <a:gd name="connsiteY53" fmla="*/ 1846073 h 6883432"/>
                <a:gd name="connsiteX54" fmla="*/ 993183 w 2287163"/>
                <a:gd name="connsiteY54" fmla="*/ 1653401 h 6883432"/>
                <a:gd name="connsiteX55" fmla="*/ 924251 w 2287163"/>
                <a:gd name="connsiteY55" fmla="*/ 1513511 h 6883432"/>
                <a:gd name="connsiteX56" fmla="*/ 910142 w 2287163"/>
                <a:gd name="connsiteY56" fmla="*/ 1429631 h 6883432"/>
                <a:gd name="connsiteX57" fmla="*/ 775987 w 2287163"/>
                <a:gd name="connsiteY57" fmla="*/ 1103522 h 6883432"/>
                <a:gd name="connsiteX58" fmla="*/ 625869 w 2287163"/>
                <a:gd name="connsiteY58" fmla="*/ 925546 h 6883432"/>
                <a:gd name="connsiteX59" fmla="*/ 507516 w 2287163"/>
                <a:gd name="connsiteY59" fmla="*/ 793095 h 6883432"/>
                <a:gd name="connsiteX60" fmla="*/ 360139 w 2287163"/>
                <a:gd name="connsiteY60" fmla="*/ 507850 h 6883432"/>
                <a:gd name="connsiteX61" fmla="*/ 331760 w 2287163"/>
                <a:gd name="connsiteY61" fmla="*/ 441803 h 6883432"/>
                <a:gd name="connsiteX62" fmla="*/ 165194 w 2287163"/>
                <a:gd name="connsiteY62" fmla="*/ 294296 h 6883432"/>
                <a:gd name="connsiteX63" fmla="*/ 90216 w 2287163"/>
                <a:gd name="connsiteY63" fmla="*/ 240079 h 6883432"/>
                <a:gd name="connsiteX64" fmla="*/ 0 w 2287163"/>
                <a:gd name="connsiteY64" fmla="*/ 0 h 68834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2287163" h="6883432">
                  <a:moveTo>
                    <a:pt x="2287163" y="4764414"/>
                  </a:moveTo>
                  <a:lnTo>
                    <a:pt x="2287163" y="4773478"/>
                  </a:lnTo>
                  <a:lnTo>
                    <a:pt x="2270490" y="4809717"/>
                  </a:lnTo>
                  <a:cubicBezTo>
                    <a:pt x="2146550" y="5075782"/>
                    <a:pt x="2063520" y="5222729"/>
                    <a:pt x="1940491" y="5280754"/>
                  </a:cubicBezTo>
                  <a:cubicBezTo>
                    <a:pt x="1922916" y="5288999"/>
                    <a:pt x="1905340" y="5296705"/>
                    <a:pt x="1888329" y="5304234"/>
                  </a:cubicBezTo>
                  <a:cubicBezTo>
                    <a:pt x="1767960" y="5357285"/>
                    <a:pt x="1663958" y="5402811"/>
                    <a:pt x="1652428" y="5589568"/>
                  </a:cubicBezTo>
                  <a:cubicBezTo>
                    <a:pt x="1643561" y="5732952"/>
                    <a:pt x="1651864" y="5772562"/>
                    <a:pt x="1659846" y="5811276"/>
                  </a:cubicBezTo>
                  <a:cubicBezTo>
                    <a:pt x="1664974" y="5833800"/>
                    <a:pt x="1668160" y="5856816"/>
                    <a:pt x="1669360" y="5880010"/>
                  </a:cubicBezTo>
                  <a:cubicBezTo>
                    <a:pt x="1670650" y="5904656"/>
                    <a:pt x="1670085" y="5940859"/>
                    <a:pt x="1669360" y="5982710"/>
                  </a:cubicBezTo>
                  <a:cubicBezTo>
                    <a:pt x="1667667" y="6099210"/>
                    <a:pt x="1665408" y="6258635"/>
                    <a:pt x="1698142" y="6352372"/>
                  </a:cubicBezTo>
                  <a:cubicBezTo>
                    <a:pt x="1733212" y="6453010"/>
                    <a:pt x="1779731" y="6486079"/>
                    <a:pt x="1810448" y="6508033"/>
                  </a:cubicBezTo>
                  <a:cubicBezTo>
                    <a:pt x="1817553" y="6512729"/>
                    <a:pt x="1824319" y="6518033"/>
                    <a:pt x="1830684" y="6523896"/>
                  </a:cubicBezTo>
                  <a:cubicBezTo>
                    <a:pt x="1840439" y="6533575"/>
                    <a:pt x="1851888" y="6560370"/>
                    <a:pt x="1867690" y="6597560"/>
                  </a:cubicBezTo>
                  <a:cubicBezTo>
                    <a:pt x="1892360" y="6655361"/>
                    <a:pt x="1926060" y="6734402"/>
                    <a:pt x="1976206" y="6802779"/>
                  </a:cubicBezTo>
                  <a:cubicBezTo>
                    <a:pt x="1993851" y="6827918"/>
                    <a:pt x="2009217" y="6854933"/>
                    <a:pt x="2022080" y="6883432"/>
                  </a:cubicBezTo>
                  <a:lnTo>
                    <a:pt x="2017727" y="6883432"/>
                  </a:lnTo>
                  <a:cubicBezTo>
                    <a:pt x="2005183" y="6856082"/>
                    <a:pt x="1990278" y="6830151"/>
                    <a:pt x="1973224" y="6806005"/>
                  </a:cubicBezTo>
                  <a:cubicBezTo>
                    <a:pt x="1922754" y="6737180"/>
                    <a:pt x="1888974" y="6657781"/>
                    <a:pt x="1864223" y="6599890"/>
                  </a:cubicBezTo>
                  <a:cubicBezTo>
                    <a:pt x="1849147" y="6564582"/>
                    <a:pt x="1837296" y="6536621"/>
                    <a:pt x="1828184" y="6527570"/>
                  </a:cubicBezTo>
                  <a:cubicBezTo>
                    <a:pt x="1821953" y="6521896"/>
                    <a:pt x="1815351" y="6516744"/>
                    <a:pt x="1808432" y="6512157"/>
                  </a:cubicBezTo>
                  <a:cubicBezTo>
                    <a:pt x="1777231" y="6489932"/>
                    <a:pt x="1730148" y="6456327"/>
                    <a:pt x="1694513" y="6354344"/>
                  </a:cubicBezTo>
                  <a:cubicBezTo>
                    <a:pt x="1661540" y="6259800"/>
                    <a:pt x="1663796" y="6099837"/>
                    <a:pt x="1665490" y="5982979"/>
                  </a:cubicBezTo>
                  <a:cubicBezTo>
                    <a:pt x="1666135" y="5941218"/>
                    <a:pt x="1666618" y="5905103"/>
                    <a:pt x="1665490" y="5880639"/>
                  </a:cubicBezTo>
                  <a:cubicBezTo>
                    <a:pt x="1664306" y="5857683"/>
                    <a:pt x="1661147" y="5834906"/>
                    <a:pt x="1656057" y="5812621"/>
                  </a:cubicBezTo>
                  <a:cubicBezTo>
                    <a:pt x="1647995" y="5773548"/>
                    <a:pt x="1639933" y="5733221"/>
                    <a:pt x="1648559" y="5589568"/>
                  </a:cubicBezTo>
                  <a:cubicBezTo>
                    <a:pt x="1660249" y="5400391"/>
                    <a:pt x="1765381" y="5354060"/>
                    <a:pt x="1887039" y="5300380"/>
                  </a:cubicBezTo>
                  <a:cubicBezTo>
                    <a:pt x="1903969" y="5292942"/>
                    <a:pt x="1921545" y="5285145"/>
                    <a:pt x="1939040" y="5276990"/>
                  </a:cubicBezTo>
                  <a:cubicBezTo>
                    <a:pt x="2060941" y="5219513"/>
                    <a:pt x="2143644" y="5073046"/>
                    <a:pt x="2267250" y="4807694"/>
                  </a:cubicBezTo>
                  <a:close/>
                  <a:moveTo>
                    <a:pt x="0" y="0"/>
                  </a:moveTo>
                  <a:lnTo>
                    <a:pt x="4192" y="0"/>
                  </a:lnTo>
                  <a:cubicBezTo>
                    <a:pt x="18785" y="66046"/>
                    <a:pt x="52647" y="201186"/>
                    <a:pt x="92716" y="236584"/>
                  </a:cubicBezTo>
                  <a:cubicBezTo>
                    <a:pt x="116644" y="256052"/>
                    <a:pt x="141543" y="274003"/>
                    <a:pt x="167291" y="290353"/>
                  </a:cubicBezTo>
                  <a:cubicBezTo>
                    <a:pt x="231386" y="333458"/>
                    <a:pt x="311121" y="387227"/>
                    <a:pt x="335307" y="439653"/>
                  </a:cubicBezTo>
                  <a:cubicBezTo>
                    <a:pt x="343369" y="457576"/>
                    <a:pt x="352802" y="479710"/>
                    <a:pt x="363766" y="505878"/>
                  </a:cubicBezTo>
                  <a:cubicBezTo>
                    <a:pt x="401013" y="594597"/>
                    <a:pt x="451887" y="716115"/>
                    <a:pt x="510499" y="790048"/>
                  </a:cubicBezTo>
                  <a:cubicBezTo>
                    <a:pt x="541860" y="829568"/>
                    <a:pt x="585961" y="876706"/>
                    <a:pt x="628691" y="922230"/>
                  </a:cubicBezTo>
                  <a:cubicBezTo>
                    <a:pt x="689802" y="987381"/>
                    <a:pt x="752929" y="1054771"/>
                    <a:pt x="779454" y="1101461"/>
                  </a:cubicBezTo>
                  <a:cubicBezTo>
                    <a:pt x="824764" y="1180680"/>
                    <a:pt x="887246" y="1313938"/>
                    <a:pt x="914011" y="1428914"/>
                  </a:cubicBezTo>
                  <a:cubicBezTo>
                    <a:pt x="920283" y="1456681"/>
                    <a:pt x="925049" y="1484840"/>
                    <a:pt x="928282" y="1513243"/>
                  </a:cubicBezTo>
                  <a:cubicBezTo>
                    <a:pt x="935377" y="1569789"/>
                    <a:pt x="939730" y="1603933"/>
                    <a:pt x="995601" y="1650175"/>
                  </a:cubicBezTo>
                  <a:cubicBezTo>
                    <a:pt x="1073482" y="1714698"/>
                    <a:pt x="1215538" y="1804133"/>
                    <a:pt x="1279793" y="1842488"/>
                  </a:cubicBezTo>
                  <a:cubicBezTo>
                    <a:pt x="1294828" y="1851020"/>
                    <a:pt x="1310435" y="1858240"/>
                    <a:pt x="1326474" y="1864085"/>
                  </a:cubicBezTo>
                  <a:cubicBezTo>
                    <a:pt x="1372025" y="1882008"/>
                    <a:pt x="1423704" y="1902979"/>
                    <a:pt x="1486267" y="2003527"/>
                  </a:cubicBezTo>
                  <a:cubicBezTo>
                    <a:pt x="1562374" y="2125941"/>
                    <a:pt x="1647108" y="2218603"/>
                    <a:pt x="1712976" y="2251313"/>
                  </a:cubicBezTo>
                  <a:cubicBezTo>
                    <a:pt x="1841085" y="2315029"/>
                    <a:pt x="1961614" y="2325783"/>
                    <a:pt x="2070938" y="2283306"/>
                  </a:cubicBezTo>
                  <a:cubicBezTo>
                    <a:pt x="2119029" y="2264666"/>
                    <a:pt x="2168229" y="2241343"/>
                    <a:pt x="2215503" y="2217047"/>
                  </a:cubicBezTo>
                  <a:lnTo>
                    <a:pt x="2287163" y="2178200"/>
                  </a:lnTo>
                  <a:lnTo>
                    <a:pt x="2287163" y="2184157"/>
                  </a:lnTo>
                  <a:lnTo>
                    <a:pt x="2285988" y="2184806"/>
                  </a:lnTo>
                  <a:cubicBezTo>
                    <a:pt x="2219040" y="2221314"/>
                    <a:pt x="2144122" y="2260028"/>
                    <a:pt x="2071743" y="2288055"/>
                  </a:cubicBezTo>
                  <a:cubicBezTo>
                    <a:pt x="1961937" y="2329995"/>
                    <a:pt x="1840359" y="2319241"/>
                    <a:pt x="1711364" y="2255077"/>
                  </a:cubicBezTo>
                  <a:cubicBezTo>
                    <a:pt x="1644931" y="2222009"/>
                    <a:pt x="1559552" y="2128809"/>
                    <a:pt x="1482962" y="2005677"/>
                  </a:cubicBezTo>
                  <a:cubicBezTo>
                    <a:pt x="1421124" y="1906294"/>
                    <a:pt x="1372751" y="1886848"/>
                    <a:pt x="1325104" y="1868028"/>
                  </a:cubicBezTo>
                  <a:cubicBezTo>
                    <a:pt x="1308898" y="1861992"/>
                    <a:pt x="1293108" y="1854653"/>
                    <a:pt x="1277859" y="1846073"/>
                  </a:cubicBezTo>
                  <a:cubicBezTo>
                    <a:pt x="1213362" y="1807718"/>
                    <a:pt x="1071225" y="1718102"/>
                    <a:pt x="993183" y="1653401"/>
                  </a:cubicBezTo>
                  <a:cubicBezTo>
                    <a:pt x="935941" y="1605993"/>
                    <a:pt x="931587" y="1571223"/>
                    <a:pt x="924251" y="1513511"/>
                  </a:cubicBezTo>
                  <a:cubicBezTo>
                    <a:pt x="921084" y="1485259"/>
                    <a:pt x="916372" y="1457247"/>
                    <a:pt x="910142" y="1429631"/>
                  </a:cubicBezTo>
                  <a:cubicBezTo>
                    <a:pt x="883456" y="1315193"/>
                    <a:pt x="821457" y="1182473"/>
                    <a:pt x="775987" y="1103522"/>
                  </a:cubicBezTo>
                  <a:cubicBezTo>
                    <a:pt x="749785" y="1057728"/>
                    <a:pt x="686819" y="990517"/>
                    <a:pt x="625869" y="925546"/>
                  </a:cubicBezTo>
                  <a:cubicBezTo>
                    <a:pt x="583139" y="879932"/>
                    <a:pt x="538959" y="832794"/>
                    <a:pt x="507516" y="793095"/>
                  </a:cubicBezTo>
                  <a:cubicBezTo>
                    <a:pt x="448500" y="718625"/>
                    <a:pt x="397225" y="596837"/>
                    <a:pt x="360139" y="507850"/>
                  </a:cubicBezTo>
                  <a:cubicBezTo>
                    <a:pt x="349174" y="481771"/>
                    <a:pt x="339742" y="459188"/>
                    <a:pt x="331760" y="441803"/>
                  </a:cubicBezTo>
                  <a:cubicBezTo>
                    <a:pt x="308056" y="390453"/>
                    <a:pt x="228886" y="337133"/>
                    <a:pt x="165194" y="294296"/>
                  </a:cubicBezTo>
                  <a:cubicBezTo>
                    <a:pt x="139330" y="277758"/>
                    <a:pt x="114300" y="259658"/>
                    <a:pt x="90216" y="240079"/>
                  </a:cubicBezTo>
                  <a:cubicBezTo>
                    <a:pt x="48454" y="203247"/>
                    <a:pt x="14432" y="66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53">
              <a:extLst>
                <a:ext uri="{FF2B5EF4-FFF2-40B4-BE49-F238E27FC236}">
                  <a16:creationId xmlns:a16="http://schemas.microsoft.com/office/drawing/2014/main" id="{D5325A45-92FB-D841-882A-5FF0AE526303}"/>
                </a:ext>
              </a:extLst>
            </p:cNvPr>
            <p:cNvSpPr/>
            <p:nvPr/>
          </p:nvSpPr>
          <p:spPr>
            <a:xfrm>
              <a:off x="10008920" y="-10835"/>
              <a:ext cx="2183079" cy="6881013"/>
            </a:xfrm>
            <a:custGeom>
              <a:avLst/>
              <a:gdLst>
                <a:gd name="connsiteX0" fmla="*/ 2183079 w 2183079"/>
                <a:gd name="connsiteY0" fmla="*/ 5025544 h 6881013"/>
                <a:gd name="connsiteX1" fmla="*/ 2183079 w 2183079"/>
                <a:gd name="connsiteY1" fmla="*/ 5032538 h 6881013"/>
                <a:gd name="connsiteX2" fmla="*/ 2147770 w 2183079"/>
                <a:gd name="connsiteY2" fmla="*/ 5081630 h 6881013"/>
                <a:gd name="connsiteX3" fmla="*/ 2028611 w 2183079"/>
                <a:gd name="connsiteY3" fmla="*/ 5233169 h 6881013"/>
                <a:gd name="connsiteX4" fmla="*/ 1909290 w 2183079"/>
                <a:gd name="connsiteY4" fmla="*/ 5384350 h 6881013"/>
                <a:gd name="connsiteX5" fmla="*/ 1769491 w 2183079"/>
                <a:gd name="connsiteY5" fmla="*/ 5663502 h 6881013"/>
                <a:gd name="connsiteX6" fmla="*/ 1769491 w 2183079"/>
                <a:gd name="connsiteY6" fmla="*/ 5793981 h 6881013"/>
                <a:gd name="connsiteX7" fmla="*/ 1768362 w 2183079"/>
                <a:gd name="connsiteY7" fmla="*/ 6116596 h 6881013"/>
                <a:gd name="connsiteX8" fmla="*/ 1852210 w 2183079"/>
                <a:gd name="connsiteY8" fmla="*/ 6576949 h 6881013"/>
                <a:gd name="connsiteX9" fmla="*/ 1891795 w 2183079"/>
                <a:gd name="connsiteY9" fmla="*/ 6703306 h 6881013"/>
                <a:gd name="connsiteX10" fmla="*/ 1979270 w 2183079"/>
                <a:gd name="connsiteY10" fmla="*/ 6870081 h 6881013"/>
                <a:gd name="connsiteX11" fmla="*/ 1986848 w 2183079"/>
                <a:gd name="connsiteY11" fmla="*/ 6881013 h 6881013"/>
                <a:gd name="connsiteX12" fmla="*/ 1981769 w 2183079"/>
                <a:gd name="connsiteY12" fmla="*/ 6881013 h 6881013"/>
                <a:gd name="connsiteX13" fmla="*/ 1976126 w 2183079"/>
                <a:gd name="connsiteY13" fmla="*/ 6872859 h 6881013"/>
                <a:gd name="connsiteX14" fmla="*/ 1887844 w 2183079"/>
                <a:gd name="connsiteY14" fmla="*/ 6704472 h 6881013"/>
                <a:gd name="connsiteX15" fmla="*/ 1848420 w 2183079"/>
                <a:gd name="connsiteY15" fmla="*/ 6579010 h 6881013"/>
                <a:gd name="connsiteX16" fmla="*/ 1764332 w 2183079"/>
                <a:gd name="connsiteY16" fmla="*/ 6116955 h 6881013"/>
                <a:gd name="connsiteX17" fmla="*/ 1765460 w 2183079"/>
                <a:gd name="connsiteY17" fmla="*/ 5794340 h 6881013"/>
                <a:gd name="connsiteX18" fmla="*/ 1765460 w 2183079"/>
                <a:gd name="connsiteY18" fmla="*/ 5663591 h 6881013"/>
                <a:gd name="connsiteX19" fmla="*/ 1906468 w 2183079"/>
                <a:gd name="connsiteY19" fmla="*/ 5381393 h 6881013"/>
                <a:gd name="connsiteX20" fmla="*/ 2025547 w 2183079"/>
                <a:gd name="connsiteY20" fmla="*/ 5230570 h 6881013"/>
                <a:gd name="connsiteX21" fmla="*/ 2144867 w 2183079"/>
                <a:gd name="connsiteY21" fmla="*/ 5078763 h 6881013"/>
                <a:gd name="connsiteX22" fmla="*/ 0 w 2183079"/>
                <a:gd name="connsiteY22" fmla="*/ 0 h 6881013"/>
                <a:gd name="connsiteX23" fmla="*/ 1129 w 2183079"/>
                <a:gd name="connsiteY23" fmla="*/ 0 h 6881013"/>
                <a:gd name="connsiteX24" fmla="*/ 4112 w 2183079"/>
                <a:gd name="connsiteY24" fmla="*/ 0 h 6881013"/>
                <a:gd name="connsiteX25" fmla="*/ 100939 w 2183079"/>
                <a:gd name="connsiteY25" fmla="*/ 120891 h 6881013"/>
                <a:gd name="connsiteX26" fmla="*/ 227354 w 2183079"/>
                <a:gd name="connsiteY26" fmla="*/ 126717 h 6881013"/>
                <a:gd name="connsiteX27" fmla="*/ 521704 w 2183079"/>
                <a:gd name="connsiteY27" fmla="*/ 253970 h 6881013"/>
                <a:gd name="connsiteX28" fmla="*/ 686819 w 2183079"/>
                <a:gd name="connsiteY28" fmla="*/ 453633 h 6881013"/>
                <a:gd name="connsiteX29" fmla="*/ 790821 w 2183079"/>
                <a:gd name="connsiteY29" fmla="*/ 607950 h 6881013"/>
                <a:gd name="connsiteX30" fmla="*/ 838549 w 2183079"/>
                <a:gd name="connsiteY30" fmla="*/ 692636 h 6881013"/>
                <a:gd name="connsiteX31" fmla="*/ 880392 w 2183079"/>
                <a:gd name="connsiteY31" fmla="*/ 740222 h 6881013"/>
                <a:gd name="connsiteX32" fmla="*/ 1048328 w 2183079"/>
                <a:gd name="connsiteY32" fmla="*/ 983886 h 6881013"/>
                <a:gd name="connsiteX33" fmla="*/ 1074369 w 2183079"/>
                <a:gd name="connsiteY33" fmla="*/ 1164102 h 6881013"/>
                <a:gd name="connsiteX34" fmla="*/ 1252866 w 2183079"/>
                <a:gd name="connsiteY34" fmla="*/ 1602051 h 6881013"/>
                <a:gd name="connsiteX35" fmla="*/ 1443294 w 2183079"/>
                <a:gd name="connsiteY35" fmla="*/ 1751440 h 6881013"/>
                <a:gd name="connsiteX36" fmla="*/ 1551328 w 2183079"/>
                <a:gd name="connsiteY36" fmla="*/ 1903248 h 6881013"/>
                <a:gd name="connsiteX37" fmla="*/ 1825442 w 2183079"/>
                <a:gd name="connsiteY37" fmla="*/ 2102103 h 6881013"/>
                <a:gd name="connsiteX38" fmla="*/ 1866641 w 2183079"/>
                <a:gd name="connsiteY38" fmla="*/ 2121460 h 6881013"/>
                <a:gd name="connsiteX39" fmla="*/ 2101090 w 2183079"/>
                <a:gd name="connsiteY39" fmla="*/ 2070727 h 6881013"/>
                <a:gd name="connsiteX40" fmla="*/ 2183079 w 2183079"/>
                <a:gd name="connsiteY40" fmla="*/ 2037707 h 6881013"/>
                <a:gd name="connsiteX41" fmla="*/ 2183079 w 2183079"/>
                <a:gd name="connsiteY41" fmla="*/ 2042515 h 6881013"/>
                <a:gd name="connsiteX42" fmla="*/ 2108870 w 2183079"/>
                <a:gd name="connsiteY42" fmla="*/ 2072855 h 6881013"/>
                <a:gd name="connsiteX43" fmla="*/ 1864867 w 2183079"/>
                <a:gd name="connsiteY43" fmla="*/ 2125942 h 6881013"/>
                <a:gd name="connsiteX44" fmla="*/ 1824556 w 2183079"/>
                <a:gd name="connsiteY44" fmla="*/ 2106943 h 6881013"/>
                <a:gd name="connsiteX45" fmla="*/ 1548748 w 2183079"/>
                <a:gd name="connsiteY45" fmla="*/ 1907101 h 6881013"/>
                <a:gd name="connsiteX46" fmla="*/ 1440151 w 2183079"/>
                <a:gd name="connsiteY46" fmla="*/ 1754755 h 6881013"/>
                <a:gd name="connsiteX47" fmla="*/ 1251817 w 2183079"/>
                <a:gd name="connsiteY47" fmla="*/ 1607160 h 6881013"/>
                <a:gd name="connsiteX48" fmla="*/ 1070660 w 2183079"/>
                <a:gd name="connsiteY48" fmla="*/ 1165356 h 6881013"/>
                <a:gd name="connsiteX49" fmla="*/ 1044780 w 2183079"/>
                <a:gd name="connsiteY49" fmla="*/ 986126 h 6881013"/>
                <a:gd name="connsiteX50" fmla="*/ 877812 w 2183079"/>
                <a:gd name="connsiteY50" fmla="*/ 744165 h 6881013"/>
                <a:gd name="connsiteX51" fmla="*/ 835727 w 2183079"/>
                <a:gd name="connsiteY51" fmla="*/ 696220 h 6881013"/>
                <a:gd name="connsiteX52" fmla="*/ 787354 w 2183079"/>
                <a:gd name="connsiteY52" fmla="*/ 610907 h 6881013"/>
                <a:gd name="connsiteX53" fmla="*/ 684804 w 2183079"/>
                <a:gd name="connsiteY53" fmla="*/ 458561 h 6881013"/>
                <a:gd name="connsiteX54" fmla="*/ 518238 w 2183079"/>
                <a:gd name="connsiteY54" fmla="*/ 257286 h 6881013"/>
                <a:gd name="connsiteX55" fmla="*/ 229127 w 2183079"/>
                <a:gd name="connsiteY55" fmla="*/ 131824 h 6881013"/>
                <a:gd name="connsiteX56" fmla="*/ 99246 w 2183079"/>
                <a:gd name="connsiteY56" fmla="*/ 126000 h 6881013"/>
                <a:gd name="connsiteX57" fmla="*/ 0 w 2183079"/>
                <a:gd name="connsiteY57" fmla="*/ 0 h 68810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Lst>
              <a:rect l="l" t="t" r="r" b="b"/>
              <a:pathLst>
                <a:path w="2183079" h="6881013">
                  <a:moveTo>
                    <a:pt x="2183079" y="5025544"/>
                  </a:moveTo>
                  <a:lnTo>
                    <a:pt x="2183079" y="5032538"/>
                  </a:lnTo>
                  <a:lnTo>
                    <a:pt x="2147770" y="5081630"/>
                  </a:lnTo>
                  <a:cubicBezTo>
                    <a:pt x="2121809" y="5110934"/>
                    <a:pt x="2074403" y="5173126"/>
                    <a:pt x="2028611" y="5233169"/>
                  </a:cubicBezTo>
                  <a:cubicBezTo>
                    <a:pt x="1979028" y="5298230"/>
                    <a:pt x="1932267" y="5359706"/>
                    <a:pt x="1909290" y="5384350"/>
                  </a:cubicBezTo>
                  <a:cubicBezTo>
                    <a:pt x="1819557" y="5480776"/>
                    <a:pt x="1771184" y="5577291"/>
                    <a:pt x="1769491" y="5663502"/>
                  </a:cubicBezTo>
                  <a:cubicBezTo>
                    <a:pt x="1768524" y="5713059"/>
                    <a:pt x="1768927" y="5748815"/>
                    <a:pt x="1769491" y="5793981"/>
                  </a:cubicBezTo>
                  <a:cubicBezTo>
                    <a:pt x="1770297" y="5860744"/>
                    <a:pt x="1771265" y="5943817"/>
                    <a:pt x="1768362" y="6116596"/>
                  </a:cubicBezTo>
                  <a:cubicBezTo>
                    <a:pt x="1764896" y="6325847"/>
                    <a:pt x="1813269" y="6465020"/>
                    <a:pt x="1852210" y="6576949"/>
                  </a:cubicBezTo>
                  <a:cubicBezTo>
                    <a:pt x="1867403" y="6618261"/>
                    <a:pt x="1880617" y="6660439"/>
                    <a:pt x="1891795" y="6703306"/>
                  </a:cubicBezTo>
                  <a:cubicBezTo>
                    <a:pt x="1906871" y="6766485"/>
                    <a:pt x="1942022" y="6816759"/>
                    <a:pt x="1979270" y="6870081"/>
                  </a:cubicBezTo>
                  <a:lnTo>
                    <a:pt x="1986848" y="6881013"/>
                  </a:lnTo>
                  <a:lnTo>
                    <a:pt x="1981769" y="6881013"/>
                  </a:lnTo>
                  <a:lnTo>
                    <a:pt x="1976126" y="6872859"/>
                  </a:lnTo>
                  <a:cubicBezTo>
                    <a:pt x="1938636" y="6819090"/>
                    <a:pt x="1903566" y="6768457"/>
                    <a:pt x="1887844" y="6704472"/>
                  </a:cubicBezTo>
                  <a:cubicBezTo>
                    <a:pt x="1876731" y="6661898"/>
                    <a:pt x="1863571" y="6620017"/>
                    <a:pt x="1848420" y="6579010"/>
                  </a:cubicBezTo>
                  <a:cubicBezTo>
                    <a:pt x="1809399" y="6466723"/>
                    <a:pt x="1760864" y="6327102"/>
                    <a:pt x="1764332" y="6116955"/>
                  </a:cubicBezTo>
                  <a:cubicBezTo>
                    <a:pt x="1767234" y="5944355"/>
                    <a:pt x="1766266" y="5861283"/>
                    <a:pt x="1765460" y="5794340"/>
                  </a:cubicBezTo>
                  <a:cubicBezTo>
                    <a:pt x="1764976" y="5749083"/>
                    <a:pt x="1764574" y="5713686"/>
                    <a:pt x="1765460" y="5663591"/>
                  </a:cubicBezTo>
                  <a:cubicBezTo>
                    <a:pt x="1767234" y="5576216"/>
                    <a:pt x="1815930" y="5478625"/>
                    <a:pt x="1906468" y="5381393"/>
                  </a:cubicBezTo>
                  <a:cubicBezTo>
                    <a:pt x="1929284" y="5356927"/>
                    <a:pt x="1978221" y="5292674"/>
                    <a:pt x="2025547" y="5230570"/>
                  </a:cubicBezTo>
                  <a:cubicBezTo>
                    <a:pt x="2071420" y="5170438"/>
                    <a:pt x="2118826" y="5108246"/>
                    <a:pt x="2144867" y="5078763"/>
                  </a:cubicBezTo>
                  <a:close/>
                  <a:moveTo>
                    <a:pt x="0" y="0"/>
                  </a:moveTo>
                  <a:lnTo>
                    <a:pt x="1129" y="0"/>
                  </a:lnTo>
                  <a:lnTo>
                    <a:pt x="4112" y="0"/>
                  </a:lnTo>
                  <a:cubicBezTo>
                    <a:pt x="14674" y="46958"/>
                    <a:pt x="52646" y="94903"/>
                    <a:pt x="100939" y="120891"/>
                  </a:cubicBezTo>
                  <a:cubicBezTo>
                    <a:pt x="144394" y="144281"/>
                    <a:pt x="189623" y="146341"/>
                    <a:pt x="227354" y="126717"/>
                  </a:cubicBezTo>
                  <a:cubicBezTo>
                    <a:pt x="318860" y="79489"/>
                    <a:pt x="475750" y="160949"/>
                    <a:pt x="521704" y="253970"/>
                  </a:cubicBezTo>
                  <a:cubicBezTo>
                    <a:pt x="563467" y="338567"/>
                    <a:pt x="622160" y="409452"/>
                    <a:pt x="686819" y="453633"/>
                  </a:cubicBezTo>
                  <a:cubicBezTo>
                    <a:pt x="726323" y="480517"/>
                    <a:pt x="760587" y="548266"/>
                    <a:pt x="790821" y="607950"/>
                  </a:cubicBezTo>
                  <a:cubicBezTo>
                    <a:pt x="804614" y="637585"/>
                    <a:pt x="820577" y="665910"/>
                    <a:pt x="838549" y="692636"/>
                  </a:cubicBezTo>
                  <a:cubicBezTo>
                    <a:pt x="848385" y="705362"/>
                    <a:pt x="863220" y="721492"/>
                    <a:pt x="880392" y="740222"/>
                  </a:cubicBezTo>
                  <a:cubicBezTo>
                    <a:pt x="932313" y="796769"/>
                    <a:pt x="1010758" y="882261"/>
                    <a:pt x="1048328" y="983886"/>
                  </a:cubicBezTo>
                  <a:cubicBezTo>
                    <a:pt x="1063404" y="1024750"/>
                    <a:pt x="1068483" y="1089362"/>
                    <a:pt x="1074369" y="1164102"/>
                  </a:cubicBezTo>
                  <a:cubicBezTo>
                    <a:pt x="1087832" y="1334371"/>
                    <a:pt x="1104602" y="1546580"/>
                    <a:pt x="1252866" y="1602051"/>
                  </a:cubicBezTo>
                  <a:cubicBezTo>
                    <a:pt x="1387585" y="1652504"/>
                    <a:pt x="1407337" y="1687633"/>
                    <a:pt x="1443294" y="1751440"/>
                  </a:cubicBezTo>
                  <a:cubicBezTo>
                    <a:pt x="1473300" y="1806982"/>
                    <a:pt x="1509609" y="1858003"/>
                    <a:pt x="1551328" y="1903248"/>
                  </a:cubicBezTo>
                  <a:cubicBezTo>
                    <a:pt x="1674841" y="2040090"/>
                    <a:pt x="1769007" y="2078894"/>
                    <a:pt x="1825442" y="2102103"/>
                  </a:cubicBezTo>
                  <a:cubicBezTo>
                    <a:pt x="1839606" y="2107362"/>
                    <a:pt x="1853379" y="2113834"/>
                    <a:pt x="1866641" y="2121460"/>
                  </a:cubicBezTo>
                  <a:cubicBezTo>
                    <a:pt x="1887321" y="2134903"/>
                    <a:pt x="1980701" y="2115412"/>
                    <a:pt x="2101090" y="2070727"/>
                  </a:cubicBezTo>
                  <a:lnTo>
                    <a:pt x="2183079" y="2037707"/>
                  </a:lnTo>
                  <a:lnTo>
                    <a:pt x="2183079" y="2042515"/>
                  </a:lnTo>
                  <a:lnTo>
                    <a:pt x="2108870" y="2072855"/>
                  </a:lnTo>
                  <a:cubicBezTo>
                    <a:pt x="1986385" y="2119175"/>
                    <a:pt x="1888409" y="2141086"/>
                    <a:pt x="1864867" y="2125942"/>
                  </a:cubicBezTo>
                  <a:cubicBezTo>
                    <a:pt x="1851879" y="2118492"/>
                    <a:pt x="1838404" y="2112141"/>
                    <a:pt x="1824556" y="2106943"/>
                  </a:cubicBezTo>
                  <a:cubicBezTo>
                    <a:pt x="1768121" y="2083643"/>
                    <a:pt x="1672825" y="2044213"/>
                    <a:pt x="1548748" y="1907101"/>
                  </a:cubicBezTo>
                  <a:cubicBezTo>
                    <a:pt x="1506840" y="1861687"/>
                    <a:pt x="1470343" y="1810488"/>
                    <a:pt x="1440151" y="1754755"/>
                  </a:cubicBezTo>
                  <a:cubicBezTo>
                    <a:pt x="1404677" y="1692024"/>
                    <a:pt x="1385166" y="1657075"/>
                    <a:pt x="1251817" y="1607160"/>
                  </a:cubicBezTo>
                  <a:cubicBezTo>
                    <a:pt x="1101054" y="1550791"/>
                    <a:pt x="1084204" y="1337059"/>
                    <a:pt x="1070660" y="1165356"/>
                  </a:cubicBezTo>
                  <a:cubicBezTo>
                    <a:pt x="1064775" y="1090976"/>
                    <a:pt x="1059695" y="1026721"/>
                    <a:pt x="1044780" y="986126"/>
                  </a:cubicBezTo>
                  <a:cubicBezTo>
                    <a:pt x="1007613" y="885398"/>
                    <a:pt x="929491" y="800264"/>
                    <a:pt x="877812" y="744165"/>
                  </a:cubicBezTo>
                  <a:cubicBezTo>
                    <a:pt x="860559" y="725345"/>
                    <a:pt x="845563" y="709125"/>
                    <a:pt x="835727" y="696220"/>
                  </a:cubicBezTo>
                  <a:cubicBezTo>
                    <a:pt x="817524" y="669307"/>
                    <a:pt x="801344" y="640772"/>
                    <a:pt x="787354" y="610907"/>
                  </a:cubicBezTo>
                  <a:cubicBezTo>
                    <a:pt x="757363" y="551671"/>
                    <a:pt x="723421" y="484460"/>
                    <a:pt x="684804" y="458561"/>
                  </a:cubicBezTo>
                  <a:cubicBezTo>
                    <a:pt x="619499" y="413753"/>
                    <a:pt x="560404" y="342599"/>
                    <a:pt x="518238" y="257286"/>
                  </a:cubicBezTo>
                  <a:cubicBezTo>
                    <a:pt x="473009" y="165789"/>
                    <a:pt x="318941" y="85583"/>
                    <a:pt x="229127" y="131824"/>
                  </a:cubicBezTo>
                  <a:cubicBezTo>
                    <a:pt x="189945" y="152077"/>
                    <a:pt x="143830" y="149747"/>
                    <a:pt x="99246" y="126000"/>
                  </a:cubicBezTo>
                  <a:cubicBezTo>
                    <a:pt x="49663" y="99115"/>
                    <a:pt x="10562" y="4991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54">
              <a:extLst>
                <a:ext uri="{FF2B5EF4-FFF2-40B4-BE49-F238E27FC236}">
                  <a16:creationId xmlns:a16="http://schemas.microsoft.com/office/drawing/2014/main" id="{9484380A-0336-1149-B5E1-6B94D8CBD428}"/>
                </a:ext>
              </a:extLst>
            </p:cNvPr>
            <p:cNvSpPr/>
            <p:nvPr/>
          </p:nvSpPr>
          <p:spPr>
            <a:xfrm>
              <a:off x="10893020" y="-12178"/>
              <a:ext cx="1346630" cy="6881551"/>
            </a:xfrm>
            <a:custGeom>
              <a:avLst/>
              <a:gdLst>
                <a:gd name="connsiteX0" fmla="*/ 1298979 w 1346630"/>
                <a:gd name="connsiteY0" fmla="*/ 5533194 h 6881551"/>
                <a:gd name="connsiteX1" fmla="*/ 1298979 w 1346630"/>
                <a:gd name="connsiteY1" fmla="*/ 5544624 h 6881551"/>
                <a:gd name="connsiteX2" fmla="*/ 1292563 w 1346630"/>
                <a:gd name="connsiteY2" fmla="*/ 5562306 h 6881551"/>
                <a:gd name="connsiteX3" fmla="*/ 1279875 w 1346630"/>
                <a:gd name="connsiteY3" fmla="*/ 5660903 h 6881551"/>
                <a:gd name="connsiteX4" fmla="*/ 1245126 w 1346630"/>
                <a:gd name="connsiteY4" fmla="*/ 5919353 h 6881551"/>
                <a:gd name="connsiteX5" fmla="*/ 1214570 w 1346630"/>
                <a:gd name="connsiteY5" fmla="*/ 6112115 h 6881551"/>
                <a:gd name="connsiteX6" fmla="*/ 1227148 w 1346630"/>
                <a:gd name="connsiteY6" fmla="*/ 6712536 h 6881551"/>
                <a:gd name="connsiteX7" fmla="*/ 1308656 w 1346630"/>
                <a:gd name="connsiteY7" fmla="*/ 6836744 h 6881551"/>
                <a:gd name="connsiteX8" fmla="*/ 1346630 w 1346630"/>
                <a:gd name="connsiteY8" fmla="*/ 6881551 h 6881551"/>
                <a:gd name="connsiteX9" fmla="*/ 1341309 w 1346630"/>
                <a:gd name="connsiteY9" fmla="*/ 6881551 h 6881551"/>
                <a:gd name="connsiteX10" fmla="*/ 1305835 w 1346630"/>
                <a:gd name="connsiteY10" fmla="*/ 6840059 h 6881551"/>
                <a:gd name="connsiteX11" fmla="*/ 1223359 w 1346630"/>
                <a:gd name="connsiteY11" fmla="*/ 6714598 h 6881551"/>
                <a:gd name="connsiteX12" fmla="*/ 1210539 w 1346630"/>
                <a:gd name="connsiteY12" fmla="*/ 6112294 h 6881551"/>
                <a:gd name="connsiteX13" fmla="*/ 1241176 w 1346630"/>
                <a:gd name="connsiteY13" fmla="*/ 5918815 h 6881551"/>
                <a:gd name="connsiteX14" fmla="*/ 1275844 w 1346630"/>
                <a:gd name="connsiteY14" fmla="*/ 5661440 h 6881551"/>
                <a:gd name="connsiteX15" fmla="*/ 1288564 w 1346630"/>
                <a:gd name="connsiteY15" fmla="*/ 5561965 h 6881551"/>
                <a:gd name="connsiteX16" fmla="*/ 0 w 1346630"/>
                <a:gd name="connsiteY16" fmla="*/ 0 h 6881551"/>
                <a:gd name="connsiteX17" fmla="*/ 5644 w 1346630"/>
                <a:gd name="connsiteY17" fmla="*/ 0 h 6881551"/>
                <a:gd name="connsiteX18" fmla="*/ 19510 w 1346630"/>
                <a:gd name="connsiteY18" fmla="*/ 17923 h 6881551"/>
                <a:gd name="connsiteX19" fmla="*/ 243076 w 1346630"/>
                <a:gd name="connsiteY19" fmla="*/ 262393 h 6881551"/>
                <a:gd name="connsiteX20" fmla="*/ 495019 w 1346630"/>
                <a:gd name="connsiteY20" fmla="*/ 443147 h 6881551"/>
                <a:gd name="connsiteX21" fmla="*/ 571208 w 1346630"/>
                <a:gd name="connsiteY21" fmla="*/ 527206 h 6881551"/>
                <a:gd name="connsiteX22" fmla="*/ 666018 w 1346630"/>
                <a:gd name="connsiteY22" fmla="*/ 620137 h 6881551"/>
                <a:gd name="connsiteX23" fmla="*/ 691737 w 1346630"/>
                <a:gd name="connsiteY23" fmla="*/ 630622 h 6881551"/>
                <a:gd name="connsiteX24" fmla="*/ 772359 w 1346630"/>
                <a:gd name="connsiteY24" fmla="*/ 685557 h 6881551"/>
                <a:gd name="connsiteX25" fmla="*/ 812670 w 1346630"/>
                <a:gd name="connsiteY25" fmla="*/ 771049 h 6881551"/>
                <a:gd name="connsiteX26" fmla="*/ 879183 w 1346630"/>
                <a:gd name="connsiteY26" fmla="*/ 908161 h 6881551"/>
                <a:gd name="connsiteX27" fmla="*/ 976574 w 1346630"/>
                <a:gd name="connsiteY27" fmla="*/ 1150749 h 6881551"/>
                <a:gd name="connsiteX28" fmla="*/ 1072353 w 1346630"/>
                <a:gd name="connsiteY28" fmla="*/ 1285171 h 6881551"/>
                <a:gd name="connsiteX29" fmla="*/ 1129676 w 1346630"/>
                <a:gd name="connsiteY29" fmla="*/ 1355788 h 6881551"/>
                <a:gd name="connsiteX30" fmla="*/ 1150637 w 1346630"/>
                <a:gd name="connsiteY30" fmla="*/ 1390200 h 6881551"/>
                <a:gd name="connsiteX31" fmla="*/ 1210137 w 1346630"/>
                <a:gd name="connsiteY31" fmla="*/ 1466643 h 6881551"/>
                <a:gd name="connsiteX32" fmla="*/ 1231502 w 1346630"/>
                <a:gd name="connsiteY32" fmla="*/ 1487523 h 6881551"/>
                <a:gd name="connsiteX33" fmla="*/ 1273934 w 1346630"/>
                <a:gd name="connsiteY33" fmla="*/ 1528649 h 6881551"/>
                <a:gd name="connsiteX34" fmla="*/ 1298979 w 1346630"/>
                <a:gd name="connsiteY34" fmla="*/ 1551227 h 6881551"/>
                <a:gd name="connsiteX35" fmla="*/ 1298979 w 1346630"/>
                <a:gd name="connsiteY35" fmla="*/ 1557378 h 6881551"/>
                <a:gd name="connsiteX36" fmla="*/ 1272991 w 1346630"/>
                <a:gd name="connsiteY36" fmla="*/ 1533991 h 6881551"/>
                <a:gd name="connsiteX37" fmla="*/ 1229002 w 1346630"/>
                <a:gd name="connsiteY37" fmla="*/ 1491286 h 6881551"/>
                <a:gd name="connsiteX38" fmla="*/ 1207637 w 1346630"/>
                <a:gd name="connsiteY38" fmla="*/ 1470496 h 6881551"/>
                <a:gd name="connsiteX39" fmla="*/ 1147412 w 1346630"/>
                <a:gd name="connsiteY39" fmla="*/ 1393068 h 6881551"/>
                <a:gd name="connsiteX40" fmla="*/ 1126532 w 1346630"/>
                <a:gd name="connsiteY40" fmla="*/ 1358836 h 6881551"/>
                <a:gd name="connsiteX41" fmla="*/ 1069612 w 1346630"/>
                <a:gd name="connsiteY41" fmla="*/ 1288756 h 6881551"/>
                <a:gd name="connsiteX42" fmla="*/ 972866 w 1346630"/>
                <a:gd name="connsiteY42" fmla="*/ 1152182 h 6881551"/>
                <a:gd name="connsiteX43" fmla="*/ 876120 w 1346630"/>
                <a:gd name="connsiteY43" fmla="*/ 910760 h 6881551"/>
                <a:gd name="connsiteX44" fmla="*/ 809364 w 1346630"/>
                <a:gd name="connsiteY44" fmla="*/ 773111 h 6881551"/>
                <a:gd name="connsiteX45" fmla="*/ 769053 w 1346630"/>
                <a:gd name="connsiteY45" fmla="*/ 688245 h 6881551"/>
                <a:gd name="connsiteX46" fmla="*/ 690609 w 1346630"/>
                <a:gd name="connsiteY46" fmla="*/ 634476 h 6881551"/>
                <a:gd name="connsiteX47" fmla="*/ 664648 w 1346630"/>
                <a:gd name="connsiteY47" fmla="*/ 623991 h 6881551"/>
                <a:gd name="connsiteX48" fmla="*/ 568386 w 1346630"/>
                <a:gd name="connsiteY48" fmla="*/ 529985 h 6881551"/>
                <a:gd name="connsiteX49" fmla="*/ 492520 w 1346630"/>
                <a:gd name="connsiteY49" fmla="*/ 446105 h 6881551"/>
                <a:gd name="connsiteX50" fmla="*/ 241463 w 1346630"/>
                <a:gd name="connsiteY50" fmla="*/ 266067 h 6881551"/>
                <a:gd name="connsiteX51" fmla="*/ 16286 w 1346630"/>
                <a:gd name="connsiteY51" fmla="*/ 20074 h 6881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346630" h="6881551">
                  <a:moveTo>
                    <a:pt x="1298979" y="5533194"/>
                  </a:moveTo>
                  <a:lnTo>
                    <a:pt x="1298979" y="5544624"/>
                  </a:lnTo>
                  <a:lnTo>
                    <a:pt x="1292563" y="5562306"/>
                  </a:lnTo>
                  <a:cubicBezTo>
                    <a:pt x="1283331" y="5597634"/>
                    <a:pt x="1278988" y="5630097"/>
                    <a:pt x="1279875" y="5660903"/>
                  </a:cubicBezTo>
                  <a:cubicBezTo>
                    <a:pt x="1281971" y="5732595"/>
                    <a:pt x="1263186" y="5827407"/>
                    <a:pt x="1245126" y="5919353"/>
                  </a:cubicBezTo>
                  <a:cubicBezTo>
                    <a:pt x="1231017" y="5991045"/>
                    <a:pt x="1217715" y="6058525"/>
                    <a:pt x="1214570" y="6112115"/>
                  </a:cubicBezTo>
                  <a:cubicBezTo>
                    <a:pt x="1208605" y="6212216"/>
                    <a:pt x="1193528" y="6607418"/>
                    <a:pt x="1227148" y="6712536"/>
                  </a:cubicBezTo>
                  <a:cubicBezTo>
                    <a:pt x="1243273" y="6764155"/>
                    <a:pt x="1276731" y="6801076"/>
                    <a:pt x="1308656" y="6836744"/>
                  </a:cubicBezTo>
                  <a:cubicBezTo>
                    <a:pt x="1321556" y="6851082"/>
                    <a:pt x="1334536" y="6865690"/>
                    <a:pt x="1346630" y="6881551"/>
                  </a:cubicBezTo>
                  <a:lnTo>
                    <a:pt x="1341309" y="6881551"/>
                  </a:lnTo>
                  <a:cubicBezTo>
                    <a:pt x="1329941" y="6867122"/>
                    <a:pt x="1317848" y="6853502"/>
                    <a:pt x="1305835" y="6840059"/>
                  </a:cubicBezTo>
                  <a:cubicBezTo>
                    <a:pt x="1273586" y="6804213"/>
                    <a:pt x="1240128" y="6766844"/>
                    <a:pt x="1223359" y="6714598"/>
                  </a:cubicBezTo>
                  <a:cubicBezTo>
                    <a:pt x="1189497" y="6608673"/>
                    <a:pt x="1204573" y="6212753"/>
                    <a:pt x="1210539" y="6112294"/>
                  </a:cubicBezTo>
                  <a:cubicBezTo>
                    <a:pt x="1213683" y="6058525"/>
                    <a:pt x="1227067" y="5990596"/>
                    <a:pt x="1241176" y="5918815"/>
                  </a:cubicBezTo>
                  <a:cubicBezTo>
                    <a:pt x="1259235" y="5827228"/>
                    <a:pt x="1277940" y="5732415"/>
                    <a:pt x="1275844" y="5661440"/>
                  </a:cubicBezTo>
                  <a:cubicBezTo>
                    <a:pt x="1274957" y="5630277"/>
                    <a:pt x="1279310" y="5597528"/>
                    <a:pt x="1288564" y="5561965"/>
                  </a:cubicBezTo>
                  <a:close/>
                  <a:moveTo>
                    <a:pt x="0" y="0"/>
                  </a:moveTo>
                  <a:lnTo>
                    <a:pt x="5644" y="0"/>
                  </a:lnTo>
                  <a:lnTo>
                    <a:pt x="19510" y="17923"/>
                  </a:lnTo>
                  <a:cubicBezTo>
                    <a:pt x="78204" y="92752"/>
                    <a:pt x="188737" y="233000"/>
                    <a:pt x="243076" y="262393"/>
                  </a:cubicBezTo>
                  <a:cubicBezTo>
                    <a:pt x="319424" y="303975"/>
                    <a:pt x="426894" y="376025"/>
                    <a:pt x="495019" y="443147"/>
                  </a:cubicBezTo>
                  <a:cubicBezTo>
                    <a:pt x="521383" y="469047"/>
                    <a:pt x="546698" y="498619"/>
                    <a:pt x="571208" y="527206"/>
                  </a:cubicBezTo>
                  <a:cubicBezTo>
                    <a:pt x="608939" y="571297"/>
                    <a:pt x="641509" y="609383"/>
                    <a:pt x="666018" y="620137"/>
                  </a:cubicBezTo>
                  <a:cubicBezTo>
                    <a:pt x="674645" y="623991"/>
                    <a:pt x="683352" y="627306"/>
                    <a:pt x="691737" y="630622"/>
                  </a:cubicBezTo>
                  <a:cubicBezTo>
                    <a:pt x="723018" y="642720"/>
                    <a:pt x="752526" y="654280"/>
                    <a:pt x="772359" y="685557"/>
                  </a:cubicBezTo>
                  <a:cubicBezTo>
                    <a:pt x="787392" y="713089"/>
                    <a:pt x="800856" y="741642"/>
                    <a:pt x="812670" y="771049"/>
                  </a:cubicBezTo>
                  <a:cubicBezTo>
                    <a:pt x="832166" y="818295"/>
                    <a:pt x="854383" y="864094"/>
                    <a:pt x="879183" y="908161"/>
                  </a:cubicBezTo>
                  <a:cubicBezTo>
                    <a:pt x="929571" y="991592"/>
                    <a:pt x="969158" y="1124939"/>
                    <a:pt x="976574" y="1150749"/>
                  </a:cubicBezTo>
                  <a:cubicBezTo>
                    <a:pt x="987298" y="1188208"/>
                    <a:pt x="1032526" y="1240364"/>
                    <a:pt x="1072353" y="1285171"/>
                  </a:cubicBezTo>
                  <a:cubicBezTo>
                    <a:pt x="1092839" y="1307282"/>
                    <a:pt x="1111988" y="1330872"/>
                    <a:pt x="1129676" y="1355788"/>
                  </a:cubicBezTo>
                  <a:cubicBezTo>
                    <a:pt x="1138302" y="1369320"/>
                    <a:pt x="1144833" y="1380433"/>
                    <a:pt x="1150637" y="1390200"/>
                  </a:cubicBezTo>
                  <a:cubicBezTo>
                    <a:pt x="1166378" y="1419287"/>
                    <a:pt x="1186505" y="1445147"/>
                    <a:pt x="1210137" y="1466643"/>
                  </a:cubicBezTo>
                  <a:lnTo>
                    <a:pt x="1231502" y="1487523"/>
                  </a:lnTo>
                  <a:cubicBezTo>
                    <a:pt x="1243958" y="1499755"/>
                    <a:pt x="1258510" y="1514049"/>
                    <a:pt x="1273934" y="1528649"/>
                  </a:cubicBezTo>
                  <a:lnTo>
                    <a:pt x="1298979" y="1551227"/>
                  </a:lnTo>
                  <a:lnTo>
                    <a:pt x="1298979" y="1557378"/>
                  </a:lnTo>
                  <a:lnTo>
                    <a:pt x="1272991" y="1533991"/>
                  </a:lnTo>
                  <a:cubicBezTo>
                    <a:pt x="1257320" y="1519145"/>
                    <a:pt x="1242305" y="1504370"/>
                    <a:pt x="1229002" y="1491286"/>
                  </a:cubicBezTo>
                  <a:cubicBezTo>
                    <a:pt x="1220940" y="1483490"/>
                    <a:pt x="1213845" y="1476411"/>
                    <a:pt x="1207637" y="1470496"/>
                  </a:cubicBezTo>
                  <a:cubicBezTo>
                    <a:pt x="1183778" y="1448646"/>
                    <a:pt x="1163416" y="1422468"/>
                    <a:pt x="1147412" y="1393068"/>
                  </a:cubicBezTo>
                  <a:cubicBezTo>
                    <a:pt x="1141689" y="1383300"/>
                    <a:pt x="1135158" y="1372277"/>
                    <a:pt x="1126532" y="1358836"/>
                  </a:cubicBezTo>
                  <a:cubicBezTo>
                    <a:pt x="1108958" y="1334116"/>
                    <a:pt x="1089944" y="1310706"/>
                    <a:pt x="1069612" y="1288756"/>
                  </a:cubicBezTo>
                  <a:cubicBezTo>
                    <a:pt x="1029301" y="1242784"/>
                    <a:pt x="983911" y="1190717"/>
                    <a:pt x="972866" y="1152182"/>
                  </a:cubicBezTo>
                  <a:cubicBezTo>
                    <a:pt x="965449" y="1126464"/>
                    <a:pt x="926105" y="993653"/>
                    <a:pt x="876120" y="910760"/>
                  </a:cubicBezTo>
                  <a:cubicBezTo>
                    <a:pt x="851240" y="866512"/>
                    <a:pt x="828942" y="820535"/>
                    <a:pt x="809364" y="773111"/>
                  </a:cubicBezTo>
                  <a:cubicBezTo>
                    <a:pt x="797521" y="743921"/>
                    <a:pt x="784058" y="715578"/>
                    <a:pt x="769053" y="688245"/>
                  </a:cubicBezTo>
                  <a:cubicBezTo>
                    <a:pt x="750107" y="658045"/>
                    <a:pt x="721164" y="646843"/>
                    <a:pt x="690609" y="634476"/>
                  </a:cubicBezTo>
                  <a:cubicBezTo>
                    <a:pt x="682143" y="631250"/>
                    <a:pt x="673436" y="627845"/>
                    <a:pt x="664648" y="623991"/>
                  </a:cubicBezTo>
                  <a:cubicBezTo>
                    <a:pt x="639413" y="612789"/>
                    <a:pt x="606520" y="574434"/>
                    <a:pt x="568386" y="529985"/>
                  </a:cubicBezTo>
                  <a:cubicBezTo>
                    <a:pt x="544199" y="501487"/>
                    <a:pt x="518722" y="471914"/>
                    <a:pt x="492520" y="446105"/>
                  </a:cubicBezTo>
                  <a:cubicBezTo>
                    <a:pt x="424636" y="379341"/>
                    <a:pt x="317570" y="307559"/>
                    <a:pt x="241463" y="266067"/>
                  </a:cubicBezTo>
                  <a:cubicBezTo>
                    <a:pt x="186398" y="236047"/>
                    <a:pt x="80219" y="100817"/>
                    <a:pt x="16286" y="20074"/>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55">
              <a:extLst>
                <a:ext uri="{FF2B5EF4-FFF2-40B4-BE49-F238E27FC236}">
                  <a16:creationId xmlns:a16="http://schemas.microsoft.com/office/drawing/2014/main" id="{C9C9465E-1B44-E946-87FB-21749D1A1EB6}"/>
                </a:ext>
              </a:extLst>
            </p:cNvPr>
            <p:cNvSpPr/>
            <p:nvPr/>
          </p:nvSpPr>
          <p:spPr>
            <a:xfrm>
              <a:off x="11041929" y="-12178"/>
              <a:ext cx="1150070" cy="1171152"/>
            </a:xfrm>
            <a:custGeom>
              <a:avLst/>
              <a:gdLst>
                <a:gd name="connsiteX0" fmla="*/ 0 w 1150070"/>
                <a:gd name="connsiteY0" fmla="*/ 0 h 1171152"/>
                <a:gd name="connsiteX1" fmla="*/ 4353 w 1150070"/>
                <a:gd name="connsiteY1" fmla="*/ 0 h 1171152"/>
                <a:gd name="connsiteX2" fmla="*/ 220985 w 1150070"/>
                <a:gd name="connsiteY2" fmla="*/ 211133 h 1171152"/>
                <a:gd name="connsiteX3" fmla="*/ 513239 w 1150070"/>
                <a:gd name="connsiteY3" fmla="*/ 442251 h 1171152"/>
                <a:gd name="connsiteX4" fmla="*/ 581123 w 1150070"/>
                <a:gd name="connsiteY4" fmla="*/ 518245 h 1171152"/>
                <a:gd name="connsiteX5" fmla="*/ 673435 w 1150070"/>
                <a:gd name="connsiteY5" fmla="*/ 566548 h 1171152"/>
                <a:gd name="connsiteX6" fmla="*/ 790498 w 1150070"/>
                <a:gd name="connsiteY6" fmla="*/ 663511 h 1171152"/>
                <a:gd name="connsiteX7" fmla="*/ 1084082 w 1150070"/>
                <a:gd name="connsiteY7" fmla="*/ 1105392 h 1171152"/>
                <a:gd name="connsiteX8" fmla="*/ 1150070 w 1150070"/>
                <a:gd name="connsiteY8" fmla="*/ 1165591 h 1171152"/>
                <a:gd name="connsiteX9" fmla="*/ 1150070 w 1150070"/>
                <a:gd name="connsiteY9" fmla="*/ 1171152 h 1171152"/>
                <a:gd name="connsiteX10" fmla="*/ 1081643 w 1150070"/>
                <a:gd name="connsiteY10" fmla="*/ 1108816 h 1171152"/>
                <a:gd name="connsiteX11" fmla="*/ 786789 w 1150070"/>
                <a:gd name="connsiteY11" fmla="*/ 664855 h 1171152"/>
                <a:gd name="connsiteX12" fmla="*/ 672145 w 1150070"/>
                <a:gd name="connsiteY12" fmla="*/ 570491 h 1171152"/>
                <a:gd name="connsiteX13" fmla="*/ 578624 w 1150070"/>
                <a:gd name="connsiteY13" fmla="*/ 521471 h 1171152"/>
                <a:gd name="connsiteX14" fmla="*/ 510256 w 1150070"/>
                <a:gd name="connsiteY14" fmla="*/ 445030 h 1171152"/>
                <a:gd name="connsiteX15" fmla="*/ 219534 w 1150070"/>
                <a:gd name="connsiteY15" fmla="*/ 215077 h 1171152"/>
                <a:gd name="connsiteX16" fmla="*/ 0 w 1150070"/>
                <a:gd name="connsiteY16" fmla="*/ 0 h 1171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50070" h="1171152">
                  <a:moveTo>
                    <a:pt x="0" y="0"/>
                  </a:moveTo>
                  <a:lnTo>
                    <a:pt x="4353" y="0"/>
                  </a:lnTo>
                  <a:cubicBezTo>
                    <a:pt x="45971" y="101663"/>
                    <a:pt x="124869" y="178559"/>
                    <a:pt x="220985" y="211133"/>
                  </a:cubicBezTo>
                  <a:cubicBezTo>
                    <a:pt x="366830" y="260781"/>
                    <a:pt x="451403" y="365630"/>
                    <a:pt x="513239" y="442251"/>
                  </a:cubicBezTo>
                  <a:cubicBezTo>
                    <a:pt x="533820" y="469745"/>
                    <a:pt x="556535" y="495174"/>
                    <a:pt x="581123" y="518245"/>
                  </a:cubicBezTo>
                  <a:cubicBezTo>
                    <a:pt x="609905" y="542620"/>
                    <a:pt x="642234" y="554808"/>
                    <a:pt x="673435" y="566548"/>
                  </a:cubicBezTo>
                  <a:cubicBezTo>
                    <a:pt x="721809" y="584471"/>
                    <a:pt x="768085" y="602394"/>
                    <a:pt x="790498" y="663511"/>
                  </a:cubicBezTo>
                  <a:cubicBezTo>
                    <a:pt x="817467" y="737108"/>
                    <a:pt x="938037" y="955478"/>
                    <a:pt x="1084082" y="1105392"/>
                  </a:cubicBezTo>
                  <a:lnTo>
                    <a:pt x="1150070" y="1165591"/>
                  </a:lnTo>
                  <a:lnTo>
                    <a:pt x="1150070" y="1171152"/>
                  </a:lnTo>
                  <a:lnTo>
                    <a:pt x="1081643" y="1108816"/>
                  </a:lnTo>
                  <a:cubicBezTo>
                    <a:pt x="934903" y="958334"/>
                    <a:pt x="813818" y="738855"/>
                    <a:pt x="786789" y="664855"/>
                  </a:cubicBezTo>
                  <a:cubicBezTo>
                    <a:pt x="765022" y="605351"/>
                    <a:pt x="719954" y="588414"/>
                    <a:pt x="672145" y="570491"/>
                  </a:cubicBezTo>
                  <a:cubicBezTo>
                    <a:pt x="640622" y="558662"/>
                    <a:pt x="607648" y="546384"/>
                    <a:pt x="578624" y="521471"/>
                  </a:cubicBezTo>
                  <a:cubicBezTo>
                    <a:pt x="553873" y="498254"/>
                    <a:pt x="530997" y="472676"/>
                    <a:pt x="510256" y="445030"/>
                  </a:cubicBezTo>
                  <a:cubicBezTo>
                    <a:pt x="448742" y="369036"/>
                    <a:pt x="364653" y="264634"/>
                    <a:pt x="219534" y="215077"/>
                  </a:cubicBezTo>
                  <a:cubicBezTo>
                    <a:pt x="121880" y="181921"/>
                    <a:pt x="41857" y="103523"/>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56">
              <a:extLst>
                <a:ext uri="{FF2B5EF4-FFF2-40B4-BE49-F238E27FC236}">
                  <a16:creationId xmlns:a16="http://schemas.microsoft.com/office/drawing/2014/main" id="{0DCBC772-6FAD-4846-81A7-0F52CF8A07B9}"/>
                </a:ext>
              </a:extLst>
            </p:cNvPr>
            <p:cNvSpPr/>
            <p:nvPr/>
          </p:nvSpPr>
          <p:spPr>
            <a:xfrm>
              <a:off x="11294114" y="-12088"/>
              <a:ext cx="897885" cy="832571"/>
            </a:xfrm>
            <a:custGeom>
              <a:avLst/>
              <a:gdLst>
                <a:gd name="connsiteX0" fmla="*/ 0 w 897885"/>
                <a:gd name="connsiteY0" fmla="*/ 0 h 832571"/>
                <a:gd name="connsiteX1" fmla="*/ 8627 w 897885"/>
                <a:gd name="connsiteY1" fmla="*/ 0 h 832571"/>
                <a:gd name="connsiteX2" fmla="*/ 243881 w 897885"/>
                <a:gd name="connsiteY2" fmla="*/ 166595 h 832571"/>
                <a:gd name="connsiteX3" fmla="*/ 395854 w 897885"/>
                <a:gd name="connsiteY3" fmla="*/ 331487 h 832571"/>
                <a:gd name="connsiteX4" fmla="*/ 439148 w 897885"/>
                <a:gd name="connsiteY4" fmla="*/ 345736 h 832571"/>
                <a:gd name="connsiteX5" fmla="*/ 645379 w 897885"/>
                <a:gd name="connsiteY5" fmla="*/ 470659 h 832571"/>
                <a:gd name="connsiteX6" fmla="*/ 866709 w 897885"/>
                <a:gd name="connsiteY6" fmla="*/ 795303 h 832571"/>
                <a:gd name="connsiteX7" fmla="*/ 897885 w 897885"/>
                <a:gd name="connsiteY7" fmla="*/ 826451 h 832571"/>
                <a:gd name="connsiteX8" fmla="*/ 897885 w 897885"/>
                <a:gd name="connsiteY8" fmla="*/ 832571 h 832571"/>
                <a:gd name="connsiteX9" fmla="*/ 863643 w 897885"/>
                <a:gd name="connsiteY9" fmla="*/ 798339 h 832571"/>
                <a:gd name="connsiteX10" fmla="*/ 641429 w 897885"/>
                <a:gd name="connsiteY10" fmla="*/ 472990 h 832571"/>
                <a:gd name="connsiteX11" fmla="*/ 437777 w 897885"/>
                <a:gd name="connsiteY11" fmla="*/ 350216 h 832571"/>
                <a:gd name="connsiteX12" fmla="*/ 393435 w 897885"/>
                <a:gd name="connsiteY12" fmla="*/ 335519 h 832571"/>
                <a:gd name="connsiteX13" fmla="*/ 240254 w 897885"/>
                <a:gd name="connsiteY13" fmla="*/ 169641 h 832571"/>
                <a:gd name="connsiteX14" fmla="*/ 0 w 897885"/>
                <a:gd name="connsiteY14" fmla="*/ 0 h 832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97885" h="832571">
                  <a:moveTo>
                    <a:pt x="0" y="0"/>
                  </a:moveTo>
                  <a:lnTo>
                    <a:pt x="8627" y="0"/>
                  </a:lnTo>
                  <a:cubicBezTo>
                    <a:pt x="82961" y="42568"/>
                    <a:pt x="207279" y="121160"/>
                    <a:pt x="243881" y="166595"/>
                  </a:cubicBezTo>
                  <a:cubicBezTo>
                    <a:pt x="296205" y="231655"/>
                    <a:pt x="367476" y="313564"/>
                    <a:pt x="395854" y="331487"/>
                  </a:cubicBezTo>
                  <a:cubicBezTo>
                    <a:pt x="409831" y="337804"/>
                    <a:pt x="424332" y="342577"/>
                    <a:pt x="439148" y="345736"/>
                  </a:cubicBezTo>
                  <a:cubicBezTo>
                    <a:pt x="501388" y="362673"/>
                    <a:pt x="605472" y="390544"/>
                    <a:pt x="645379" y="470659"/>
                  </a:cubicBezTo>
                  <a:cubicBezTo>
                    <a:pt x="686254" y="552523"/>
                    <a:pt x="782547" y="697750"/>
                    <a:pt x="866709" y="795303"/>
                  </a:cubicBezTo>
                  <a:lnTo>
                    <a:pt x="897885" y="826451"/>
                  </a:lnTo>
                  <a:lnTo>
                    <a:pt x="897885" y="832571"/>
                  </a:lnTo>
                  <a:lnTo>
                    <a:pt x="863643" y="798339"/>
                  </a:lnTo>
                  <a:cubicBezTo>
                    <a:pt x="779141" y="700399"/>
                    <a:pt x="682486" y="554786"/>
                    <a:pt x="641429" y="472990"/>
                  </a:cubicBezTo>
                  <a:cubicBezTo>
                    <a:pt x="602408" y="394934"/>
                    <a:pt x="499373" y="366885"/>
                    <a:pt x="437777" y="350216"/>
                  </a:cubicBezTo>
                  <a:cubicBezTo>
                    <a:pt x="422605" y="346919"/>
                    <a:pt x="407754" y="341997"/>
                    <a:pt x="393435" y="335519"/>
                  </a:cubicBezTo>
                  <a:cubicBezTo>
                    <a:pt x="364654" y="317596"/>
                    <a:pt x="292981" y="234972"/>
                    <a:pt x="240254" y="169641"/>
                  </a:cubicBezTo>
                  <a:cubicBezTo>
                    <a:pt x="202765" y="123041"/>
                    <a:pt x="72157" y="41312"/>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57">
              <a:extLst>
                <a:ext uri="{FF2B5EF4-FFF2-40B4-BE49-F238E27FC236}">
                  <a16:creationId xmlns:a16="http://schemas.microsoft.com/office/drawing/2014/main" id="{4C47F6AD-44B7-EC41-BCE1-F93AE0B87FF7}"/>
                </a:ext>
              </a:extLst>
            </p:cNvPr>
            <p:cNvSpPr/>
            <p:nvPr/>
          </p:nvSpPr>
          <p:spPr>
            <a:xfrm>
              <a:off x="11570971" y="-12089"/>
              <a:ext cx="621029" cy="622012"/>
            </a:xfrm>
            <a:custGeom>
              <a:avLst/>
              <a:gdLst>
                <a:gd name="connsiteX0" fmla="*/ 0 w 621029"/>
                <a:gd name="connsiteY0" fmla="*/ 0 h 622012"/>
                <a:gd name="connsiteX1" fmla="*/ 8062 w 621029"/>
                <a:gd name="connsiteY1" fmla="*/ 0 h 622012"/>
                <a:gd name="connsiteX2" fmla="*/ 189945 w 621029"/>
                <a:gd name="connsiteY2" fmla="*/ 90243 h 622012"/>
                <a:gd name="connsiteX3" fmla="*/ 191316 w 621029"/>
                <a:gd name="connsiteY3" fmla="*/ 90870 h 622012"/>
                <a:gd name="connsiteX4" fmla="*/ 225580 w 621029"/>
                <a:gd name="connsiteY4" fmla="*/ 104850 h 622012"/>
                <a:gd name="connsiteX5" fmla="*/ 430361 w 621029"/>
                <a:gd name="connsiteY5" fmla="*/ 314550 h 622012"/>
                <a:gd name="connsiteX6" fmla="*/ 586012 w 621029"/>
                <a:gd name="connsiteY6" fmla="*/ 583328 h 622012"/>
                <a:gd name="connsiteX7" fmla="*/ 621029 w 621029"/>
                <a:gd name="connsiteY7" fmla="*/ 616361 h 622012"/>
                <a:gd name="connsiteX8" fmla="*/ 621029 w 621029"/>
                <a:gd name="connsiteY8" fmla="*/ 622012 h 622012"/>
                <a:gd name="connsiteX9" fmla="*/ 583566 w 621029"/>
                <a:gd name="connsiteY9" fmla="*/ 586670 h 622012"/>
                <a:gd name="connsiteX10" fmla="*/ 426893 w 621029"/>
                <a:gd name="connsiteY10" fmla="*/ 316342 h 622012"/>
                <a:gd name="connsiteX11" fmla="*/ 224532 w 621029"/>
                <a:gd name="connsiteY11" fmla="*/ 109151 h 622012"/>
                <a:gd name="connsiteX12" fmla="*/ 190187 w 621029"/>
                <a:gd name="connsiteY12" fmla="*/ 95082 h 622012"/>
                <a:gd name="connsiteX13" fmla="*/ 188575 w 621029"/>
                <a:gd name="connsiteY13" fmla="*/ 94365 h 622012"/>
                <a:gd name="connsiteX14" fmla="*/ 0 w 621029"/>
                <a:gd name="connsiteY14" fmla="*/ 0 h 622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1029" h="622012">
                  <a:moveTo>
                    <a:pt x="0" y="0"/>
                  </a:moveTo>
                  <a:lnTo>
                    <a:pt x="8062" y="0"/>
                  </a:lnTo>
                  <a:cubicBezTo>
                    <a:pt x="59983" y="32800"/>
                    <a:pt x="137057" y="66763"/>
                    <a:pt x="189945" y="90243"/>
                  </a:cubicBezTo>
                  <a:lnTo>
                    <a:pt x="191316" y="90870"/>
                  </a:lnTo>
                  <a:cubicBezTo>
                    <a:pt x="202603" y="95799"/>
                    <a:pt x="214293" y="100369"/>
                    <a:pt x="225580" y="104850"/>
                  </a:cubicBezTo>
                  <a:cubicBezTo>
                    <a:pt x="298140" y="133617"/>
                    <a:pt x="373683" y="163369"/>
                    <a:pt x="430361" y="314550"/>
                  </a:cubicBezTo>
                  <a:cubicBezTo>
                    <a:pt x="481576" y="451325"/>
                    <a:pt x="535693" y="530029"/>
                    <a:pt x="586012" y="583328"/>
                  </a:cubicBezTo>
                  <a:lnTo>
                    <a:pt x="621029" y="616361"/>
                  </a:lnTo>
                  <a:lnTo>
                    <a:pt x="621029" y="622012"/>
                  </a:lnTo>
                  <a:lnTo>
                    <a:pt x="583566" y="586670"/>
                  </a:lnTo>
                  <a:cubicBezTo>
                    <a:pt x="532906" y="533031"/>
                    <a:pt x="478471" y="453923"/>
                    <a:pt x="426893" y="316342"/>
                  </a:cubicBezTo>
                  <a:cubicBezTo>
                    <a:pt x="370942" y="167043"/>
                    <a:pt x="296527" y="137649"/>
                    <a:pt x="224532" y="109151"/>
                  </a:cubicBezTo>
                  <a:cubicBezTo>
                    <a:pt x="213245" y="104671"/>
                    <a:pt x="201475" y="100189"/>
                    <a:pt x="190187" y="95082"/>
                  </a:cubicBezTo>
                  <a:lnTo>
                    <a:pt x="188575" y="94365"/>
                  </a:lnTo>
                  <a:cubicBezTo>
                    <a:pt x="130124" y="68555"/>
                    <a:pt x="51518" y="3369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58">
              <a:extLst>
                <a:ext uri="{FF2B5EF4-FFF2-40B4-BE49-F238E27FC236}">
                  <a16:creationId xmlns:a16="http://schemas.microsoft.com/office/drawing/2014/main" id="{52793846-130D-B445-82FA-8F3EE4DF9897}"/>
                </a:ext>
              </a:extLst>
            </p:cNvPr>
            <p:cNvSpPr/>
            <p:nvPr/>
          </p:nvSpPr>
          <p:spPr>
            <a:xfrm>
              <a:off x="12094369" y="-12089"/>
              <a:ext cx="97630" cy="243314"/>
            </a:xfrm>
            <a:custGeom>
              <a:avLst/>
              <a:gdLst>
                <a:gd name="connsiteX0" fmla="*/ 0 w 97630"/>
                <a:gd name="connsiteY0" fmla="*/ 0 h 243314"/>
                <a:gd name="connsiteX1" fmla="*/ 4353 w 97630"/>
                <a:gd name="connsiteY1" fmla="*/ 0 h 243314"/>
                <a:gd name="connsiteX2" fmla="*/ 14189 w 97630"/>
                <a:gd name="connsiteY2" fmla="*/ 30649 h 243314"/>
                <a:gd name="connsiteX3" fmla="*/ 91304 w 97630"/>
                <a:gd name="connsiteY3" fmla="*/ 227444 h 243314"/>
                <a:gd name="connsiteX4" fmla="*/ 97630 w 97630"/>
                <a:gd name="connsiteY4" fmla="*/ 236198 h 243314"/>
                <a:gd name="connsiteX5" fmla="*/ 97630 w 97630"/>
                <a:gd name="connsiteY5" fmla="*/ 243314 h 243314"/>
                <a:gd name="connsiteX6" fmla="*/ 88391 w 97630"/>
                <a:gd name="connsiteY6" fmla="*/ 230603 h 243314"/>
                <a:gd name="connsiteX7" fmla="*/ 10399 w 97630"/>
                <a:gd name="connsiteY7" fmla="*/ 32172 h 243314"/>
                <a:gd name="connsiteX8" fmla="*/ 0 w 97630"/>
                <a:gd name="connsiteY8" fmla="*/ 0 h 243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7630" h="243314">
                  <a:moveTo>
                    <a:pt x="0" y="0"/>
                  </a:moveTo>
                  <a:lnTo>
                    <a:pt x="4353" y="0"/>
                  </a:lnTo>
                  <a:cubicBezTo>
                    <a:pt x="7498" y="9589"/>
                    <a:pt x="10803" y="19805"/>
                    <a:pt x="14189" y="30649"/>
                  </a:cubicBezTo>
                  <a:cubicBezTo>
                    <a:pt x="33095" y="89795"/>
                    <a:pt x="56879" y="164108"/>
                    <a:pt x="91304" y="227444"/>
                  </a:cubicBezTo>
                  <a:lnTo>
                    <a:pt x="97630" y="236198"/>
                  </a:lnTo>
                  <a:lnTo>
                    <a:pt x="97630" y="243314"/>
                  </a:lnTo>
                  <a:lnTo>
                    <a:pt x="88391" y="230603"/>
                  </a:lnTo>
                  <a:cubicBezTo>
                    <a:pt x="53512" y="166730"/>
                    <a:pt x="29507" y="91811"/>
                    <a:pt x="10399" y="32172"/>
                  </a:cubicBezTo>
                  <a:cubicBezTo>
                    <a:pt x="6772" y="20791"/>
                    <a:pt x="3304" y="100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51">
              <a:extLst>
                <a:ext uri="{FF2B5EF4-FFF2-40B4-BE49-F238E27FC236}">
                  <a16:creationId xmlns:a16="http://schemas.microsoft.com/office/drawing/2014/main" id="{39F549CC-E58B-7949-8A2D-894B0A19BD92}"/>
                </a:ext>
              </a:extLst>
            </p:cNvPr>
            <p:cNvSpPr/>
            <p:nvPr/>
          </p:nvSpPr>
          <p:spPr>
            <a:xfrm>
              <a:off x="7987484" y="-12536"/>
              <a:ext cx="2605037" cy="6882266"/>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54">
              <a:extLst>
                <a:ext uri="{FF2B5EF4-FFF2-40B4-BE49-F238E27FC236}">
                  <a16:creationId xmlns:a16="http://schemas.microsoft.com/office/drawing/2014/main" id="{C5D477B7-5E31-4242-8BDA-E7DBE989D082}"/>
                </a:ext>
              </a:extLst>
            </p:cNvPr>
            <p:cNvSpPr/>
            <p:nvPr/>
          </p:nvSpPr>
          <p:spPr>
            <a:xfrm>
              <a:off x="8559182" y="-12178"/>
              <a:ext cx="3214600" cy="6882447"/>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61">
              <a:extLst>
                <a:ext uri="{FF2B5EF4-FFF2-40B4-BE49-F238E27FC236}">
                  <a16:creationId xmlns:a16="http://schemas.microsoft.com/office/drawing/2014/main" id="{6CDC52DB-DA69-674C-8D0F-294CCACF4CA0}"/>
                </a:ext>
              </a:extLst>
            </p:cNvPr>
            <p:cNvSpPr/>
            <p:nvPr/>
          </p:nvSpPr>
          <p:spPr>
            <a:xfrm>
              <a:off x="10599314" y="-12894"/>
              <a:ext cx="1592685" cy="6883343"/>
            </a:xfrm>
            <a:custGeom>
              <a:avLst/>
              <a:gdLst>
                <a:gd name="connsiteX0" fmla="*/ 1592685 w 1592685"/>
                <a:gd name="connsiteY0" fmla="*/ 5194669 h 6883343"/>
                <a:gd name="connsiteX1" fmla="*/ 1592685 w 1592685"/>
                <a:gd name="connsiteY1" fmla="*/ 5242966 h 6883343"/>
                <a:gd name="connsiteX2" fmla="*/ 1579069 w 1592685"/>
                <a:gd name="connsiteY2" fmla="*/ 5266894 h 6883343"/>
                <a:gd name="connsiteX3" fmla="*/ 1400807 w 1592685"/>
                <a:gd name="connsiteY3" fmla="*/ 5812800 h 6883343"/>
                <a:gd name="connsiteX4" fmla="*/ 1368558 w 1592685"/>
                <a:gd name="connsiteY4" fmla="*/ 6432489 h 6883343"/>
                <a:gd name="connsiteX5" fmla="*/ 1449180 w 1592685"/>
                <a:gd name="connsiteY5" fmla="*/ 6742737 h 6883343"/>
                <a:gd name="connsiteX6" fmla="*/ 1473851 w 1592685"/>
                <a:gd name="connsiteY6" fmla="*/ 6789874 h 6883343"/>
                <a:gd name="connsiteX7" fmla="*/ 1519402 w 1592685"/>
                <a:gd name="connsiteY7" fmla="*/ 6883343 h 6883343"/>
                <a:gd name="connsiteX8" fmla="*/ 1492555 w 1592685"/>
                <a:gd name="connsiteY8" fmla="*/ 6883343 h 6883343"/>
                <a:gd name="connsiteX9" fmla="*/ 1453292 w 1592685"/>
                <a:gd name="connsiteY9" fmla="*/ 6802690 h 6883343"/>
                <a:gd name="connsiteX10" fmla="*/ 1429106 w 1592685"/>
                <a:gd name="connsiteY10" fmla="*/ 6756179 h 6883343"/>
                <a:gd name="connsiteX11" fmla="*/ 1344775 w 1592685"/>
                <a:gd name="connsiteY11" fmla="*/ 6432489 h 6883343"/>
                <a:gd name="connsiteX12" fmla="*/ 1377668 w 1592685"/>
                <a:gd name="connsiteY12" fmla="*/ 5807244 h 6883343"/>
                <a:gd name="connsiteX13" fmla="*/ 1590350 w 1592685"/>
                <a:gd name="connsiteY13" fmla="*/ 5197861 h 6883343"/>
                <a:gd name="connsiteX14" fmla="*/ 0 w 1592685"/>
                <a:gd name="connsiteY14" fmla="*/ 0 h 6883343"/>
                <a:gd name="connsiteX15" fmla="*/ 44343 w 1592685"/>
                <a:gd name="connsiteY15" fmla="*/ 0 h 6883343"/>
                <a:gd name="connsiteX16" fmla="*/ 113435 w 1592685"/>
                <a:gd name="connsiteY16" fmla="*/ 48482 h 6883343"/>
                <a:gd name="connsiteX17" fmla="*/ 215019 w 1592685"/>
                <a:gd name="connsiteY17" fmla="*/ 191956 h 6883343"/>
                <a:gd name="connsiteX18" fmla="*/ 248316 w 1592685"/>
                <a:gd name="connsiteY18" fmla="*/ 266875 h 6883343"/>
                <a:gd name="connsiteX19" fmla="*/ 409560 w 1592685"/>
                <a:gd name="connsiteY19" fmla="*/ 359895 h 6883343"/>
                <a:gd name="connsiteX20" fmla="*/ 508241 w 1592685"/>
                <a:gd name="connsiteY20" fmla="*/ 404702 h 6883343"/>
                <a:gd name="connsiteX21" fmla="*/ 647959 w 1592685"/>
                <a:gd name="connsiteY21" fmla="*/ 592356 h 6883343"/>
                <a:gd name="connsiteX22" fmla="*/ 757041 w 1592685"/>
                <a:gd name="connsiteY22" fmla="*/ 660733 h 6883343"/>
                <a:gd name="connsiteX23" fmla="*/ 836776 w 1592685"/>
                <a:gd name="connsiteY23" fmla="*/ 703569 h 6883343"/>
                <a:gd name="connsiteX24" fmla="*/ 850159 w 1592685"/>
                <a:gd name="connsiteY24" fmla="*/ 812272 h 6883343"/>
                <a:gd name="connsiteX25" fmla="*/ 871685 w 1592685"/>
                <a:gd name="connsiteY25" fmla="*/ 975193 h 6883343"/>
                <a:gd name="connsiteX26" fmla="*/ 912479 w 1592685"/>
                <a:gd name="connsiteY26" fmla="*/ 1238393 h 6883343"/>
                <a:gd name="connsiteX27" fmla="*/ 919817 w 1592685"/>
                <a:gd name="connsiteY27" fmla="*/ 1348977 h 6883343"/>
                <a:gd name="connsiteX28" fmla="*/ 1006485 w 1592685"/>
                <a:gd name="connsiteY28" fmla="*/ 1495588 h 6883343"/>
                <a:gd name="connsiteX29" fmla="*/ 1171679 w 1592685"/>
                <a:gd name="connsiteY29" fmla="*/ 1697312 h 6883343"/>
                <a:gd name="connsiteX30" fmla="*/ 1562535 w 1592685"/>
                <a:gd name="connsiteY30" fmla="*/ 1852256 h 6883343"/>
                <a:gd name="connsiteX31" fmla="*/ 1592685 w 1592685"/>
                <a:gd name="connsiteY31" fmla="*/ 1850120 h 6883343"/>
                <a:gd name="connsiteX32" fmla="*/ 1592685 w 1592685"/>
                <a:gd name="connsiteY32" fmla="*/ 1877439 h 6883343"/>
                <a:gd name="connsiteX33" fmla="*/ 1565276 w 1592685"/>
                <a:gd name="connsiteY33" fmla="*/ 1879410 h 6883343"/>
                <a:gd name="connsiteX34" fmla="*/ 1152814 w 1592685"/>
                <a:gd name="connsiteY34" fmla="*/ 1713622 h 6883343"/>
                <a:gd name="connsiteX35" fmla="*/ 990441 w 1592685"/>
                <a:gd name="connsiteY35" fmla="*/ 1515214 h 6883343"/>
                <a:gd name="connsiteX36" fmla="*/ 896114 w 1592685"/>
                <a:gd name="connsiteY36" fmla="*/ 1351756 h 6883343"/>
                <a:gd name="connsiteX37" fmla="*/ 888616 w 1592685"/>
                <a:gd name="connsiteY37" fmla="*/ 1239737 h 6883343"/>
                <a:gd name="connsiteX38" fmla="*/ 849837 w 1592685"/>
                <a:gd name="connsiteY38" fmla="*/ 985767 h 6883343"/>
                <a:gd name="connsiteX39" fmla="*/ 826295 w 1592685"/>
                <a:gd name="connsiteY39" fmla="*/ 811735 h 6883343"/>
                <a:gd name="connsiteX40" fmla="*/ 815733 w 1592685"/>
                <a:gd name="connsiteY40" fmla="*/ 716115 h 6883343"/>
                <a:gd name="connsiteX41" fmla="*/ 753654 w 1592685"/>
                <a:gd name="connsiteY41" fmla="*/ 687080 h 6883343"/>
                <a:gd name="connsiteX42" fmla="*/ 626917 w 1592685"/>
                <a:gd name="connsiteY42" fmla="*/ 604903 h 6883343"/>
                <a:gd name="connsiteX43" fmla="*/ 493649 w 1592685"/>
                <a:gd name="connsiteY43" fmla="*/ 425672 h 6883343"/>
                <a:gd name="connsiteX44" fmla="*/ 402627 w 1592685"/>
                <a:gd name="connsiteY44" fmla="*/ 385167 h 6883343"/>
                <a:gd name="connsiteX45" fmla="*/ 227999 w 1592685"/>
                <a:gd name="connsiteY45" fmla="*/ 281033 h 6883343"/>
                <a:gd name="connsiteX46" fmla="*/ 192606 w 1592685"/>
                <a:gd name="connsiteY46" fmla="*/ 201814 h 6883343"/>
                <a:gd name="connsiteX47" fmla="*/ 100697 w 1592685"/>
                <a:gd name="connsiteY47" fmla="*/ 71692 h 6883343"/>
                <a:gd name="connsiteX48" fmla="*/ 0 w 1592685"/>
                <a:gd name="connsiteY48" fmla="*/ 0 h 6883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592685" h="6883343">
                  <a:moveTo>
                    <a:pt x="1592685" y="5194669"/>
                  </a:moveTo>
                  <a:lnTo>
                    <a:pt x="1592685" y="5242966"/>
                  </a:lnTo>
                  <a:lnTo>
                    <a:pt x="1579069" y="5266894"/>
                  </a:lnTo>
                  <a:cubicBezTo>
                    <a:pt x="1507206" y="5407501"/>
                    <a:pt x="1429872" y="5653307"/>
                    <a:pt x="1400807" y="5812800"/>
                  </a:cubicBezTo>
                  <a:cubicBezTo>
                    <a:pt x="1367268" y="5996959"/>
                    <a:pt x="1366543" y="6229242"/>
                    <a:pt x="1368558" y="6432489"/>
                  </a:cubicBezTo>
                  <a:cubicBezTo>
                    <a:pt x="1370090" y="6593796"/>
                    <a:pt x="1406854" y="6662800"/>
                    <a:pt x="1449180" y="6742737"/>
                  </a:cubicBezTo>
                  <a:cubicBezTo>
                    <a:pt x="1457243" y="6757793"/>
                    <a:pt x="1465305" y="6773296"/>
                    <a:pt x="1473851" y="6789874"/>
                  </a:cubicBezTo>
                  <a:cubicBezTo>
                    <a:pt x="1483929" y="6810127"/>
                    <a:pt x="1500375" y="6843643"/>
                    <a:pt x="1519402" y="6883343"/>
                  </a:cubicBezTo>
                  <a:lnTo>
                    <a:pt x="1492555" y="6883343"/>
                  </a:lnTo>
                  <a:cubicBezTo>
                    <a:pt x="1476430" y="6849200"/>
                    <a:pt x="1462241" y="6820613"/>
                    <a:pt x="1453292" y="6802690"/>
                  </a:cubicBezTo>
                  <a:cubicBezTo>
                    <a:pt x="1445230" y="6786469"/>
                    <a:pt x="1437168" y="6771055"/>
                    <a:pt x="1429106" y="6756179"/>
                  </a:cubicBezTo>
                  <a:cubicBezTo>
                    <a:pt x="1384683" y="6672927"/>
                    <a:pt x="1346307" y="6601055"/>
                    <a:pt x="1344775" y="6432489"/>
                  </a:cubicBezTo>
                  <a:cubicBezTo>
                    <a:pt x="1342840" y="6227897"/>
                    <a:pt x="1343727" y="5993913"/>
                    <a:pt x="1377668" y="5807244"/>
                  </a:cubicBezTo>
                  <a:cubicBezTo>
                    <a:pt x="1411369" y="5622188"/>
                    <a:pt x="1509486" y="5322156"/>
                    <a:pt x="1590350" y="5197861"/>
                  </a:cubicBezTo>
                  <a:close/>
                  <a:moveTo>
                    <a:pt x="0" y="0"/>
                  </a:moveTo>
                  <a:lnTo>
                    <a:pt x="44343" y="0"/>
                  </a:lnTo>
                  <a:cubicBezTo>
                    <a:pt x="66352" y="15772"/>
                    <a:pt x="89894" y="32351"/>
                    <a:pt x="113435" y="48482"/>
                  </a:cubicBezTo>
                  <a:cubicBezTo>
                    <a:pt x="178416" y="93648"/>
                    <a:pt x="196153" y="141413"/>
                    <a:pt x="215019" y="191956"/>
                  </a:cubicBezTo>
                  <a:cubicBezTo>
                    <a:pt x="223979" y="218035"/>
                    <a:pt x="235127" y="243117"/>
                    <a:pt x="248316" y="266875"/>
                  </a:cubicBezTo>
                  <a:cubicBezTo>
                    <a:pt x="275082" y="312758"/>
                    <a:pt x="346675" y="337850"/>
                    <a:pt x="409560" y="359895"/>
                  </a:cubicBezTo>
                  <a:cubicBezTo>
                    <a:pt x="451564" y="374502"/>
                    <a:pt x="487763" y="387227"/>
                    <a:pt x="508241" y="404702"/>
                  </a:cubicBezTo>
                  <a:cubicBezTo>
                    <a:pt x="559114" y="448614"/>
                    <a:pt x="596280" y="485356"/>
                    <a:pt x="647959" y="592356"/>
                  </a:cubicBezTo>
                  <a:cubicBezTo>
                    <a:pt x="674000" y="646125"/>
                    <a:pt x="716246" y="653654"/>
                    <a:pt x="757041" y="660733"/>
                  </a:cubicBezTo>
                  <a:cubicBezTo>
                    <a:pt x="790096" y="666379"/>
                    <a:pt x="821538" y="671845"/>
                    <a:pt x="836776" y="703569"/>
                  </a:cubicBezTo>
                  <a:cubicBezTo>
                    <a:pt x="851288" y="733680"/>
                    <a:pt x="850723" y="770063"/>
                    <a:pt x="850159" y="812272"/>
                  </a:cubicBezTo>
                  <a:cubicBezTo>
                    <a:pt x="849433" y="861202"/>
                    <a:pt x="848708" y="916584"/>
                    <a:pt x="871685" y="975193"/>
                  </a:cubicBezTo>
                  <a:cubicBezTo>
                    <a:pt x="903450" y="1055847"/>
                    <a:pt x="907965" y="1148867"/>
                    <a:pt x="912479" y="1238393"/>
                  </a:cubicBezTo>
                  <a:cubicBezTo>
                    <a:pt x="914253" y="1274865"/>
                    <a:pt x="916108" y="1312505"/>
                    <a:pt x="919817" y="1348977"/>
                  </a:cubicBezTo>
                  <a:cubicBezTo>
                    <a:pt x="926347" y="1413859"/>
                    <a:pt x="954806" y="1442894"/>
                    <a:pt x="1006485" y="1495588"/>
                  </a:cubicBezTo>
                  <a:cubicBezTo>
                    <a:pt x="1067858" y="1556095"/>
                    <a:pt x="1123237" y="1623721"/>
                    <a:pt x="1171679" y="1697312"/>
                  </a:cubicBezTo>
                  <a:cubicBezTo>
                    <a:pt x="1291887" y="1879410"/>
                    <a:pt x="1454744" y="1863100"/>
                    <a:pt x="1562535" y="1852256"/>
                  </a:cubicBezTo>
                  <a:lnTo>
                    <a:pt x="1592685" y="1850120"/>
                  </a:lnTo>
                  <a:lnTo>
                    <a:pt x="1592685" y="1877439"/>
                  </a:lnTo>
                  <a:lnTo>
                    <a:pt x="1565276" y="1879410"/>
                  </a:lnTo>
                  <a:cubicBezTo>
                    <a:pt x="1459016" y="1890074"/>
                    <a:pt x="1281084" y="1907908"/>
                    <a:pt x="1152814" y="1713622"/>
                  </a:cubicBezTo>
                  <a:cubicBezTo>
                    <a:pt x="1105236" y="1641215"/>
                    <a:pt x="1050800" y="1574698"/>
                    <a:pt x="990441" y="1515214"/>
                  </a:cubicBezTo>
                  <a:cubicBezTo>
                    <a:pt x="938198" y="1461892"/>
                    <a:pt x="903611" y="1426674"/>
                    <a:pt x="896114" y="1351756"/>
                  </a:cubicBezTo>
                  <a:cubicBezTo>
                    <a:pt x="892324" y="1314565"/>
                    <a:pt x="890470" y="1276479"/>
                    <a:pt x="888616" y="1239737"/>
                  </a:cubicBezTo>
                  <a:cubicBezTo>
                    <a:pt x="884101" y="1148508"/>
                    <a:pt x="879828" y="1062388"/>
                    <a:pt x="849837" y="985767"/>
                  </a:cubicBezTo>
                  <a:cubicBezTo>
                    <a:pt x="824762" y="921782"/>
                    <a:pt x="825650" y="860754"/>
                    <a:pt x="826295" y="811735"/>
                  </a:cubicBezTo>
                  <a:cubicBezTo>
                    <a:pt x="826859" y="773289"/>
                    <a:pt x="827262" y="740043"/>
                    <a:pt x="815733" y="716115"/>
                  </a:cubicBezTo>
                  <a:cubicBezTo>
                    <a:pt x="806542" y="697117"/>
                    <a:pt x="786145" y="692726"/>
                    <a:pt x="753654" y="687080"/>
                  </a:cubicBezTo>
                  <a:cubicBezTo>
                    <a:pt x="711328" y="679821"/>
                    <a:pt x="658762" y="670680"/>
                    <a:pt x="626917" y="604903"/>
                  </a:cubicBezTo>
                  <a:cubicBezTo>
                    <a:pt x="577576" y="502651"/>
                    <a:pt x="542102" y="467613"/>
                    <a:pt x="493649" y="425672"/>
                  </a:cubicBezTo>
                  <a:cubicBezTo>
                    <a:pt x="476718" y="411065"/>
                    <a:pt x="440680" y="398787"/>
                    <a:pt x="402627" y="385167"/>
                  </a:cubicBezTo>
                  <a:cubicBezTo>
                    <a:pt x="335548" y="361776"/>
                    <a:pt x="259441" y="335161"/>
                    <a:pt x="227999" y="281033"/>
                  </a:cubicBezTo>
                  <a:cubicBezTo>
                    <a:pt x="213988" y="255922"/>
                    <a:pt x="202137" y="229398"/>
                    <a:pt x="192606" y="201814"/>
                  </a:cubicBezTo>
                  <a:cubicBezTo>
                    <a:pt x="174628" y="153421"/>
                    <a:pt x="158987" y="111661"/>
                    <a:pt x="100697" y="71692"/>
                  </a:cubicBezTo>
                  <a:cubicBezTo>
                    <a:pt x="65385" y="47496"/>
                    <a:pt x="30072" y="22225"/>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62">
              <a:extLst>
                <a:ext uri="{FF2B5EF4-FFF2-40B4-BE49-F238E27FC236}">
                  <a16:creationId xmlns:a16="http://schemas.microsoft.com/office/drawing/2014/main" id="{D5CC9213-1361-B845-836E-C38E06940830}"/>
                </a:ext>
              </a:extLst>
            </p:cNvPr>
            <p:cNvSpPr/>
            <p:nvPr/>
          </p:nvSpPr>
          <p:spPr>
            <a:xfrm>
              <a:off x="11956101" y="-11641"/>
              <a:ext cx="235898" cy="398020"/>
            </a:xfrm>
            <a:custGeom>
              <a:avLst/>
              <a:gdLst>
                <a:gd name="connsiteX0" fmla="*/ 0 w 235898"/>
                <a:gd name="connsiteY0" fmla="*/ 0 h 398020"/>
                <a:gd name="connsiteX1" fmla="*/ 26444 w 235898"/>
                <a:gd name="connsiteY1" fmla="*/ 0 h 398020"/>
                <a:gd name="connsiteX2" fmla="*/ 210182 w 235898"/>
                <a:gd name="connsiteY2" fmla="*/ 344302 h 398020"/>
                <a:gd name="connsiteX3" fmla="*/ 235898 w 235898"/>
                <a:gd name="connsiteY3" fmla="*/ 364874 h 398020"/>
                <a:gd name="connsiteX4" fmla="*/ 235898 w 235898"/>
                <a:gd name="connsiteY4" fmla="*/ 398020 h 398020"/>
                <a:gd name="connsiteX5" fmla="*/ 198572 w 235898"/>
                <a:gd name="connsiteY5" fmla="*/ 367961 h 398020"/>
                <a:gd name="connsiteX6" fmla="*/ 3709 w 235898"/>
                <a:gd name="connsiteY6" fmla="*/ 9500 h 398020"/>
                <a:gd name="connsiteX7" fmla="*/ 0 w 235898"/>
                <a:gd name="connsiteY7" fmla="*/ 0 h 398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35898" h="398020">
                  <a:moveTo>
                    <a:pt x="0" y="0"/>
                  </a:moveTo>
                  <a:lnTo>
                    <a:pt x="26444" y="0"/>
                  </a:lnTo>
                  <a:cubicBezTo>
                    <a:pt x="63208" y="92214"/>
                    <a:pt x="147780" y="305947"/>
                    <a:pt x="210182" y="344302"/>
                  </a:cubicBezTo>
                  <a:lnTo>
                    <a:pt x="235898" y="364874"/>
                  </a:lnTo>
                  <a:lnTo>
                    <a:pt x="235898" y="398020"/>
                  </a:lnTo>
                  <a:lnTo>
                    <a:pt x="198572" y="367961"/>
                  </a:lnTo>
                  <a:cubicBezTo>
                    <a:pt x="128673" y="324945"/>
                    <a:pt x="44262" y="111571"/>
                    <a:pt x="3709" y="9500"/>
                  </a:cubicBezTo>
                  <a:cubicBezTo>
                    <a:pt x="2499" y="6274"/>
                    <a:pt x="1210" y="3137"/>
                    <a:pt x="0" y="0"/>
                  </a:cubicBezTo>
                  <a:close/>
                </a:path>
              </a:pathLst>
            </a:custGeom>
            <a:grpFill/>
            <a:ln w="9525"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28" name="Top Row">
            <a:extLst>
              <a:ext uri="{FF2B5EF4-FFF2-40B4-BE49-F238E27FC236}">
                <a16:creationId xmlns:a16="http://schemas.microsoft.com/office/drawing/2014/main" id="{09820803-C2FE-AA4F-9C9E-67EEF25559CE}"/>
              </a:ext>
            </a:extLst>
          </p:cNvPr>
          <p:cNvGrpSpPr/>
          <p:nvPr userDrawn="1"/>
        </p:nvGrpSpPr>
        <p:grpSpPr>
          <a:xfrm>
            <a:off x="0" y="255814"/>
            <a:ext cx="16122047" cy="243830"/>
            <a:chOff x="0" y="228600"/>
            <a:chExt cx="16122047" cy="94031"/>
          </a:xfrm>
          <a:solidFill>
            <a:schemeClr val="accent2"/>
          </a:solidFill>
        </p:grpSpPr>
        <p:sp>
          <p:nvSpPr>
            <p:cNvPr id="29" name="Freeform 28">
              <a:extLst>
                <a:ext uri="{FF2B5EF4-FFF2-40B4-BE49-F238E27FC236}">
                  <a16:creationId xmlns:a16="http://schemas.microsoft.com/office/drawing/2014/main" id="{4FD287E1-A204-A84A-AF96-DCE31E8881F9}"/>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29">
              <a:extLst>
                <a:ext uri="{FF2B5EF4-FFF2-40B4-BE49-F238E27FC236}">
                  <a16:creationId xmlns:a16="http://schemas.microsoft.com/office/drawing/2014/main" id="{95F51D59-C387-2844-9AFC-CA9B3042BF51}"/>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30">
              <a:extLst>
                <a:ext uri="{FF2B5EF4-FFF2-40B4-BE49-F238E27FC236}">
                  <a16:creationId xmlns:a16="http://schemas.microsoft.com/office/drawing/2014/main" id="{30526E32-8F12-1E4A-A4E6-288E2A8238BB}"/>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31">
              <a:extLst>
                <a:ext uri="{FF2B5EF4-FFF2-40B4-BE49-F238E27FC236}">
                  <a16:creationId xmlns:a16="http://schemas.microsoft.com/office/drawing/2014/main" id="{A03F0B42-00A6-2948-A934-C1EAF49ED95E}"/>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32">
              <a:extLst>
                <a:ext uri="{FF2B5EF4-FFF2-40B4-BE49-F238E27FC236}">
                  <a16:creationId xmlns:a16="http://schemas.microsoft.com/office/drawing/2014/main" id="{5D51B2CE-318D-0948-BE36-AAA5E5227859}"/>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grpSp>
        <p:nvGrpSpPr>
          <p:cNvPr id="34" name="Bottom Row">
            <a:extLst>
              <a:ext uri="{FF2B5EF4-FFF2-40B4-BE49-F238E27FC236}">
                <a16:creationId xmlns:a16="http://schemas.microsoft.com/office/drawing/2014/main" id="{4A6D5BC1-8FFC-1A45-899A-E76FAE344C5A}"/>
              </a:ext>
            </a:extLst>
          </p:cNvPr>
          <p:cNvGrpSpPr/>
          <p:nvPr userDrawn="1"/>
        </p:nvGrpSpPr>
        <p:grpSpPr>
          <a:xfrm>
            <a:off x="-3930047" y="6358356"/>
            <a:ext cx="16122047" cy="243830"/>
            <a:chOff x="0" y="228600"/>
            <a:chExt cx="16122047" cy="94031"/>
          </a:xfrm>
          <a:solidFill>
            <a:schemeClr val="accent2"/>
          </a:solidFill>
        </p:grpSpPr>
        <p:sp>
          <p:nvSpPr>
            <p:cNvPr id="35" name="Freeform 34">
              <a:extLst>
                <a:ext uri="{FF2B5EF4-FFF2-40B4-BE49-F238E27FC236}">
                  <a16:creationId xmlns:a16="http://schemas.microsoft.com/office/drawing/2014/main" id="{278D7EA8-A1A2-1841-B96F-D44C8CD9122A}"/>
                </a:ext>
              </a:extLst>
            </p:cNvPr>
            <p:cNvSpPr/>
            <p:nvPr/>
          </p:nvSpPr>
          <p:spPr>
            <a:xfrm flipH="1">
              <a:off x="0"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35">
              <a:extLst>
                <a:ext uri="{FF2B5EF4-FFF2-40B4-BE49-F238E27FC236}">
                  <a16:creationId xmlns:a16="http://schemas.microsoft.com/office/drawing/2014/main" id="{D26A356F-AE88-EB45-99C3-078BD11270C2}"/>
                </a:ext>
              </a:extLst>
            </p:cNvPr>
            <p:cNvSpPr/>
            <p:nvPr/>
          </p:nvSpPr>
          <p:spPr>
            <a:xfrm flipH="1">
              <a:off x="3292094"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36">
              <a:extLst>
                <a:ext uri="{FF2B5EF4-FFF2-40B4-BE49-F238E27FC236}">
                  <a16:creationId xmlns:a16="http://schemas.microsoft.com/office/drawing/2014/main" id="{8A30E681-4E6B-6D47-B19E-3BD0520B4072}"/>
                </a:ext>
              </a:extLst>
            </p:cNvPr>
            <p:cNvSpPr/>
            <p:nvPr/>
          </p:nvSpPr>
          <p:spPr>
            <a:xfrm flipH="1">
              <a:off x="6584188"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37">
              <a:extLst>
                <a:ext uri="{FF2B5EF4-FFF2-40B4-BE49-F238E27FC236}">
                  <a16:creationId xmlns:a16="http://schemas.microsoft.com/office/drawing/2014/main" id="{A6895B15-3BAC-A44F-A94E-2087A173C5B6}"/>
                </a:ext>
              </a:extLst>
            </p:cNvPr>
            <p:cNvSpPr/>
            <p:nvPr/>
          </p:nvSpPr>
          <p:spPr>
            <a:xfrm flipH="1">
              <a:off x="9876282"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38">
              <a:extLst>
                <a:ext uri="{FF2B5EF4-FFF2-40B4-BE49-F238E27FC236}">
                  <a16:creationId xmlns:a16="http://schemas.microsoft.com/office/drawing/2014/main" id="{5CFFA8A5-3574-5D41-9610-C3E34F338384}"/>
                </a:ext>
              </a:extLst>
            </p:cNvPr>
            <p:cNvSpPr/>
            <p:nvPr/>
          </p:nvSpPr>
          <p:spPr>
            <a:xfrm flipH="1">
              <a:off x="13168377" y="228600"/>
              <a:ext cx="2953670" cy="94031"/>
            </a:xfrm>
            <a:custGeom>
              <a:avLst/>
              <a:gdLst>
                <a:gd name="connsiteX0" fmla="*/ 2834263 w 2953670"/>
                <a:gd name="connsiteY0" fmla="*/ 0 h 94031"/>
                <a:gd name="connsiteX1" fmla="*/ 2641942 w 2953670"/>
                <a:gd name="connsiteY1" fmla="*/ 0 h 94031"/>
                <a:gd name="connsiteX2" fmla="*/ 192321 w 2953670"/>
                <a:gd name="connsiteY2" fmla="*/ 0 h 94031"/>
                <a:gd name="connsiteX3" fmla="*/ 0 w 2953670"/>
                <a:gd name="connsiteY3" fmla="*/ 0 h 94031"/>
                <a:gd name="connsiteX4" fmla="*/ 119408 w 2953670"/>
                <a:gd name="connsiteY4" fmla="*/ 94031 h 94031"/>
                <a:gd name="connsiteX5" fmla="*/ 311729 w 2953670"/>
                <a:gd name="connsiteY5" fmla="*/ 94031 h 94031"/>
                <a:gd name="connsiteX6" fmla="*/ 2761349 w 2953670"/>
                <a:gd name="connsiteY6" fmla="*/ 94031 h 94031"/>
                <a:gd name="connsiteX7" fmla="*/ 2953670 w 2953670"/>
                <a:gd name="connsiteY7" fmla="*/ 94031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761349 w 2953670"/>
                <a:gd name="connsiteY5" fmla="*/ 94031 h 94031"/>
                <a:gd name="connsiteX6" fmla="*/ 2953670 w 2953670"/>
                <a:gd name="connsiteY6" fmla="*/ 94031 h 94031"/>
                <a:gd name="connsiteX7" fmla="*/ 2834263 w 2953670"/>
                <a:gd name="connsiteY7" fmla="*/ 0 h 94031"/>
                <a:gd name="connsiteX0" fmla="*/ 2834263 w 2953670"/>
                <a:gd name="connsiteY0" fmla="*/ 0 h 94031"/>
                <a:gd name="connsiteX1" fmla="*/ 192321 w 2953670"/>
                <a:gd name="connsiteY1" fmla="*/ 0 h 94031"/>
                <a:gd name="connsiteX2" fmla="*/ 0 w 2953670"/>
                <a:gd name="connsiteY2" fmla="*/ 0 h 94031"/>
                <a:gd name="connsiteX3" fmla="*/ 119408 w 2953670"/>
                <a:gd name="connsiteY3" fmla="*/ 94031 h 94031"/>
                <a:gd name="connsiteX4" fmla="*/ 311729 w 2953670"/>
                <a:gd name="connsiteY4" fmla="*/ 94031 h 94031"/>
                <a:gd name="connsiteX5" fmla="*/ 2953670 w 2953670"/>
                <a:gd name="connsiteY5" fmla="*/ 94031 h 94031"/>
                <a:gd name="connsiteX6" fmla="*/ 2834263 w 2953670"/>
                <a:gd name="connsiteY6" fmla="*/ 0 h 94031"/>
                <a:gd name="connsiteX0" fmla="*/ 2834263 w 2953670"/>
                <a:gd name="connsiteY0" fmla="*/ 0 h 94031"/>
                <a:gd name="connsiteX1" fmla="*/ 0 w 2953670"/>
                <a:gd name="connsiteY1" fmla="*/ 0 h 94031"/>
                <a:gd name="connsiteX2" fmla="*/ 119408 w 2953670"/>
                <a:gd name="connsiteY2" fmla="*/ 94031 h 94031"/>
                <a:gd name="connsiteX3" fmla="*/ 311729 w 2953670"/>
                <a:gd name="connsiteY3" fmla="*/ 94031 h 94031"/>
                <a:gd name="connsiteX4" fmla="*/ 2953670 w 2953670"/>
                <a:gd name="connsiteY4" fmla="*/ 94031 h 94031"/>
                <a:gd name="connsiteX5" fmla="*/ 2834263 w 2953670"/>
                <a:gd name="connsiteY5" fmla="*/ 0 h 94031"/>
                <a:gd name="connsiteX0" fmla="*/ 2834263 w 2953670"/>
                <a:gd name="connsiteY0" fmla="*/ 0 h 94031"/>
                <a:gd name="connsiteX1" fmla="*/ 0 w 2953670"/>
                <a:gd name="connsiteY1" fmla="*/ 0 h 94031"/>
                <a:gd name="connsiteX2" fmla="*/ 119408 w 2953670"/>
                <a:gd name="connsiteY2" fmla="*/ 94031 h 94031"/>
                <a:gd name="connsiteX3" fmla="*/ 2953670 w 2953670"/>
                <a:gd name="connsiteY3" fmla="*/ 94031 h 94031"/>
                <a:gd name="connsiteX4" fmla="*/ 2834263 w 2953670"/>
                <a:gd name="connsiteY4" fmla="*/ 0 h 940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670" h="94031">
                  <a:moveTo>
                    <a:pt x="2834263" y="0"/>
                  </a:moveTo>
                  <a:lnTo>
                    <a:pt x="0" y="0"/>
                  </a:lnTo>
                  <a:lnTo>
                    <a:pt x="119408" y="94031"/>
                  </a:lnTo>
                  <a:lnTo>
                    <a:pt x="2953670" y="94031"/>
                  </a:lnTo>
                  <a:lnTo>
                    <a:pt x="2834263" y="0"/>
                  </a:lnTo>
                  <a:close/>
                </a:path>
              </a:pathLst>
            </a:custGeom>
            <a:grpFill/>
            <a:ln w="2010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3674727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5" presetClass="path" presetSubtype="0" repeatCount="indefinite" accel="50000" decel="50000" fill="hold" nodeType="withEffect">
                                  <p:stCondLst>
                                    <p:cond delay="0"/>
                                  </p:stCondLst>
                                  <p:childTnLst>
                                    <p:animMotion origin="layout" path="M 2.08333E-6 -2.59259E-6 L -0.25 -2.59259E-6 " pathEditMode="relative" rAng="0" ptsTypes="AA">
                                      <p:cBhvr>
                                        <p:cTn id="6" dur="15000" fill="hold"/>
                                        <p:tgtEl>
                                          <p:spTgt spid="28"/>
                                        </p:tgtEl>
                                        <p:attrNameLst>
                                          <p:attrName>ppt_x</p:attrName>
                                          <p:attrName>ppt_y</p:attrName>
                                        </p:attrNameLst>
                                      </p:cBhvr>
                                      <p:rCtr x="-12500" y="0"/>
                                    </p:animMotion>
                                  </p:childTnLst>
                                </p:cTn>
                              </p:par>
                              <p:par>
                                <p:cTn id="7" presetID="63" presetClass="path" presetSubtype="0" repeatCount="indefinite" accel="50000" decel="50000" fill="hold" nodeType="withEffect">
                                  <p:stCondLst>
                                    <p:cond delay="0"/>
                                  </p:stCondLst>
                                  <p:childTnLst>
                                    <p:animMotion origin="layout" path="M 0 0 L 0.25 0 E" pathEditMode="relative" ptsTypes="">
                                      <p:cBhvr>
                                        <p:cTn id="8" dur="15000" fill="hold"/>
                                        <p:tgtEl>
                                          <p:spTgt spid="34"/>
                                        </p:tgtEl>
                                        <p:attrNameLst>
                                          <p:attrName>ppt_x</p:attrName>
                                          <p:attrName>ppt_y</p:attrName>
                                        </p:attrNameLst>
                                      </p:cBhvr>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2_Light Grey Map">
    <p:bg>
      <p:bgPr>
        <a:solidFill>
          <a:schemeClr val="bg1">
            <a:lumMod val="95000"/>
          </a:schemeClr>
        </a:solidFill>
        <a:effectLst/>
      </p:bgPr>
    </p:bg>
    <p:spTree>
      <p:nvGrpSpPr>
        <p:cNvPr id="1" name=""/>
        <p:cNvGrpSpPr/>
        <p:nvPr/>
      </p:nvGrpSpPr>
      <p:grpSpPr>
        <a:xfrm>
          <a:off x="0" y="0"/>
          <a:ext cx="0" cy="0"/>
          <a:chOff x="0" y="0"/>
          <a:chExt cx="0" cy="0"/>
        </a:xfrm>
      </p:grpSpPr>
      <p:grpSp>
        <p:nvGrpSpPr>
          <p:cNvPr id="2" name="MAP">
            <a:extLst>
              <a:ext uri="{FF2B5EF4-FFF2-40B4-BE49-F238E27FC236}">
                <a16:creationId xmlns:a16="http://schemas.microsoft.com/office/drawing/2014/main" id="{E05E6745-3B37-9843-83C8-B9DA2442ED5F}"/>
              </a:ext>
            </a:extLst>
          </p:cNvPr>
          <p:cNvGrpSpPr/>
          <p:nvPr userDrawn="1"/>
        </p:nvGrpSpPr>
        <p:grpSpPr>
          <a:xfrm rot="18900000">
            <a:off x="-6954241" y="-3917138"/>
            <a:ext cx="14840962" cy="11642818"/>
            <a:chOff x="-845114" y="-4636789"/>
            <a:chExt cx="14840962" cy="11642818"/>
          </a:xfrm>
          <a:solidFill>
            <a:schemeClr val="tx2">
              <a:alpha val="10000"/>
            </a:schemeClr>
          </a:solidFill>
        </p:grpSpPr>
        <p:sp>
          <p:nvSpPr>
            <p:cNvPr id="3" name="Freeform: Shape 110">
              <a:extLst>
                <a:ext uri="{FF2B5EF4-FFF2-40B4-BE49-F238E27FC236}">
                  <a16:creationId xmlns:a16="http://schemas.microsoft.com/office/drawing/2014/main" id="{BB12E97E-20C9-1445-86C2-A74B8C59DCA9}"/>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3C3AAC31-A84C-C24D-8F96-D54DD6254EF4}"/>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BF29E7CB-4E13-B245-8780-B5DF81CB730C}"/>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A972602-8312-E74B-B760-6BA49F5C1BE5}"/>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BA29B718-92F3-F144-8EDD-09A18F18AA7C}"/>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2A33191C-F955-8047-9553-41AF3CA03A77}"/>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1FBA5CBE-2C88-684A-840F-BE806F0D42CF}"/>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595CB3CF-2C10-9743-8C43-7A636BB956F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758E9EE1-E1C8-7B4E-A371-EEA54F4735D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9F6CEF17-FD83-4A44-8552-486227BB879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B8A9B52E-21AF-3F4F-ABA4-D2E5CA391D2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B18956CA-E4E3-6747-BC91-C165D58FD822}"/>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AB6EE524-66CD-6846-8572-4AE358A92062}"/>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56422DD9-21BC-3942-8AB6-8303ECD67A5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60CC4C38-2E28-B248-B936-99223385CB50}"/>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1B1E02A-1FDE-F141-B3C1-068E9B67DC59}"/>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571BCE44-6745-904C-AE9C-7D7FB78C0C8E}"/>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B5D79E4A-D4F8-FA4C-AC65-0FED53DA4B35}"/>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B2447415-8797-E34B-9A8B-A466C57820A5}"/>
              </a:ext>
            </a:extLst>
          </p:cNvPr>
          <p:cNvGrpSpPr/>
          <p:nvPr userDrawn="1"/>
        </p:nvGrpSpPr>
        <p:grpSpPr>
          <a:xfrm rot="18900000">
            <a:off x="4516352" y="2605403"/>
            <a:ext cx="14840962" cy="11642818"/>
            <a:chOff x="-845114" y="-4636789"/>
            <a:chExt cx="14840962" cy="11642818"/>
          </a:xfrm>
          <a:solidFill>
            <a:schemeClr val="tx2">
              <a:alpha val="10000"/>
            </a:schemeClr>
          </a:solidFill>
        </p:grpSpPr>
        <p:sp>
          <p:nvSpPr>
            <p:cNvPr id="22" name="Freeform: Shape 110">
              <a:extLst>
                <a:ext uri="{FF2B5EF4-FFF2-40B4-BE49-F238E27FC236}">
                  <a16:creationId xmlns:a16="http://schemas.microsoft.com/office/drawing/2014/main" id="{C3CCE971-2A63-E246-A558-1A88675B645E}"/>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5F2082F7-6DC1-8D4D-863F-943F684CC12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E59B9AAC-1BCC-A449-8160-244E2C61BC5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A2C4366B-415F-7C4C-A58C-8C8B7BE34EF9}"/>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163C8545-692A-5143-94A3-614568FA7582}"/>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7D33F730-D6E9-8C45-9FBF-677922D442F6}"/>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DBDAF66F-D349-CA46-8785-3F3A3F4589C8}"/>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67BA17E1-CB29-A146-A599-94DD61CECFEF}"/>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07264EBF-39FE-CC4E-A545-EA1209CC106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24DE83C5-EA57-4C4B-9047-13FBC8A50CE4}"/>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5E583F5B-EA3A-CF47-9831-2326B9542DF4}"/>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1ACE480B-8528-3444-B472-99DF733E4136}"/>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2B597846-C2AB-5645-8556-0E3A81E45A46}"/>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DE416A71-DF5A-4944-955B-769C430C0FF5}"/>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F01F9FED-53CB-174C-9D05-01FF2FA14CE2}"/>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6A9218D-685C-FE4B-BDE0-99D762D1F152}"/>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21490FD1-71AB-D149-8DED-B3B85E0C7A58}"/>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FBFB4BA2-B8CD-BB48-AB8E-5C50CB4941BB}"/>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177026618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1_Grey Background">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3734357"/>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GB" noProof="0"/>
              <a:t>Click to add sub-title</a:t>
            </a:r>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a:stretch>
            <a:fillRect/>
          </a:stretch>
        </p:blipFill>
        <p:spPr>
          <a:xfrm>
            <a:off x="0" y="6781800"/>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GB" noProof="0"/>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7" name="Footer Placeholder 3">
            <a:extLst>
              <a:ext uri="{FF2B5EF4-FFF2-40B4-BE49-F238E27FC236}">
                <a16:creationId xmlns:a16="http://schemas.microsoft.com/office/drawing/2014/main" id="{B21DA22D-F24E-7843-8891-0DCFF30CDD05}"/>
              </a:ext>
            </a:extLst>
          </p:cNvPr>
          <p:cNvSpPr>
            <a:spLocks noGrp="1"/>
          </p:cNvSpPr>
          <p:nvPr>
            <p:ph type="ftr" sz="quarter" idx="3"/>
          </p:nvPr>
        </p:nvSpPr>
        <p:spPr>
          <a:xfrm>
            <a:off x="819632" y="6144577"/>
            <a:ext cx="4114800" cy="365125"/>
          </a:xfrm>
          <a:prstGeom prst="rect">
            <a:avLst/>
          </a:prstGeom>
          <a:noFill/>
        </p:spPr>
        <p:txBody>
          <a:bodyPr wrap="square" rtlCol="0" anchor="ctr">
            <a:noAutofit/>
          </a:bodyPr>
          <a:lstStyle>
            <a:lvl1pPr>
              <a:defRPr lang="en-US" sz="800">
                <a:solidFill>
                  <a:srgbClr val="000000"/>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     hexagon.com</a:t>
            </a:r>
          </a:p>
        </p:txBody>
      </p:sp>
    </p:spTree>
    <p:extLst>
      <p:ext uri="{BB962C8B-B14F-4D97-AF65-F5344CB8AC3E}">
        <p14:creationId xmlns:p14="http://schemas.microsoft.com/office/powerpoint/2010/main" val="1421347441"/>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54431" y="-7481"/>
            <a:ext cx="7714804"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14804" h="6879771">
                <a:moveTo>
                  <a:pt x="0" y="0"/>
                </a:moveTo>
                <a:lnTo>
                  <a:pt x="7714804" y="9902"/>
                </a:lnTo>
                <a:cubicBezTo>
                  <a:pt x="7066619" y="2299318"/>
                  <a:pt x="6476388" y="4543605"/>
                  <a:pt x="5770248" y="6878150"/>
                </a:cubicBezTo>
                <a:lnTo>
                  <a:pt x="3629" y="6879771"/>
                </a:lnTo>
                <a:lnTo>
                  <a:pt x="3629" y="3476171"/>
                </a:lnTo>
                <a:cubicBezTo>
                  <a:pt x="2419" y="2317447"/>
                  <a:pt x="1210" y="1158724"/>
                  <a:pt x="0"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44391213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5_Breaker 3 with Image">
    <p:spTree>
      <p:nvGrpSpPr>
        <p:cNvPr id="1" name=""/>
        <p:cNvGrpSpPr/>
        <p:nvPr/>
      </p:nvGrpSpPr>
      <p:grpSpPr>
        <a:xfrm>
          <a:off x="0" y="0"/>
          <a:ext cx="0" cy="0"/>
          <a:chOff x="0" y="0"/>
          <a:chExt cx="0" cy="0"/>
        </a:xfrm>
      </p:grpSpPr>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pic>
        <p:nvPicPr>
          <p:cNvPr id="8" name="Picture 7">
            <a:extLst>
              <a:ext uri="{FF2B5EF4-FFF2-40B4-BE49-F238E27FC236}">
                <a16:creationId xmlns:a16="http://schemas.microsoft.com/office/drawing/2014/main" id="{CDB6CEDE-0A83-584D-98A2-88E62A7E1822}"/>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Picture Placeholder 9">
            <a:extLst>
              <a:ext uri="{FF2B5EF4-FFF2-40B4-BE49-F238E27FC236}">
                <a16:creationId xmlns:a16="http://schemas.microsoft.com/office/drawing/2014/main" id="{E2F5712D-CCD9-6B49-9BEA-744715125B3A}"/>
              </a:ext>
            </a:extLst>
          </p:cNvPr>
          <p:cNvSpPr>
            <a:spLocks noGrp="1"/>
          </p:cNvSpPr>
          <p:nvPr>
            <p:ph type="pic" sz="quarter" idx="14"/>
          </p:nvPr>
        </p:nvSpPr>
        <p:spPr>
          <a:xfrm>
            <a:off x="-6817" y="-7482"/>
            <a:ext cx="5101790" cy="6869989"/>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 name="connsiteX0" fmla="*/ 0 w 10011229"/>
              <a:gd name="connsiteY0" fmla="*/ 0 h 6879771"/>
              <a:gd name="connsiteX1" fmla="*/ 10011229 w 10011229"/>
              <a:gd name="connsiteY1" fmla="*/ 5450 h 6879771"/>
              <a:gd name="connsiteX2" fmla="*/ 1759858 w 10011229"/>
              <a:gd name="connsiteY2" fmla="*/ 6865257 h 6879771"/>
              <a:gd name="connsiteX3" fmla="*/ 3629 w 10011229"/>
              <a:gd name="connsiteY3" fmla="*/ 6879771 h 6879771"/>
              <a:gd name="connsiteX4" fmla="*/ 3629 w 10011229"/>
              <a:gd name="connsiteY4" fmla="*/ 3476171 h 6879771"/>
              <a:gd name="connsiteX5" fmla="*/ 0 w 10011229"/>
              <a:gd name="connsiteY5" fmla="*/ 0 h 6879771"/>
              <a:gd name="connsiteX0" fmla="*/ 0 w 8095344"/>
              <a:gd name="connsiteY0" fmla="*/ 0 h 6879771"/>
              <a:gd name="connsiteX1" fmla="*/ 8095344 w 8095344"/>
              <a:gd name="connsiteY1" fmla="*/ 38146 h 6879771"/>
              <a:gd name="connsiteX2" fmla="*/ 1759858 w 8095344"/>
              <a:gd name="connsiteY2" fmla="*/ 6865257 h 6879771"/>
              <a:gd name="connsiteX3" fmla="*/ 3629 w 8095344"/>
              <a:gd name="connsiteY3" fmla="*/ 6879771 h 6879771"/>
              <a:gd name="connsiteX4" fmla="*/ 3629 w 8095344"/>
              <a:gd name="connsiteY4" fmla="*/ 3476171 h 6879771"/>
              <a:gd name="connsiteX5" fmla="*/ 0 w 8095344"/>
              <a:gd name="connsiteY5" fmla="*/ 0 h 6879771"/>
              <a:gd name="connsiteX0" fmla="*/ 0 w 7747001"/>
              <a:gd name="connsiteY0" fmla="*/ 0 h 6879771"/>
              <a:gd name="connsiteX1" fmla="*/ 7747001 w 7747001"/>
              <a:gd name="connsiteY1" fmla="*/ 16349 h 6879771"/>
              <a:gd name="connsiteX2" fmla="*/ 1759858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47001"/>
              <a:gd name="connsiteY0" fmla="*/ 0 h 6879771"/>
              <a:gd name="connsiteX1" fmla="*/ 7747001 w 7747001"/>
              <a:gd name="connsiteY1" fmla="*/ 16349 h 6879771"/>
              <a:gd name="connsiteX2" fmla="*/ 5776687 w 7747001"/>
              <a:gd name="connsiteY2" fmla="*/ 6865257 h 6879771"/>
              <a:gd name="connsiteX3" fmla="*/ 3629 w 7747001"/>
              <a:gd name="connsiteY3" fmla="*/ 6879771 h 6879771"/>
              <a:gd name="connsiteX4" fmla="*/ 3629 w 7747001"/>
              <a:gd name="connsiteY4" fmla="*/ 3476171 h 6879771"/>
              <a:gd name="connsiteX5" fmla="*/ 0 w 7747001"/>
              <a:gd name="connsiteY5" fmla="*/ 0 h 6879771"/>
              <a:gd name="connsiteX0" fmla="*/ 0 w 7714804"/>
              <a:gd name="connsiteY0" fmla="*/ 0 h 6879771"/>
              <a:gd name="connsiteX1" fmla="*/ 7714804 w 7714804"/>
              <a:gd name="connsiteY1" fmla="*/ 9902 h 6879771"/>
              <a:gd name="connsiteX2" fmla="*/ 5776687 w 7714804"/>
              <a:gd name="connsiteY2" fmla="*/ 6865257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0 w 7714804"/>
              <a:gd name="connsiteY0" fmla="*/ 0 h 6879771"/>
              <a:gd name="connsiteX1" fmla="*/ 7714804 w 7714804"/>
              <a:gd name="connsiteY1" fmla="*/ 9902 h 6879771"/>
              <a:gd name="connsiteX2" fmla="*/ 5770248 w 7714804"/>
              <a:gd name="connsiteY2" fmla="*/ 6878150 h 6879771"/>
              <a:gd name="connsiteX3" fmla="*/ 3629 w 7714804"/>
              <a:gd name="connsiteY3" fmla="*/ 6879771 h 6879771"/>
              <a:gd name="connsiteX4" fmla="*/ 3629 w 7714804"/>
              <a:gd name="connsiteY4" fmla="*/ 3476171 h 6879771"/>
              <a:gd name="connsiteX5" fmla="*/ 0 w 7714804"/>
              <a:gd name="connsiteY5" fmla="*/ 0 h 6879771"/>
              <a:gd name="connsiteX0" fmla="*/ 2973747 w 7711176"/>
              <a:gd name="connsiteY0" fmla="*/ 626485 h 6869882"/>
              <a:gd name="connsiteX1" fmla="*/ 7711176 w 7711176"/>
              <a:gd name="connsiteY1" fmla="*/ 13 h 6869882"/>
              <a:gd name="connsiteX2" fmla="*/ 5766620 w 7711176"/>
              <a:gd name="connsiteY2" fmla="*/ 6868261 h 6869882"/>
              <a:gd name="connsiteX3" fmla="*/ 1 w 7711176"/>
              <a:gd name="connsiteY3" fmla="*/ 6869882 h 6869882"/>
              <a:gd name="connsiteX4" fmla="*/ 1 w 7711176"/>
              <a:gd name="connsiteY4" fmla="*/ 3466282 h 6869882"/>
              <a:gd name="connsiteX5" fmla="*/ 2973747 w 7711176"/>
              <a:gd name="connsiteY5" fmla="*/ 626485 h 6869882"/>
              <a:gd name="connsiteX0" fmla="*/ 2628059 w 7711176"/>
              <a:gd name="connsiteY0" fmla="*/ 0 h 6879771"/>
              <a:gd name="connsiteX1" fmla="*/ 7711176 w 7711176"/>
              <a:gd name="connsiteY1" fmla="*/ 9902 h 6879771"/>
              <a:gd name="connsiteX2" fmla="*/ 5766620 w 7711176"/>
              <a:gd name="connsiteY2" fmla="*/ 6878150 h 6879771"/>
              <a:gd name="connsiteX3" fmla="*/ 1 w 7711176"/>
              <a:gd name="connsiteY3" fmla="*/ 6879771 h 6879771"/>
              <a:gd name="connsiteX4" fmla="*/ 1 w 7711176"/>
              <a:gd name="connsiteY4" fmla="*/ 3476171 h 6879771"/>
              <a:gd name="connsiteX5" fmla="*/ 2628059 w 7711176"/>
              <a:gd name="connsiteY5" fmla="*/ 0 h 6879771"/>
              <a:gd name="connsiteX0" fmla="*/ 2628058 w 7711175"/>
              <a:gd name="connsiteY0" fmla="*/ 0 h 6879771"/>
              <a:gd name="connsiteX1" fmla="*/ 7711175 w 7711175"/>
              <a:gd name="connsiteY1" fmla="*/ 9902 h 6879771"/>
              <a:gd name="connsiteX2" fmla="*/ 5766619 w 7711175"/>
              <a:gd name="connsiteY2" fmla="*/ 6878150 h 6879771"/>
              <a:gd name="connsiteX3" fmla="*/ 0 w 7711175"/>
              <a:gd name="connsiteY3" fmla="*/ 6879771 h 6879771"/>
              <a:gd name="connsiteX4" fmla="*/ 2642839 w 7711175"/>
              <a:gd name="connsiteY4" fmla="*/ 3498500 h 6879771"/>
              <a:gd name="connsiteX5" fmla="*/ 2628058 w 7711175"/>
              <a:gd name="connsiteY5" fmla="*/ 0 h 6879771"/>
              <a:gd name="connsiteX0" fmla="*/ 0 w 5083117"/>
              <a:gd name="connsiteY0" fmla="*/ 0 h 6878150"/>
              <a:gd name="connsiteX1" fmla="*/ 5083117 w 5083117"/>
              <a:gd name="connsiteY1" fmla="*/ 9902 h 6878150"/>
              <a:gd name="connsiteX2" fmla="*/ 3138561 w 5083117"/>
              <a:gd name="connsiteY2" fmla="*/ 6878150 h 6878150"/>
              <a:gd name="connsiteX3" fmla="*/ 527737 w 5083117"/>
              <a:gd name="connsiteY3" fmla="*/ 6745797 h 6878150"/>
              <a:gd name="connsiteX4" fmla="*/ 14781 w 5083117"/>
              <a:gd name="connsiteY4" fmla="*/ 3498500 h 6878150"/>
              <a:gd name="connsiteX5" fmla="*/ 0 w 5083117"/>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33454 w 5101790"/>
              <a:gd name="connsiteY4" fmla="*/ 3498500 h 6878150"/>
              <a:gd name="connsiteX5" fmla="*/ 18673 w 5101790"/>
              <a:gd name="connsiteY5" fmla="*/ 0 h 6878150"/>
              <a:gd name="connsiteX0" fmla="*/ 18673 w 5101790"/>
              <a:gd name="connsiteY0" fmla="*/ 0 h 6878150"/>
              <a:gd name="connsiteX1" fmla="*/ 5101790 w 5101790"/>
              <a:gd name="connsiteY1" fmla="*/ 9902 h 6878150"/>
              <a:gd name="connsiteX2" fmla="*/ 3157234 w 5101790"/>
              <a:gd name="connsiteY2" fmla="*/ 6878150 h 6878150"/>
              <a:gd name="connsiteX3" fmla="*/ 0 w 5101790"/>
              <a:gd name="connsiteY3" fmla="*/ 6868606 h 6878150"/>
              <a:gd name="connsiteX4" fmla="*/ 11151 w 5101790"/>
              <a:gd name="connsiteY4" fmla="*/ 3453842 h 6878150"/>
              <a:gd name="connsiteX5" fmla="*/ 18673 w 5101790"/>
              <a:gd name="connsiteY5" fmla="*/ 0 h 6878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01790" h="6878150">
                <a:moveTo>
                  <a:pt x="18673" y="0"/>
                </a:moveTo>
                <a:lnTo>
                  <a:pt x="5101790" y="9902"/>
                </a:lnTo>
                <a:cubicBezTo>
                  <a:pt x="4453605" y="2299318"/>
                  <a:pt x="3863374" y="4543605"/>
                  <a:pt x="3157234" y="6878150"/>
                </a:cubicBezTo>
                <a:lnTo>
                  <a:pt x="0" y="6868606"/>
                </a:lnTo>
                <a:lnTo>
                  <a:pt x="11151" y="3453842"/>
                </a:lnTo>
                <a:cubicBezTo>
                  <a:pt x="9941" y="2295118"/>
                  <a:pt x="19883" y="1158724"/>
                  <a:pt x="18673" y="0"/>
                </a:cubicBez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60780738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tandard Breaker 1">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BD087FB-4B9E-9040-933A-83B4608E3C5E}"/>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32600CD5-86AD-AD47-838F-315CAB72C5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E361234-2009-5F49-A94D-176D83C575DA}"/>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chemeClr val="accent1"/>
              </a:gs>
              <a:gs pos="99000">
                <a:schemeClr val="accent4"/>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1153619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ndard Breaker 2">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57FDBA8-0996-B447-BE91-78AED977B5DB}"/>
              </a:ext>
            </a:extLst>
          </p:cNvPr>
          <p:cNvPicPr>
            <a:picLocks noChangeAspect="1"/>
          </p:cNvPicPr>
          <p:nvPr/>
        </p:nvPicPr>
        <p:blipFill>
          <a:blip r:embed="rId2"/>
          <a:stretch>
            <a:fillRect/>
          </a:stretch>
        </p:blipFill>
        <p:spPr>
          <a:xfrm>
            <a:off x="10452100" y="6130925"/>
            <a:ext cx="1130300" cy="350838"/>
          </a:xfrm>
          <a:prstGeom prst="rect">
            <a:avLst/>
          </a:prstGeom>
        </p:spPr>
      </p:pic>
      <p:pic>
        <p:nvPicPr>
          <p:cNvPr id="5" name="Picture 4">
            <a:extLst>
              <a:ext uri="{FF2B5EF4-FFF2-40B4-BE49-F238E27FC236}">
                <a16:creationId xmlns:a16="http://schemas.microsoft.com/office/drawing/2014/main" id="{9A242849-3B38-D247-BB76-04AF99100BE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5">
            <a:extLst>
              <a:ext uri="{FF2B5EF4-FFF2-40B4-BE49-F238E27FC236}">
                <a16:creationId xmlns:a16="http://schemas.microsoft.com/office/drawing/2014/main" id="{507629E7-A9DB-394F-9FEC-0CCEFD42577E}"/>
              </a:ext>
            </a:extLst>
          </p:cNvPr>
          <p:cNvSpPr/>
          <p:nvPr/>
        </p:nvSpPr>
        <p:spPr>
          <a:xfrm>
            <a:off x="0" y="-74613"/>
            <a:ext cx="4513263" cy="6932613"/>
          </a:xfrm>
          <a:custGeom>
            <a:avLst/>
            <a:gdLst>
              <a:gd name="connsiteX0" fmla="*/ 1718734 w 4512734"/>
              <a:gd name="connsiteY0" fmla="*/ 8467 h 6824133"/>
              <a:gd name="connsiteX1" fmla="*/ 4512734 w 4512734"/>
              <a:gd name="connsiteY1" fmla="*/ 6824133 h 6824133"/>
              <a:gd name="connsiteX2" fmla="*/ 0 w 4512734"/>
              <a:gd name="connsiteY2" fmla="*/ 6824133 h 6824133"/>
              <a:gd name="connsiteX3" fmla="*/ 0 w 4512734"/>
              <a:gd name="connsiteY3" fmla="*/ 0 h 6824133"/>
              <a:gd name="connsiteX4" fmla="*/ 1718734 w 4512734"/>
              <a:gd name="connsiteY4" fmla="*/ 8467 h 68241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12734" h="6824133">
                <a:moveTo>
                  <a:pt x="1718734" y="8467"/>
                </a:moveTo>
                <a:lnTo>
                  <a:pt x="4512734" y="6824133"/>
                </a:lnTo>
                <a:lnTo>
                  <a:pt x="0" y="6824133"/>
                </a:lnTo>
                <a:lnTo>
                  <a:pt x="0" y="0"/>
                </a:lnTo>
                <a:lnTo>
                  <a:pt x="1718734" y="8467"/>
                </a:lnTo>
                <a:close/>
              </a:path>
            </a:pathLst>
          </a:custGeom>
          <a:gradFill>
            <a:gsLst>
              <a:gs pos="0">
                <a:srgbClr val="A5CF67"/>
              </a:gs>
              <a:gs pos="99000">
                <a:schemeClr val="accent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11" name="Text Placeholder 36"/>
          <p:cNvSpPr>
            <a:spLocks noGrp="1"/>
          </p:cNvSpPr>
          <p:nvPr>
            <p:ph type="body" sz="quarter" idx="13"/>
          </p:nvPr>
        </p:nvSpPr>
        <p:spPr>
          <a:xfrm>
            <a:off x="7069788" y="5075428"/>
            <a:ext cx="4510830" cy="547450"/>
          </a:xfrm>
          <a:prstGeom prst="rect">
            <a:avLst/>
          </a:prstGeom>
        </p:spPr>
        <p:txBody>
          <a:bodyPr lIns="0" tIns="0" rIns="0" bIns="0" anchor="t" anchorCtr="0"/>
          <a:lstStyle>
            <a:lvl1pPr marL="0" indent="0">
              <a:buNone/>
              <a:defRPr sz="1800">
                <a:solidFill>
                  <a:schemeClr val="tx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69667" y="3707691"/>
            <a:ext cx="4512734" cy="1271588"/>
          </a:xfrm>
          <a:prstGeom prst="rect">
            <a:avLst/>
          </a:prstGeom>
        </p:spPr>
        <p:txBody>
          <a:bodyPr lIns="0" rIns="0" anchor="b" anchorCtr="0"/>
          <a:lstStyle>
            <a:lvl1pPr marL="0" indent="0">
              <a:buNone/>
              <a:defRPr sz="2400" b="1" i="0">
                <a:solidFill>
                  <a:schemeClr val="tx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42634762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DFAA1FA1-97CE-BE48-821D-602A19EC720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l="72237" b="37123"/>
          <a:stretch>
            <a:fillRect/>
          </a:stretch>
        </p:blipFill>
        <p:spPr bwMode="auto">
          <a:xfrm>
            <a:off x="8807450" y="0"/>
            <a:ext cx="3384550" cy="431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38389315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Agenda 1">
    <p:spTree>
      <p:nvGrpSpPr>
        <p:cNvPr id="1" name=""/>
        <p:cNvGrpSpPr/>
        <p:nvPr/>
      </p:nvGrpSpPr>
      <p:grpSpPr>
        <a:xfrm>
          <a:off x="0" y="0"/>
          <a:ext cx="0" cy="0"/>
          <a:chOff x="0" y="0"/>
          <a:chExt cx="0" cy="0"/>
        </a:xfrm>
      </p:grpSpPr>
      <p:pic>
        <p:nvPicPr>
          <p:cNvPr id="3" name="Picture 2" descr="Chart&#10;&#10;Description automatically generated with medium confidence">
            <a:extLst>
              <a:ext uri="{FF2B5EF4-FFF2-40B4-BE49-F238E27FC236}">
                <a16:creationId xmlns:a16="http://schemas.microsoft.com/office/drawing/2014/main" id="{AD15A8C5-A17C-0F42-A59E-F8EA0DC7516D}"/>
              </a:ext>
            </a:extLst>
          </p:cNvPr>
          <p:cNvPicPr>
            <a:picLocks noChangeAspect="1"/>
          </p:cNvPicPr>
          <p:nvPr userDrawn="1"/>
        </p:nvPicPr>
        <p:blipFill rotWithShape="1">
          <a:blip r:embed="rId2"/>
          <a:srcRect r="1312"/>
          <a:stretch/>
        </p:blipFill>
        <p:spPr>
          <a:xfrm>
            <a:off x="8916196" y="0"/>
            <a:ext cx="3275804" cy="4267201"/>
          </a:xfrm>
          <a:prstGeom prst="rect">
            <a:avLst/>
          </a:prstGeom>
        </p:spPr>
      </p:pic>
      <p:pic>
        <p:nvPicPr>
          <p:cNvPr id="4" name="Picture 3">
            <a:extLst>
              <a:ext uri="{FF2B5EF4-FFF2-40B4-BE49-F238E27FC236}">
                <a16:creationId xmlns:a16="http://schemas.microsoft.com/office/drawing/2014/main" id="{BCBB7377-5E34-0C4D-A57A-454E8E95F2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4A4DA7E9-0ADB-8D4E-AB87-8B73BF166C4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8867774"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5" name="Content Placeholder 2"/>
          <p:cNvSpPr>
            <a:spLocks noGrp="1"/>
          </p:cNvSpPr>
          <p:nvPr>
            <p:ph sz="quarter" idx="21"/>
          </p:nvPr>
        </p:nvSpPr>
        <p:spPr>
          <a:xfrm>
            <a:off x="609599" y="1663200"/>
            <a:ext cx="8867775"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Tree>
    <p:extLst>
      <p:ext uri="{BB962C8B-B14F-4D97-AF65-F5344CB8AC3E}">
        <p14:creationId xmlns:p14="http://schemas.microsoft.com/office/powerpoint/2010/main" val="117074201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pic>
        <p:nvPicPr>
          <p:cNvPr id="46" name="Picture 3">
            <a:extLst>
              <a:ext uri="{FF2B5EF4-FFF2-40B4-BE49-F238E27FC236}">
                <a16:creationId xmlns:a16="http://schemas.microsoft.com/office/drawing/2014/main" id="{B7683E06-7B7C-B64B-A224-497F329AB5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Picture 4">
            <a:extLst>
              <a:ext uri="{FF2B5EF4-FFF2-40B4-BE49-F238E27FC236}">
                <a16:creationId xmlns:a16="http://schemas.microsoft.com/office/drawing/2014/main" id="{F79217F5-ACFC-8E42-8DDF-2FD190E9A45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dirty="0"/>
          </a:p>
        </p:txBody>
      </p:sp>
      <p:sp>
        <p:nvSpPr>
          <p:cNvPr id="15" name="Text Placeholder 14"/>
          <p:cNvSpPr>
            <a:spLocks noGrp="1"/>
          </p:cNvSpPr>
          <p:nvPr>
            <p:ph type="body" sz="quarter" idx="10"/>
          </p:nvPr>
        </p:nvSpPr>
        <p:spPr>
          <a:xfrm>
            <a:off x="6096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Font typeface="Arial" panose="020B0604020202020204" pitchFamily="34" charset="0"/>
              <a:buNone/>
              <a:defRPr lang="en-US" sz="1600" b="1" smtClean="0">
                <a:solidFill>
                  <a:srgbClr val="000000"/>
                </a:solidFill>
                <a:latin typeface="Arial" panose="020B0604020202020204" pitchFamily="34" charset="0"/>
                <a:cs typeface="Arial" panose="020B0604020202020204" pitchFamily="34" charset="0"/>
              </a:defRPr>
            </a:lvl1pPr>
            <a:lvl2pPr>
              <a:defRPr lang="en-US" sz="1800" smtClean="0">
                <a:solidFill>
                  <a:schemeClr val="lt1"/>
                </a:solidFill>
              </a:defRPr>
            </a:lvl2pPr>
            <a:lvl3pPr>
              <a:defRPr lang="en-US" sz="1800" smtClean="0">
                <a:solidFill>
                  <a:schemeClr val="lt1"/>
                </a:solidFill>
              </a:defRPr>
            </a:lvl3pPr>
            <a:lvl4pPr>
              <a:defRPr lang="en-US" smtClean="0">
                <a:solidFill>
                  <a:schemeClr val="lt1"/>
                </a:solidFill>
              </a:defRPr>
            </a:lvl4pPr>
            <a:lvl5pPr>
              <a:defRPr lang="en-US">
                <a:solidFill>
                  <a:schemeClr val="lt1"/>
                </a:solidFill>
              </a:defRPr>
            </a:lvl5pPr>
          </a:lstStyle>
          <a:p>
            <a:pPr lvl="0"/>
            <a:r>
              <a:rPr lang="en-US" noProof="0"/>
              <a:t>Click to edit Master text styles</a:t>
            </a:r>
          </a:p>
        </p:txBody>
      </p:sp>
      <p:sp>
        <p:nvSpPr>
          <p:cNvPr id="17" name="Text Placeholder 14"/>
          <p:cNvSpPr>
            <a:spLocks noGrp="1"/>
          </p:cNvSpPr>
          <p:nvPr>
            <p:ph type="body" sz="quarter" idx="11"/>
          </p:nvPr>
        </p:nvSpPr>
        <p:spPr>
          <a:xfrm>
            <a:off x="6096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18" name="Text Placeholder 14"/>
          <p:cNvSpPr>
            <a:spLocks noGrp="1"/>
          </p:cNvSpPr>
          <p:nvPr>
            <p:ph type="body" sz="quarter" idx="12"/>
          </p:nvPr>
        </p:nvSpPr>
        <p:spPr>
          <a:xfrm>
            <a:off x="6096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9" name="Text Placeholder 14"/>
          <p:cNvSpPr>
            <a:spLocks noGrp="1"/>
          </p:cNvSpPr>
          <p:nvPr>
            <p:ph type="body" sz="quarter" idx="13"/>
          </p:nvPr>
        </p:nvSpPr>
        <p:spPr>
          <a:xfrm>
            <a:off x="6096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0" name="Text Placeholder 14"/>
          <p:cNvSpPr>
            <a:spLocks noGrp="1"/>
          </p:cNvSpPr>
          <p:nvPr>
            <p:ph type="body" sz="quarter" idx="14"/>
          </p:nvPr>
        </p:nvSpPr>
        <p:spPr>
          <a:xfrm>
            <a:off x="6096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1" name="Text Placeholder 14"/>
          <p:cNvSpPr>
            <a:spLocks noGrp="1"/>
          </p:cNvSpPr>
          <p:nvPr>
            <p:ph type="body" sz="quarter" idx="15"/>
          </p:nvPr>
        </p:nvSpPr>
        <p:spPr>
          <a:xfrm>
            <a:off x="6248400" y="1524000"/>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22" name="Text Placeholder 14"/>
          <p:cNvSpPr>
            <a:spLocks noGrp="1"/>
          </p:cNvSpPr>
          <p:nvPr>
            <p:ph type="body" sz="quarter" idx="16"/>
          </p:nvPr>
        </p:nvSpPr>
        <p:spPr>
          <a:xfrm>
            <a:off x="6248400" y="2435717"/>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3" name="Text Placeholder 14"/>
          <p:cNvSpPr>
            <a:spLocks noGrp="1"/>
          </p:cNvSpPr>
          <p:nvPr>
            <p:ph type="body" sz="quarter" idx="17"/>
          </p:nvPr>
        </p:nvSpPr>
        <p:spPr>
          <a:xfrm>
            <a:off x="6248400" y="5170869"/>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chemeClr val="tx1"/>
                </a:solidFill>
              </a:defRPr>
            </a:lvl1pPr>
          </a:lstStyle>
          <a:p>
            <a:pPr lvl="0"/>
            <a:r>
              <a:rPr lang="en-US" noProof="0"/>
              <a:t>Click to edit Master text styles</a:t>
            </a:r>
          </a:p>
        </p:txBody>
      </p:sp>
      <p:sp>
        <p:nvSpPr>
          <p:cNvPr id="24" name="Text Placeholder 14"/>
          <p:cNvSpPr>
            <a:spLocks noGrp="1"/>
          </p:cNvSpPr>
          <p:nvPr>
            <p:ph type="body" sz="quarter" idx="18"/>
          </p:nvPr>
        </p:nvSpPr>
        <p:spPr>
          <a:xfrm>
            <a:off x="6248400" y="4259151"/>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14"/>
          <p:cNvSpPr>
            <a:spLocks noGrp="1"/>
          </p:cNvSpPr>
          <p:nvPr>
            <p:ph type="body" sz="quarter" idx="19"/>
          </p:nvPr>
        </p:nvSpPr>
        <p:spPr>
          <a:xfrm>
            <a:off x="6248400" y="3347434"/>
            <a:ext cx="625736" cy="621840"/>
          </a:xfrm>
          <a:prstGeom prst="ellipse">
            <a:avLst/>
          </a:prstGeom>
          <a:gradFill>
            <a:gsLst>
              <a:gs pos="0">
                <a:schemeClr val="accent3"/>
              </a:gs>
              <a:gs pos="100000">
                <a:schemeClr val="accent1"/>
              </a:gs>
            </a:gsLst>
            <a:lin ang="5400000" scaled="1"/>
          </a:gradFill>
          <a:ln w="762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lvl1pPr marL="0" indent="0" algn="ctr">
              <a:buNone/>
              <a:defRPr lang="en-US" sz="1600" b="1" dirty="0">
                <a:solidFill>
                  <a:srgbClr val="000000"/>
                </a:solidFill>
              </a:defRPr>
            </a:lvl1pPr>
          </a:lstStyle>
          <a:p>
            <a:pPr lvl="0"/>
            <a:r>
              <a:rPr lang="en-US" noProof="0"/>
              <a:t>Click to edit Master text styles</a:t>
            </a:r>
          </a:p>
        </p:txBody>
      </p:sp>
      <p:sp>
        <p:nvSpPr>
          <p:cNvPr id="26" name="Text Placeholder 27"/>
          <p:cNvSpPr>
            <a:spLocks noGrp="1"/>
          </p:cNvSpPr>
          <p:nvPr>
            <p:ph type="body" sz="quarter" idx="20"/>
          </p:nvPr>
        </p:nvSpPr>
        <p:spPr>
          <a:xfrm>
            <a:off x="1400174"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7" name="Text Placeholder 27"/>
          <p:cNvSpPr>
            <a:spLocks noGrp="1"/>
          </p:cNvSpPr>
          <p:nvPr>
            <p:ph type="body" sz="quarter" idx="21"/>
          </p:nvPr>
        </p:nvSpPr>
        <p:spPr>
          <a:xfrm>
            <a:off x="1400174" y="1912825"/>
            <a:ext cx="4543426" cy="193899"/>
          </a:xfrm>
          <a:prstGeom prst="rect">
            <a:avLst/>
          </a:prstGeom>
        </p:spPr>
        <p:txBody>
          <a:bodyPr lIns="0" tIns="0" rIns="0" bIns="0" anchor="t">
            <a:noAutofit/>
          </a:bodyPr>
          <a:lstStyle>
            <a:lvl1pPr marL="0" indent="0">
              <a:buNone/>
              <a:defRPr sz="1200" b="0" baseline="0">
                <a:solidFill>
                  <a:srgbClr val="000000"/>
                </a:solidFill>
                <a:latin typeface="Arial" panose="020B0604020202020204" pitchFamily="34" charset="0"/>
              </a:defRPr>
            </a:lvl1pPr>
          </a:lstStyle>
          <a:p>
            <a:pPr lvl="0"/>
            <a:r>
              <a:rPr lang="en-US" noProof="0"/>
              <a:t>Click to edit Master text styles</a:t>
            </a:r>
          </a:p>
        </p:txBody>
      </p:sp>
      <p:sp>
        <p:nvSpPr>
          <p:cNvPr id="28" name="Text Placeholder 27"/>
          <p:cNvSpPr>
            <a:spLocks noGrp="1"/>
          </p:cNvSpPr>
          <p:nvPr>
            <p:ph type="body" sz="quarter" idx="22"/>
          </p:nvPr>
        </p:nvSpPr>
        <p:spPr>
          <a:xfrm>
            <a:off x="1400174"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27"/>
          <p:cNvSpPr>
            <a:spLocks noGrp="1"/>
          </p:cNvSpPr>
          <p:nvPr>
            <p:ph type="body" sz="quarter" idx="23"/>
          </p:nvPr>
        </p:nvSpPr>
        <p:spPr>
          <a:xfrm>
            <a:off x="1400174"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Text Placeholder 27"/>
          <p:cNvSpPr>
            <a:spLocks noGrp="1"/>
          </p:cNvSpPr>
          <p:nvPr>
            <p:ph type="body" sz="quarter" idx="24"/>
          </p:nvPr>
        </p:nvSpPr>
        <p:spPr>
          <a:xfrm>
            <a:off x="1400174"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1" name="Text Placeholder 27"/>
          <p:cNvSpPr>
            <a:spLocks noGrp="1"/>
          </p:cNvSpPr>
          <p:nvPr>
            <p:ph type="body" sz="quarter" idx="25"/>
          </p:nvPr>
        </p:nvSpPr>
        <p:spPr>
          <a:xfrm>
            <a:off x="1400174"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27"/>
          <p:cNvSpPr>
            <a:spLocks noGrp="1"/>
          </p:cNvSpPr>
          <p:nvPr>
            <p:ph type="body" sz="quarter" idx="26"/>
          </p:nvPr>
        </p:nvSpPr>
        <p:spPr>
          <a:xfrm>
            <a:off x="1400174"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27"/>
          <p:cNvSpPr>
            <a:spLocks noGrp="1"/>
          </p:cNvSpPr>
          <p:nvPr>
            <p:ph type="body" sz="quarter" idx="27"/>
          </p:nvPr>
        </p:nvSpPr>
        <p:spPr>
          <a:xfrm>
            <a:off x="1400174"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Text Placeholder 27"/>
          <p:cNvSpPr>
            <a:spLocks noGrp="1"/>
          </p:cNvSpPr>
          <p:nvPr>
            <p:ph type="body" sz="quarter" idx="28"/>
          </p:nvPr>
        </p:nvSpPr>
        <p:spPr>
          <a:xfrm>
            <a:off x="1400174"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5" name="Text Placeholder 27"/>
          <p:cNvSpPr>
            <a:spLocks noGrp="1"/>
          </p:cNvSpPr>
          <p:nvPr>
            <p:ph type="body" sz="quarter" idx="29"/>
          </p:nvPr>
        </p:nvSpPr>
        <p:spPr>
          <a:xfrm>
            <a:off x="1400174"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27"/>
          <p:cNvSpPr>
            <a:spLocks noGrp="1"/>
          </p:cNvSpPr>
          <p:nvPr>
            <p:ph type="body" sz="quarter" idx="30"/>
          </p:nvPr>
        </p:nvSpPr>
        <p:spPr>
          <a:xfrm>
            <a:off x="7038975" y="1574966"/>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37" name="Text Placeholder 27"/>
          <p:cNvSpPr>
            <a:spLocks noGrp="1"/>
          </p:cNvSpPr>
          <p:nvPr>
            <p:ph type="body" sz="quarter" idx="31"/>
          </p:nvPr>
        </p:nvSpPr>
        <p:spPr>
          <a:xfrm>
            <a:off x="7038975" y="1912825"/>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8" name="Text Placeholder 27"/>
          <p:cNvSpPr>
            <a:spLocks noGrp="1"/>
          </p:cNvSpPr>
          <p:nvPr>
            <p:ph type="body" sz="quarter" idx="32"/>
          </p:nvPr>
        </p:nvSpPr>
        <p:spPr>
          <a:xfrm>
            <a:off x="7038975" y="2514352"/>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9" name="Text Placeholder 27"/>
          <p:cNvSpPr>
            <a:spLocks noGrp="1"/>
          </p:cNvSpPr>
          <p:nvPr>
            <p:ph type="body" sz="quarter" idx="33"/>
          </p:nvPr>
        </p:nvSpPr>
        <p:spPr>
          <a:xfrm>
            <a:off x="7038975" y="2852211"/>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0" name="Text Placeholder 27"/>
          <p:cNvSpPr>
            <a:spLocks noGrp="1"/>
          </p:cNvSpPr>
          <p:nvPr>
            <p:ph type="body" sz="quarter" idx="34"/>
          </p:nvPr>
        </p:nvSpPr>
        <p:spPr>
          <a:xfrm>
            <a:off x="7038975" y="342496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1" name="Text Placeholder 27"/>
          <p:cNvSpPr>
            <a:spLocks noGrp="1"/>
          </p:cNvSpPr>
          <p:nvPr>
            <p:ph type="body" sz="quarter" idx="35"/>
          </p:nvPr>
        </p:nvSpPr>
        <p:spPr>
          <a:xfrm>
            <a:off x="7038975" y="376282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2" name="Text Placeholder 27"/>
          <p:cNvSpPr>
            <a:spLocks noGrp="1"/>
          </p:cNvSpPr>
          <p:nvPr>
            <p:ph type="body" sz="quarter" idx="36"/>
          </p:nvPr>
        </p:nvSpPr>
        <p:spPr>
          <a:xfrm>
            <a:off x="7038975" y="4312435"/>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3" name="Text Placeholder 27"/>
          <p:cNvSpPr>
            <a:spLocks noGrp="1"/>
          </p:cNvSpPr>
          <p:nvPr>
            <p:ph type="body" sz="quarter" idx="37"/>
          </p:nvPr>
        </p:nvSpPr>
        <p:spPr>
          <a:xfrm>
            <a:off x="7038975" y="4650294"/>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4" name="Text Placeholder 27"/>
          <p:cNvSpPr>
            <a:spLocks noGrp="1"/>
          </p:cNvSpPr>
          <p:nvPr>
            <p:ph type="body" sz="quarter" idx="38"/>
          </p:nvPr>
        </p:nvSpPr>
        <p:spPr>
          <a:xfrm>
            <a:off x="7038975" y="5253073"/>
            <a:ext cx="4543426" cy="323850"/>
          </a:xfrm>
          <a:prstGeom prst="rect">
            <a:avLst/>
          </a:prstGeom>
        </p:spPr>
        <p:txBody>
          <a:bodyPr lIns="0" tIns="0" rIns="0" bIns="0" anchor="t">
            <a:noAutofit/>
          </a:bodyPr>
          <a:lstStyle>
            <a:lvl1pPr marL="0" indent="0">
              <a:buNone/>
              <a:defRPr sz="18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5" name="Text Placeholder 27"/>
          <p:cNvSpPr>
            <a:spLocks noGrp="1"/>
          </p:cNvSpPr>
          <p:nvPr>
            <p:ph type="body" sz="quarter" idx="39"/>
          </p:nvPr>
        </p:nvSpPr>
        <p:spPr>
          <a:xfrm>
            <a:off x="7038975" y="5590932"/>
            <a:ext cx="4543426" cy="193899"/>
          </a:xfrm>
          <a:prstGeom prst="rect">
            <a:avLst/>
          </a:prstGeom>
        </p:spPr>
        <p:txBody>
          <a:bodyPr lIns="0" tIns="0" rIns="0" bIns="0" anchor="t">
            <a:noAutofit/>
          </a:bodyPr>
          <a:lstStyle>
            <a:lvl1pPr marL="0" indent="0">
              <a:buNone/>
              <a:defRPr sz="12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5543390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genda 3">
    <p:bg>
      <p:bgPr>
        <a:gradFill rotWithShape="0">
          <a:gsLst>
            <a:gs pos="80000">
              <a:srgbClr val="0F5F7E"/>
            </a:gs>
            <a:gs pos="1000">
              <a:srgbClr val="008CB1"/>
            </a:gs>
          </a:gsLst>
          <a:lin ang="3600000" scaled="0"/>
        </a:gradFill>
        <a:effectLst/>
      </p:bgPr>
    </p:bg>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2BCF5B06-3B3E-9043-8A26-1ADE45E014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itle 1"/>
          <p:cNvSpPr>
            <a:spLocks noGrp="1"/>
          </p:cNvSpPr>
          <p:nvPr>
            <p:ph type="title"/>
          </p:nvPr>
        </p:nvSpPr>
        <p:spPr>
          <a:xfrm>
            <a:off x="609600" y="609600"/>
            <a:ext cx="10974018" cy="410233"/>
          </a:xfrm>
          <a:prstGeom prst="rect">
            <a:avLst/>
          </a:prstGeom>
        </p:spPr>
        <p:txBody>
          <a:bodyPr lIns="0" tIns="0" rIns="0" bIns="0" anchor="t">
            <a:noAutofit/>
          </a:bodyPr>
          <a:lstStyle>
            <a:lvl1pPr>
              <a:defRPr lang="en-US" sz="2400" b="1" dirty="0">
                <a:solidFill>
                  <a:srgbClr val="FFFFFF"/>
                </a:solidFill>
                <a:latin typeface="Arial" panose="020B0604020202020204" pitchFamily="34" charset="0"/>
                <a:cs typeface="Arial" panose="020B0604020202020204" pitchFamily="34" charset="0"/>
              </a:defRPr>
            </a:lvl1pPr>
          </a:lstStyle>
          <a:p>
            <a:pPr lvl="0"/>
            <a:r>
              <a:rPr lang="en-US" noProof="0"/>
              <a:t>Click to edit Master title style</a:t>
            </a:r>
            <a:endParaRPr lang="en-GB" noProof="0"/>
          </a:p>
        </p:txBody>
      </p:sp>
      <p:sp>
        <p:nvSpPr>
          <p:cNvPr id="31" name="Content Placeholder 2"/>
          <p:cNvSpPr>
            <a:spLocks noGrp="1"/>
          </p:cNvSpPr>
          <p:nvPr>
            <p:ph sz="quarter" idx="24"/>
          </p:nvPr>
        </p:nvSpPr>
        <p:spPr>
          <a:xfrm>
            <a:off x="609600"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3" name="Content Placeholder 2"/>
          <p:cNvSpPr>
            <a:spLocks noGrp="1"/>
          </p:cNvSpPr>
          <p:nvPr>
            <p:ph sz="quarter" idx="25"/>
          </p:nvPr>
        </p:nvSpPr>
        <p:spPr>
          <a:xfrm>
            <a:off x="2852471" y="3051017"/>
            <a:ext cx="2002536" cy="2695027"/>
          </a:xfrm>
          <a:prstGeom prst="rect">
            <a:avLst/>
          </a:prstGeom>
        </p:spPr>
        <p:txBody>
          <a:bodyPr lIns="0" tIns="0" rIns="0" bIns="0"/>
          <a:lstStyle>
            <a:lvl1pPr marL="231775" indent="-231775">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defRPr sz="1100">
                <a:solidFill>
                  <a:srgbClr val="FFFFFF"/>
                </a:solidFill>
                <a:latin typeface="Arial" panose="020B0604020202020204" pitchFamily="34" charset="0"/>
                <a:cs typeface="Arial" panose="020B0604020202020204" pitchFamily="34" charset="0"/>
              </a:defRPr>
            </a:lvl4pPr>
            <a:lvl5pPr marL="1146175" indent="-231775">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4" name="Content Placeholder 2"/>
          <p:cNvSpPr>
            <a:spLocks noGrp="1"/>
          </p:cNvSpPr>
          <p:nvPr>
            <p:ph sz="quarter" idx="26"/>
          </p:nvPr>
        </p:nvSpPr>
        <p:spPr>
          <a:xfrm>
            <a:off x="509534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5" name="Content Placeholder 2"/>
          <p:cNvSpPr>
            <a:spLocks noGrp="1"/>
          </p:cNvSpPr>
          <p:nvPr>
            <p:ph sz="quarter" idx="27"/>
          </p:nvPr>
        </p:nvSpPr>
        <p:spPr>
          <a:xfrm>
            <a:off x="7338213"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36" name="Content Placeholder 2"/>
          <p:cNvSpPr>
            <a:spLocks noGrp="1"/>
          </p:cNvSpPr>
          <p:nvPr>
            <p:ph sz="quarter" idx="28"/>
          </p:nvPr>
        </p:nvSpPr>
        <p:spPr>
          <a:xfrm>
            <a:off x="9581082" y="3051017"/>
            <a:ext cx="2002536" cy="2695027"/>
          </a:xfrm>
          <a:prstGeom prst="rect">
            <a:avLst/>
          </a:prstGeom>
        </p:spPr>
        <p:txBody>
          <a:bodyPr lIns="0" tIns="0" rIns="0" bIns="0"/>
          <a:lstStyle>
            <a:lvl1pPr marL="231775" indent="-231775">
              <a:spcBef>
                <a:spcPts val="500"/>
              </a:spcBef>
              <a:buFont typeface="Arial" panose="020B0604020202020204" pitchFamily="34" charset="0"/>
              <a:buChar char="•"/>
              <a:defRPr sz="1200">
                <a:solidFill>
                  <a:srgbClr val="FFFFFF"/>
                </a:solidFill>
                <a:latin typeface="Arial" panose="020B0604020202020204" pitchFamily="34" charset="0"/>
                <a:cs typeface="Arial" panose="020B0604020202020204" pitchFamily="34" charset="0"/>
              </a:defRPr>
            </a:lvl1pPr>
            <a:lvl2pPr marL="465138" indent="-233363">
              <a:spcBef>
                <a:spcPts val="500"/>
              </a:spcBef>
              <a:defRPr sz="1200">
                <a:solidFill>
                  <a:srgbClr val="FFFFFF"/>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100">
                <a:solidFill>
                  <a:srgbClr val="FFFFFF"/>
                </a:solidFill>
                <a:latin typeface="Arial" panose="020B0604020202020204" pitchFamily="34" charset="0"/>
                <a:cs typeface="Arial" panose="020B0604020202020204" pitchFamily="34" charset="0"/>
              </a:defRPr>
            </a:lvl3pPr>
            <a:lvl4pPr marL="914400" indent="-231775">
              <a:spcBef>
                <a:spcPts val="500"/>
              </a:spcBef>
              <a:defRPr sz="1100">
                <a:solidFill>
                  <a:srgbClr val="FFFFFF"/>
                </a:solidFill>
                <a:latin typeface="Arial" panose="020B0604020202020204" pitchFamily="34" charset="0"/>
                <a:cs typeface="Arial" panose="020B0604020202020204" pitchFamily="34" charset="0"/>
              </a:defRPr>
            </a:lvl4pPr>
            <a:lvl5pPr marL="1146175" indent="-231775">
              <a:spcBef>
                <a:spcPts val="500"/>
              </a:spcBef>
              <a:defRPr sz="1100">
                <a:solidFill>
                  <a:srgbClr val="FFFFFF"/>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15" name="Text Placeholder 2"/>
          <p:cNvSpPr>
            <a:spLocks noGrp="1"/>
          </p:cNvSpPr>
          <p:nvPr>
            <p:ph type="body" sz="quarter" idx="29"/>
          </p:nvPr>
        </p:nvSpPr>
        <p:spPr>
          <a:xfrm>
            <a:off x="609600"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0"/>
          </p:nvPr>
        </p:nvSpPr>
        <p:spPr>
          <a:xfrm>
            <a:off x="2852471"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31"/>
          </p:nvPr>
        </p:nvSpPr>
        <p:spPr>
          <a:xfrm>
            <a:off x="5094732"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5" name="Text Placeholder 2"/>
          <p:cNvSpPr>
            <a:spLocks noGrp="1"/>
          </p:cNvSpPr>
          <p:nvPr>
            <p:ph type="body" sz="quarter" idx="32"/>
          </p:nvPr>
        </p:nvSpPr>
        <p:spPr>
          <a:xfrm>
            <a:off x="733821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3"/>
          </p:nvPr>
        </p:nvSpPr>
        <p:spPr>
          <a:xfrm>
            <a:off x="9579864" y="2313186"/>
            <a:ext cx="2002535" cy="639733"/>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0618946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7C8DA8E9-A285-2D49-BA25-BE2E284CEF6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3175"/>
            <a:ext cx="12192000" cy="685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A8B66EFC-5986-414C-B490-FA9BE27E53C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66025" y="1644650"/>
            <a:ext cx="2662238" cy="827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0" name="Picture Placeholder 39"/>
          <p:cNvSpPr>
            <a:spLocks noGrp="1"/>
          </p:cNvSpPr>
          <p:nvPr>
            <p:ph type="pic" sz="quarter" idx="12"/>
          </p:nvPr>
        </p:nvSpPr>
        <p:spPr>
          <a:xfrm>
            <a:off x="0" y="3175"/>
            <a:ext cx="5169289" cy="6858000"/>
          </a:xfrm>
          <a:custGeom>
            <a:avLst/>
            <a:gdLst>
              <a:gd name="connsiteX0" fmla="*/ 0 w 5169289"/>
              <a:gd name="connsiteY0" fmla="*/ 0 h 6858000"/>
              <a:gd name="connsiteX1" fmla="*/ 2457881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69289" h="6858000">
                <a:moveTo>
                  <a:pt x="0" y="0"/>
                </a:moveTo>
                <a:lnTo>
                  <a:pt x="2457881" y="0"/>
                </a:lnTo>
                <a:lnTo>
                  <a:pt x="5169289" y="6858000"/>
                </a:lnTo>
                <a:lnTo>
                  <a:pt x="2133271" y="6858000"/>
                </a:lnTo>
                <a:lnTo>
                  <a:pt x="0" y="5177443"/>
                </a:lnTo>
                <a:close/>
              </a:path>
            </a:pathLst>
          </a:custGeom>
          <a:solidFill>
            <a:schemeClr val="bg2"/>
          </a:solidFill>
        </p:spPr>
        <p:txBody>
          <a:bodyPr wrap="square">
            <a:noAutofit/>
          </a:bodyPr>
          <a:lstStyle>
            <a:lvl1pPr marL="0" indent="0">
              <a:buNone/>
              <a:defRPr sz="2000"/>
            </a:lvl1pPr>
          </a:lstStyle>
          <a:p>
            <a:pPr lvl="0"/>
            <a:endParaRPr lang="en-US" noProof="0" dirty="0"/>
          </a:p>
        </p:txBody>
      </p:sp>
      <p:sp>
        <p:nvSpPr>
          <p:cNvPr id="8" name="Text Placeholder 6"/>
          <p:cNvSpPr>
            <a:spLocks noGrp="1"/>
          </p:cNvSpPr>
          <p:nvPr>
            <p:ph type="body" sz="quarter" idx="11"/>
          </p:nvPr>
        </p:nvSpPr>
        <p:spPr>
          <a:xfrm>
            <a:off x="7924800" y="3078863"/>
            <a:ext cx="3657600" cy="1271588"/>
          </a:xfrm>
          <a:prstGeom prst="rect">
            <a:avLst/>
          </a:prstGeom>
        </p:spPr>
        <p:txBody>
          <a:bodyPr lIns="0" rIns="0"/>
          <a:lstStyle>
            <a:lvl1pPr marL="0" indent="0">
              <a:buNone/>
              <a:defRPr sz="2400" b="1" i="0">
                <a:solidFill>
                  <a:srgbClr val="000000"/>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9" name="Text Placeholder 36"/>
          <p:cNvSpPr>
            <a:spLocks noGrp="1"/>
          </p:cNvSpPr>
          <p:nvPr>
            <p:ph type="body" sz="quarter" idx="13"/>
          </p:nvPr>
        </p:nvSpPr>
        <p:spPr>
          <a:xfrm>
            <a:off x="7924640" y="4349320"/>
            <a:ext cx="3655977" cy="310896"/>
          </a:xfrm>
          <a:prstGeom prst="rect">
            <a:avLst/>
          </a:prstGeom>
        </p:spPr>
        <p:txBody>
          <a:bodyPr lIns="0" tIns="0" rIns="0" bIns="0" anchor="ctr" anchorCtr="0"/>
          <a:lstStyle>
            <a:lvl1pPr marL="0" indent="0">
              <a:buNone/>
              <a:defRPr sz="1400">
                <a:solidFill>
                  <a:srgbClr val="000000"/>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Graphic 7">
            <a:extLst>
              <a:ext uri="{FF2B5EF4-FFF2-40B4-BE49-F238E27FC236}">
                <a16:creationId xmlns:a16="http://schemas.microsoft.com/office/drawing/2014/main" id="{6950CCA2-EC62-7341-8662-A223226A2845}"/>
              </a:ext>
            </a:extLst>
          </p:cNvPr>
          <p:cNvSpPr/>
          <p:nvPr/>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376208094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_Title / Content">
    <p:bg>
      <p:bgPr>
        <a:gradFill>
          <a:gsLst>
            <a:gs pos="0">
              <a:schemeClr val="accent1"/>
            </a:gs>
            <a:gs pos="69000">
              <a:schemeClr val="accent4"/>
            </a:gs>
          </a:gsLst>
          <a:lin ang="36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421217684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cs typeface="Arial" panose="020B0604020202020204" pitchFamily="34" charset="0"/>
              </a:rPr>
              <a:pPr eaLnBrk="1" hangingPunct="1"/>
              <a:t>‹#›</a:t>
            </a:fld>
            <a:endParaRPr lang="en-GB" altLang="en-US" sz="800">
              <a:solidFill>
                <a:schemeClr val="bg1"/>
              </a:solidFill>
              <a:cs typeface="Arial" panose="020B0604020202020204" pitchFamily="34" charset="0"/>
            </a:endParaRPr>
          </a:p>
        </p:txBody>
      </p:sp>
      <p:sp>
        <p:nvSpPr>
          <p:cNvPr id="10" name="TextBox 6">
            <a:extLst>
              <a:ext uri="{FF2B5EF4-FFF2-40B4-BE49-F238E27FC236}">
                <a16:creationId xmlns:a16="http://schemas.microsoft.com/office/drawing/2014/main" id="{7E274FDE-A30F-449C-B347-FEDCAB0B8355}"/>
              </a:ext>
            </a:extLst>
          </p:cNvPr>
          <p:cNvSpPr txBox="1">
            <a:spLocks noChangeArrowheads="1"/>
          </p:cNvSpPr>
          <p:nvPr userDrawn="1"/>
        </p:nvSpPr>
        <p:spPr bwMode="auto">
          <a:xfrm>
            <a:off x="819150" y="6223000"/>
            <a:ext cx="976313" cy="215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r>
              <a:rPr lang="en-US" altLang="en-US" sz="800">
                <a:solidFill>
                  <a:schemeClr val="bg1"/>
                </a:solidFill>
                <a:cs typeface="Arial" panose="020B0604020202020204" pitchFamily="34" charset="0"/>
              </a:rPr>
              <a:t>|     hexagon.com</a:t>
            </a:r>
          </a:p>
        </p:txBody>
      </p:sp>
    </p:spTree>
    <p:extLst>
      <p:ext uri="{BB962C8B-B14F-4D97-AF65-F5344CB8AC3E}">
        <p14:creationId xmlns:p14="http://schemas.microsoft.com/office/powerpoint/2010/main" val="103135514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A0EC48A4-8D3C-FE47-B113-AB05283570D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Tree>
    <p:extLst>
      <p:ext uri="{BB962C8B-B14F-4D97-AF65-F5344CB8AC3E}">
        <p14:creationId xmlns:p14="http://schemas.microsoft.com/office/powerpoint/2010/main" val="355660779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 Content with Section Heading">
    <p:spTree>
      <p:nvGrpSpPr>
        <p:cNvPr id="1" name=""/>
        <p:cNvGrpSpPr/>
        <p:nvPr/>
      </p:nvGrpSpPr>
      <p:grpSpPr>
        <a:xfrm>
          <a:off x="0" y="0"/>
          <a:ext cx="0" cy="0"/>
          <a:chOff x="0" y="0"/>
          <a:chExt cx="0" cy="0"/>
        </a:xfrm>
      </p:grpSpPr>
      <p:pic>
        <p:nvPicPr>
          <p:cNvPr id="6" name="Picture 3">
            <a:extLst>
              <a:ext uri="{FF2B5EF4-FFF2-40B4-BE49-F238E27FC236}">
                <a16:creationId xmlns:a16="http://schemas.microsoft.com/office/drawing/2014/main" id="{B2069EAC-1205-3C44-B383-703187883B0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4">
            <a:extLst>
              <a:ext uri="{FF2B5EF4-FFF2-40B4-BE49-F238E27FC236}">
                <a16:creationId xmlns:a16="http://schemas.microsoft.com/office/drawing/2014/main" id="{1FCA22BF-4FA1-E640-A058-B95944BBB3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5">
            <a:extLst>
              <a:ext uri="{FF2B5EF4-FFF2-40B4-BE49-F238E27FC236}">
                <a16:creationId xmlns:a16="http://schemas.microsoft.com/office/drawing/2014/main" id="{6C1D64D0-150F-1141-94A4-3CBC9EF7AB5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0" y="139700"/>
            <a:ext cx="503238" cy="1746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8" name="Text Placeholder 7"/>
          <p:cNvSpPr>
            <a:spLocks noGrp="1"/>
          </p:cNvSpPr>
          <p:nvPr>
            <p:ph type="body" sz="quarter" idx="22"/>
          </p:nvPr>
        </p:nvSpPr>
        <p:spPr>
          <a:xfrm>
            <a:off x="609600" y="139738"/>
            <a:ext cx="4549453" cy="410233"/>
          </a:xfrm>
          <a:prstGeom prst="rect">
            <a:avLst/>
          </a:prstGeom>
        </p:spPr>
        <p:txBody>
          <a:bodyPr lIns="0" rIns="0" anchor="t"/>
          <a:lstStyle>
            <a:lvl1pPr marL="0" indent="0">
              <a:buFontTx/>
              <a:buNone/>
              <a:defRPr sz="11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26400"/>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91723979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Title / 2 Content">
    <p:spTree>
      <p:nvGrpSpPr>
        <p:cNvPr id="1" name=""/>
        <p:cNvGrpSpPr/>
        <p:nvPr/>
      </p:nvGrpSpPr>
      <p:grpSpPr>
        <a:xfrm>
          <a:off x="0" y="0"/>
          <a:ext cx="0" cy="0"/>
          <a:chOff x="0" y="0"/>
          <a:chExt cx="0" cy="0"/>
        </a:xfrm>
      </p:grpSpPr>
      <p:pic>
        <p:nvPicPr>
          <p:cNvPr id="8" name="Picture 3">
            <a:extLst>
              <a:ext uri="{FF2B5EF4-FFF2-40B4-BE49-F238E27FC236}">
                <a16:creationId xmlns:a16="http://schemas.microsoft.com/office/drawing/2014/main" id="{D39EF889-7E78-4446-8D9F-7E5F07EC6EB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4">
            <a:extLst>
              <a:ext uri="{FF2B5EF4-FFF2-40B4-BE49-F238E27FC236}">
                <a16:creationId xmlns:a16="http://schemas.microsoft.com/office/drawing/2014/main" id="{AC909C7F-0C59-2548-9A2A-EBCEEDA2B84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6226629"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Text Placeholder 2"/>
          <p:cNvSpPr>
            <a:spLocks noGrp="1"/>
          </p:cNvSpPr>
          <p:nvPr>
            <p:ph type="body" sz="quarter" idx="25"/>
          </p:nvPr>
        </p:nvSpPr>
        <p:spPr>
          <a:xfrm>
            <a:off x="609600"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19" name="Text Placeholder 2"/>
          <p:cNvSpPr>
            <a:spLocks noGrp="1"/>
          </p:cNvSpPr>
          <p:nvPr>
            <p:ph type="body" sz="quarter" idx="26"/>
          </p:nvPr>
        </p:nvSpPr>
        <p:spPr>
          <a:xfrm>
            <a:off x="6226629" y="1524002"/>
            <a:ext cx="5356225"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5893115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279625D4-7503-E745-B668-0E2D03E0A04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E1EBA1E-E238-CC48-9EA8-762DB1C5EA2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3481523"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2108778"/>
            <a:ext cx="3482195"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1" name="Text Placeholder 2"/>
          <p:cNvSpPr>
            <a:spLocks noGrp="1"/>
          </p:cNvSpPr>
          <p:nvPr>
            <p:ph type="body" sz="quarter" idx="25"/>
          </p:nvPr>
        </p:nvSpPr>
        <p:spPr>
          <a:xfrm>
            <a:off x="609601"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0"/>
          </p:nvPr>
        </p:nvSpPr>
        <p:spPr>
          <a:xfrm>
            <a:off x="4354568"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7" name="Text Placeholder 2"/>
          <p:cNvSpPr>
            <a:spLocks noGrp="1"/>
          </p:cNvSpPr>
          <p:nvPr>
            <p:ph type="body" sz="quarter" idx="31"/>
          </p:nvPr>
        </p:nvSpPr>
        <p:spPr>
          <a:xfrm>
            <a:off x="8100879" y="1524002"/>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1147097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4 Content">
    <p:spTree>
      <p:nvGrpSpPr>
        <p:cNvPr id="1" name=""/>
        <p:cNvGrpSpPr/>
        <p:nvPr/>
      </p:nvGrpSpPr>
      <p:grpSpPr>
        <a:xfrm>
          <a:off x="0" y="0"/>
          <a:ext cx="0" cy="0"/>
          <a:chOff x="0" y="0"/>
          <a:chExt cx="0" cy="0"/>
        </a:xfrm>
      </p:grpSpPr>
      <p:pic>
        <p:nvPicPr>
          <p:cNvPr id="13" name="Picture 3">
            <a:extLst>
              <a:ext uri="{FF2B5EF4-FFF2-40B4-BE49-F238E27FC236}">
                <a16:creationId xmlns:a16="http://schemas.microsoft.com/office/drawing/2014/main" id="{A6BFFB58-E71F-DB46-95FD-CE3FAE3519C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4">
            <a:extLst>
              <a:ext uri="{FF2B5EF4-FFF2-40B4-BE49-F238E27FC236}">
                <a16:creationId xmlns:a16="http://schemas.microsoft.com/office/drawing/2014/main" id="{958EC235-724C-FC4A-905B-14D20FC19FB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7" name="Content Placeholder 2"/>
          <p:cNvSpPr>
            <a:spLocks noGrp="1"/>
          </p:cNvSpPr>
          <p:nvPr>
            <p:ph sz="quarter" idx="35"/>
          </p:nvPr>
        </p:nvSpPr>
        <p:spPr>
          <a:xfrm>
            <a:off x="3390889"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9" name="Content Placeholder 2"/>
          <p:cNvSpPr>
            <a:spLocks noGrp="1"/>
          </p:cNvSpPr>
          <p:nvPr>
            <p:ph sz="quarter" idx="37"/>
          </p:nvPr>
        </p:nvSpPr>
        <p:spPr>
          <a:xfrm>
            <a:off x="6172178"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1" name="Content Placeholder 2"/>
          <p:cNvSpPr>
            <a:spLocks noGrp="1"/>
          </p:cNvSpPr>
          <p:nvPr>
            <p:ph sz="quarter" idx="39"/>
          </p:nvPr>
        </p:nvSpPr>
        <p:spPr>
          <a:xfrm>
            <a:off x="8953467" y="2108778"/>
            <a:ext cx="2615487"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0" name="Text Placeholder 2"/>
          <p:cNvSpPr>
            <a:spLocks noGrp="1"/>
          </p:cNvSpPr>
          <p:nvPr>
            <p:ph type="body" sz="quarter" idx="25"/>
          </p:nvPr>
        </p:nvSpPr>
        <p:spPr>
          <a:xfrm>
            <a:off x="609601"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40"/>
          </p:nvPr>
        </p:nvSpPr>
        <p:spPr>
          <a:xfrm>
            <a:off x="3390889"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41"/>
          </p:nvPr>
        </p:nvSpPr>
        <p:spPr>
          <a:xfrm>
            <a:off x="6172177"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3" name="Text Placeholder 2"/>
          <p:cNvSpPr>
            <a:spLocks noGrp="1"/>
          </p:cNvSpPr>
          <p:nvPr>
            <p:ph type="body" sz="quarter" idx="42"/>
          </p:nvPr>
        </p:nvSpPr>
        <p:spPr>
          <a:xfrm>
            <a:off x="8953465" y="1524002"/>
            <a:ext cx="2615486"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38907970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52CD12A-A035-A343-8011-C4B499FF3EC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B05E1DFF-58F7-7341-8AD1-AFE5C02BEF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24"/>
          </p:nvPr>
        </p:nvSpPr>
        <p:spPr>
          <a:xfrm>
            <a:off x="6226175" y="1524001"/>
            <a:ext cx="5356225" cy="4350671"/>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09601" y="1524002"/>
            <a:ext cx="5355770"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383165783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pic>
        <p:nvPicPr>
          <p:cNvPr id="7" name="Picture 3">
            <a:extLst>
              <a:ext uri="{FF2B5EF4-FFF2-40B4-BE49-F238E27FC236}">
                <a16:creationId xmlns:a16="http://schemas.microsoft.com/office/drawing/2014/main" id="{1A8BBD46-D6D1-A345-AB74-67A9DB4DD2D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4">
            <a:extLst>
              <a:ext uri="{FF2B5EF4-FFF2-40B4-BE49-F238E27FC236}">
                <a16:creationId xmlns:a16="http://schemas.microsoft.com/office/drawing/2014/main" id="{50E398DB-AAB5-D541-9341-5231C5A139F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226628" y="2108778"/>
            <a:ext cx="535577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defRPr sz="1400">
                <a:solidFill>
                  <a:srgbClr val="000000"/>
                </a:solidFill>
                <a:latin typeface="Arial" panose="020B0604020202020204" pitchFamily="34" charset="0"/>
                <a:cs typeface="Arial" panose="020B0604020202020204" pitchFamily="34" charset="0"/>
              </a:defRPr>
            </a:lvl4pPr>
            <a:lvl5pPr marL="1146175" indent="-231775">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Picture Placeholder 2"/>
          <p:cNvSpPr>
            <a:spLocks noGrp="1"/>
          </p:cNvSpPr>
          <p:nvPr>
            <p:ph type="pic" sz="quarter" idx="24"/>
          </p:nvPr>
        </p:nvSpPr>
        <p:spPr>
          <a:xfrm>
            <a:off x="609148" y="1524001"/>
            <a:ext cx="5356225" cy="4350671"/>
          </a:xfrm>
          <a:prstGeom prst="rect">
            <a:avLst/>
          </a:prstGeom>
        </p:spPr>
        <p:txBody>
          <a:bodyPr anchor="ctr"/>
          <a:lstStyle>
            <a:lvl1pPr marL="0" indent="0" algn="ctr">
              <a:buNone/>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2"/>
          <p:cNvSpPr>
            <a:spLocks noGrp="1"/>
          </p:cNvSpPr>
          <p:nvPr>
            <p:ph type="body" sz="quarter" idx="25"/>
          </p:nvPr>
        </p:nvSpPr>
        <p:spPr>
          <a:xfrm>
            <a:off x="6226628" y="1524002"/>
            <a:ext cx="5355771"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270390958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3 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AECFD17-6C57-7846-92D8-F140E2C0002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D390E60F-8339-F748-B9C1-7914326FC1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18" name="Content Placeholder 2"/>
          <p:cNvSpPr>
            <a:spLocks noGrp="1"/>
          </p:cNvSpPr>
          <p:nvPr>
            <p:ph sz="quarter" idx="21"/>
          </p:nvPr>
        </p:nvSpPr>
        <p:spPr>
          <a:xfrm>
            <a:off x="609600" y="4383315"/>
            <a:ext cx="3481523"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383315"/>
            <a:ext cx="3482195" cy="1495198"/>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9" name="Content Placeholder 2"/>
          <p:cNvSpPr>
            <a:spLocks noGrp="1"/>
          </p:cNvSpPr>
          <p:nvPr>
            <p:ph sz="quarter" idx="31"/>
          </p:nvPr>
        </p:nvSpPr>
        <p:spPr>
          <a:xfrm>
            <a:off x="609600" y="1524001"/>
            <a:ext cx="3481523"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
        <p:nvSpPr>
          <p:cNvPr id="20" name="Content Placeholder 2"/>
          <p:cNvSpPr>
            <a:spLocks noGrp="1"/>
          </p:cNvSpPr>
          <p:nvPr>
            <p:ph sz="quarter" idx="32"/>
          </p:nvPr>
        </p:nvSpPr>
        <p:spPr>
          <a:xfrm>
            <a:off x="8100205"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p:txBody>
      </p:sp>
      <p:sp>
        <p:nvSpPr>
          <p:cNvPr id="21" name="Content Placeholder 2"/>
          <p:cNvSpPr>
            <a:spLocks noGrp="1"/>
          </p:cNvSpPr>
          <p:nvPr>
            <p:ph sz="quarter" idx="33"/>
          </p:nvPr>
        </p:nvSpPr>
        <p:spPr>
          <a:xfrm>
            <a:off x="4354903" y="1524001"/>
            <a:ext cx="3482195" cy="2645445"/>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noProof="0"/>
              <a:t>Click to edit Master text styles</a:t>
            </a:r>
          </a:p>
        </p:txBody>
      </p:sp>
    </p:spTree>
    <p:extLst>
      <p:ext uri="{BB962C8B-B14F-4D97-AF65-F5344CB8AC3E}">
        <p14:creationId xmlns:p14="http://schemas.microsoft.com/office/powerpoint/2010/main" val="422902093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reaker 1">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5C9585-DE52-6F4F-BADE-01C34A782C3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5909651-6425-2E48-856D-4B9D3CEB83DB}"/>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6"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7"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13493134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creen Mockup">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3C9AAC01-0DC3-CF49-81DD-504451ED99C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0418CE0-4200-8B49-9B58-094F4C88ECA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5" descr="A picture containing display&#10;&#10;Description automatically generated">
            <a:extLst>
              <a:ext uri="{FF2B5EF4-FFF2-40B4-BE49-F238E27FC236}">
                <a16:creationId xmlns:a16="http://schemas.microsoft.com/office/drawing/2014/main" id="{D9AF2616-4A7B-FC4B-89BC-2B8643629A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703513" y="1541463"/>
            <a:ext cx="6784975"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9" name="Picture Placeholder 2"/>
          <p:cNvSpPr>
            <a:spLocks noGrp="1"/>
          </p:cNvSpPr>
          <p:nvPr>
            <p:ph type="pic" sz="quarter" idx="21"/>
          </p:nvPr>
        </p:nvSpPr>
        <p:spPr>
          <a:xfrm>
            <a:off x="3762375" y="1938567"/>
            <a:ext cx="4667250" cy="2628900"/>
          </a:xfrm>
          <a:prstGeom prst="rect">
            <a:avLst/>
          </a:prstGeom>
        </p:spPr>
        <p:txBody>
          <a:bodyPr anchor="ctr"/>
          <a:lstStyle>
            <a:lvl1pPr algn="ctr">
              <a:defRPr sz="16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Tree>
    <p:extLst>
      <p:ext uri="{BB962C8B-B14F-4D97-AF65-F5344CB8AC3E}">
        <p14:creationId xmlns:p14="http://schemas.microsoft.com/office/powerpoint/2010/main" val="119532578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 Job Title">
    <p:spTree>
      <p:nvGrpSpPr>
        <p:cNvPr id="1" name=""/>
        <p:cNvGrpSpPr/>
        <p:nvPr/>
      </p:nvGrpSpPr>
      <p:grpSpPr>
        <a:xfrm>
          <a:off x="0" y="0"/>
          <a:ext cx="0" cy="0"/>
          <a:chOff x="0" y="0"/>
          <a:chExt cx="0" cy="0"/>
        </a:xfrm>
      </p:grpSpPr>
      <p:pic>
        <p:nvPicPr>
          <p:cNvPr id="38" name="Picture 3">
            <a:extLst>
              <a:ext uri="{FF2B5EF4-FFF2-40B4-BE49-F238E27FC236}">
                <a16:creationId xmlns:a16="http://schemas.microsoft.com/office/drawing/2014/main" id="{86ECBB1E-B94B-A34E-AC5A-FEC6125293C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9" name="Picture 4">
            <a:extLst>
              <a:ext uri="{FF2B5EF4-FFF2-40B4-BE49-F238E27FC236}">
                <a16:creationId xmlns:a16="http://schemas.microsoft.com/office/drawing/2014/main" id="{27E87A6F-28FC-2A4D-B2C1-FD9CA9F41A9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000000"/>
                </a:solidFill>
                <a:latin typeface="Arial" panose="020B0604020202020204" pitchFamily="34" charset="0"/>
                <a:cs typeface="Arial" panose="020B0604020202020204" pitchFamily="34" charset="0"/>
              </a:defRPr>
            </a:lvl1pPr>
          </a:lstStyle>
          <a:p>
            <a:r>
              <a:rPr lang="en-US" noProof="0"/>
              <a:t>Click to edit Master title style</a:t>
            </a:r>
            <a:endParaRPr lang="en-GB" noProof="0" dirty="0"/>
          </a:p>
        </p:txBody>
      </p:sp>
      <p:sp>
        <p:nvSpPr>
          <p:cNvPr id="8" name="Picture Placeholder 2"/>
          <p:cNvSpPr>
            <a:spLocks noGrp="1"/>
          </p:cNvSpPr>
          <p:nvPr>
            <p:ph type="pic" sz="quarter" idx="21"/>
          </p:nvPr>
        </p:nvSpPr>
        <p:spPr>
          <a:xfrm>
            <a:off x="60960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9" name="Text Placeholder 6"/>
          <p:cNvSpPr>
            <a:spLocks noGrp="1"/>
          </p:cNvSpPr>
          <p:nvPr>
            <p:ph type="body" sz="quarter" idx="22"/>
          </p:nvPr>
        </p:nvSpPr>
        <p:spPr>
          <a:xfrm>
            <a:off x="248602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1" name="Text Placeholder 6"/>
          <p:cNvSpPr>
            <a:spLocks noGrp="1"/>
          </p:cNvSpPr>
          <p:nvPr>
            <p:ph type="body" sz="quarter" idx="23"/>
          </p:nvPr>
        </p:nvSpPr>
        <p:spPr>
          <a:xfrm>
            <a:off x="248602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6" name="Text Placeholder 6"/>
          <p:cNvSpPr>
            <a:spLocks noGrp="1"/>
          </p:cNvSpPr>
          <p:nvPr>
            <p:ph type="body" sz="quarter" idx="24"/>
          </p:nvPr>
        </p:nvSpPr>
        <p:spPr>
          <a:xfrm>
            <a:off x="248602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8" name="Picture Placeholder 2"/>
          <p:cNvSpPr>
            <a:spLocks noGrp="1"/>
          </p:cNvSpPr>
          <p:nvPr>
            <p:ph type="pic" sz="quarter" idx="25"/>
          </p:nvPr>
        </p:nvSpPr>
        <p:spPr>
          <a:xfrm>
            <a:off x="4391750"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9" name="Text Placeholder 6"/>
          <p:cNvSpPr>
            <a:spLocks noGrp="1"/>
          </p:cNvSpPr>
          <p:nvPr>
            <p:ph type="body" sz="quarter" idx="26"/>
          </p:nvPr>
        </p:nvSpPr>
        <p:spPr>
          <a:xfrm>
            <a:off x="6268175"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0" name="Text Placeholder 6"/>
          <p:cNvSpPr>
            <a:spLocks noGrp="1"/>
          </p:cNvSpPr>
          <p:nvPr>
            <p:ph type="body" sz="quarter" idx="27"/>
          </p:nvPr>
        </p:nvSpPr>
        <p:spPr>
          <a:xfrm>
            <a:off x="6268175"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1" name="Text Placeholder 6"/>
          <p:cNvSpPr>
            <a:spLocks noGrp="1"/>
          </p:cNvSpPr>
          <p:nvPr>
            <p:ph type="body" sz="quarter" idx="28"/>
          </p:nvPr>
        </p:nvSpPr>
        <p:spPr>
          <a:xfrm>
            <a:off x="6268175"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2" name="Picture Placeholder 2"/>
          <p:cNvSpPr>
            <a:spLocks noGrp="1"/>
          </p:cNvSpPr>
          <p:nvPr>
            <p:ph type="pic" sz="quarter" idx="29"/>
          </p:nvPr>
        </p:nvSpPr>
        <p:spPr>
          <a:xfrm>
            <a:off x="8173899" y="1657350"/>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3" name="Text Placeholder 6"/>
          <p:cNvSpPr>
            <a:spLocks noGrp="1"/>
          </p:cNvSpPr>
          <p:nvPr>
            <p:ph type="body" sz="quarter" idx="30"/>
          </p:nvPr>
        </p:nvSpPr>
        <p:spPr>
          <a:xfrm>
            <a:off x="10050324" y="1657351"/>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4" name="Text Placeholder 6"/>
          <p:cNvSpPr>
            <a:spLocks noGrp="1"/>
          </p:cNvSpPr>
          <p:nvPr>
            <p:ph type="body" sz="quarter" idx="31"/>
          </p:nvPr>
        </p:nvSpPr>
        <p:spPr>
          <a:xfrm>
            <a:off x="10050324" y="1967619"/>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5" name="Text Placeholder 6"/>
          <p:cNvSpPr>
            <a:spLocks noGrp="1"/>
          </p:cNvSpPr>
          <p:nvPr>
            <p:ph type="body" sz="quarter" idx="32"/>
          </p:nvPr>
        </p:nvSpPr>
        <p:spPr>
          <a:xfrm>
            <a:off x="10050324" y="2277886"/>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6" name="Picture Placeholder 2"/>
          <p:cNvSpPr>
            <a:spLocks noGrp="1"/>
          </p:cNvSpPr>
          <p:nvPr>
            <p:ph type="pic" sz="quarter" idx="33"/>
          </p:nvPr>
        </p:nvSpPr>
        <p:spPr>
          <a:xfrm>
            <a:off x="60960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27" name="Text Placeholder 6"/>
          <p:cNvSpPr>
            <a:spLocks noGrp="1"/>
          </p:cNvSpPr>
          <p:nvPr>
            <p:ph type="body" sz="quarter" idx="34"/>
          </p:nvPr>
        </p:nvSpPr>
        <p:spPr>
          <a:xfrm>
            <a:off x="248602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8" name="Text Placeholder 6"/>
          <p:cNvSpPr>
            <a:spLocks noGrp="1"/>
          </p:cNvSpPr>
          <p:nvPr>
            <p:ph type="body" sz="quarter" idx="35"/>
          </p:nvPr>
        </p:nvSpPr>
        <p:spPr>
          <a:xfrm>
            <a:off x="248602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29" name="Text Placeholder 6"/>
          <p:cNvSpPr>
            <a:spLocks noGrp="1"/>
          </p:cNvSpPr>
          <p:nvPr>
            <p:ph type="body" sz="quarter" idx="36"/>
          </p:nvPr>
        </p:nvSpPr>
        <p:spPr>
          <a:xfrm>
            <a:off x="248602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0" name="Picture Placeholder 2"/>
          <p:cNvSpPr>
            <a:spLocks noGrp="1"/>
          </p:cNvSpPr>
          <p:nvPr>
            <p:ph type="pic" sz="quarter" idx="37"/>
          </p:nvPr>
        </p:nvSpPr>
        <p:spPr>
          <a:xfrm>
            <a:off x="4391750"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1" name="Text Placeholder 6"/>
          <p:cNvSpPr>
            <a:spLocks noGrp="1"/>
          </p:cNvSpPr>
          <p:nvPr>
            <p:ph type="body" sz="quarter" idx="38"/>
          </p:nvPr>
        </p:nvSpPr>
        <p:spPr>
          <a:xfrm>
            <a:off x="6268175"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2" name="Text Placeholder 6"/>
          <p:cNvSpPr>
            <a:spLocks noGrp="1"/>
          </p:cNvSpPr>
          <p:nvPr>
            <p:ph type="body" sz="quarter" idx="39"/>
          </p:nvPr>
        </p:nvSpPr>
        <p:spPr>
          <a:xfrm>
            <a:off x="6268175"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3" name="Text Placeholder 6"/>
          <p:cNvSpPr>
            <a:spLocks noGrp="1"/>
          </p:cNvSpPr>
          <p:nvPr>
            <p:ph type="body" sz="quarter" idx="40"/>
          </p:nvPr>
        </p:nvSpPr>
        <p:spPr>
          <a:xfrm>
            <a:off x="6268175"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4" name="Picture Placeholder 2"/>
          <p:cNvSpPr>
            <a:spLocks noGrp="1"/>
          </p:cNvSpPr>
          <p:nvPr>
            <p:ph type="pic" sz="quarter" idx="41"/>
          </p:nvPr>
        </p:nvSpPr>
        <p:spPr>
          <a:xfrm>
            <a:off x="8173899" y="3894318"/>
            <a:ext cx="1762125" cy="1981200"/>
          </a:xfrm>
          <a:prstGeom prst="rect">
            <a:avLst/>
          </a:prstGeom>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35" name="Text Placeholder 6"/>
          <p:cNvSpPr>
            <a:spLocks noGrp="1"/>
          </p:cNvSpPr>
          <p:nvPr>
            <p:ph type="body" sz="quarter" idx="42"/>
          </p:nvPr>
        </p:nvSpPr>
        <p:spPr>
          <a:xfrm>
            <a:off x="10050324" y="3894319"/>
            <a:ext cx="1532076" cy="248762"/>
          </a:xfrm>
          <a:prstGeom prst="rect">
            <a:avLst/>
          </a:prstGeom>
        </p:spPr>
        <p:txBody>
          <a:bodyPr lIns="0" tIns="0" rIns="0" bIns="0" anchor="t"/>
          <a:lstStyle>
            <a:lvl1pPr marL="0" indent="0">
              <a:buNone/>
              <a:defRPr sz="1400" b="1">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6" name="Text Placeholder 6"/>
          <p:cNvSpPr>
            <a:spLocks noGrp="1"/>
          </p:cNvSpPr>
          <p:nvPr>
            <p:ph type="body" sz="quarter" idx="43"/>
          </p:nvPr>
        </p:nvSpPr>
        <p:spPr>
          <a:xfrm>
            <a:off x="10050324" y="4204587"/>
            <a:ext cx="1532076" cy="248762"/>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37" name="Text Placeholder 6"/>
          <p:cNvSpPr>
            <a:spLocks noGrp="1"/>
          </p:cNvSpPr>
          <p:nvPr>
            <p:ph type="body" sz="quarter" idx="44"/>
          </p:nvPr>
        </p:nvSpPr>
        <p:spPr>
          <a:xfrm>
            <a:off x="10050324" y="4514854"/>
            <a:ext cx="1532076" cy="1360663"/>
          </a:xfrm>
          <a:prstGeom prst="rect">
            <a:avLst/>
          </a:prstGeom>
        </p:spPr>
        <p:txBody>
          <a:bodyPr lIns="0" tIns="0" rIns="0" bIns="0" anchor="t"/>
          <a:lstStyle>
            <a:lvl1pPr marL="0" indent="0">
              <a:buNone/>
              <a:defRPr sz="1100" b="0">
                <a:solidFill>
                  <a:srgbClr val="000000"/>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16092473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Object / 3 Content">
    <p:spTree>
      <p:nvGrpSpPr>
        <p:cNvPr id="1" name=""/>
        <p:cNvGrpSpPr/>
        <p:nvPr/>
      </p:nvGrpSpPr>
      <p:grpSpPr>
        <a:xfrm>
          <a:off x="0" y="0"/>
          <a:ext cx="0" cy="0"/>
          <a:chOff x="0" y="0"/>
          <a:chExt cx="0" cy="0"/>
        </a:xfrm>
      </p:grpSpPr>
      <p:pic>
        <p:nvPicPr>
          <p:cNvPr id="10" name="Picture 3">
            <a:extLst>
              <a:ext uri="{FF2B5EF4-FFF2-40B4-BE49-F238E27FC236}">
                <a16:creationId xmlns:a16="http://schemas.microsoft.com/office/drawing/2014/main" id="{62938210-67A3-9149-A0BD-AD17160D04F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4">
            <a:extLst>
              <a:ext uri="{FF2B5EF4-FFF2-40B4-BE49-F238E27FC236}">
                <a16:creationId xmlns:a16="http://schemas.microsoft.com/office/drawing/2014/main" id="{7BFA5087-CE37-D240-8A92-D41BA9A1319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p:cNvSpPr>
            <a:spLocks noGrp="1"/>
          </p:cNvSpPr>
          <p:nvPr>
            <p:ph sz="quarter" idx="21"/>
          </p:nvPr>
        </p:nvSpPr>
        <p:spPr>
          <a:xfrm>
            <a:off x="609600" y="4276448"/>
            <a:ext cx="3481523"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9" name="Content Placeholder 2"/>
          <p:cNvSpPr>
            <a:spLocks noGrp="1"/>
          </p:cNvSpPr>
          <p:nvPr>
            <p:ph sz="quarter" idx="22"/>
          </p:nvPr>
        </p:nvSpPr>
        <p:spPr>
          <a:xfrm>
            <a:off x="8100205"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23" name="Content Placeholder 2"/>
          <p:cNvSpPr>
            <a:spLocks noGrp="1"/>
          </p:cNvSpPr>
          <p:nvPr>
            <p:ph sz="quarter" idx="29"/>
          </p:nvPr>
        </p:nvSpPr>
        <p:spPr>
          <a:xfrm>
            <a:off x="4354903" y="4276448"/>
            <a:ext cx="3482195" cy="1596031"/>
          </a:xfrm>
          <a:prstGeom prst="rect">
            <a:avLst/>
          </a:prstGeom>
        </p:spPr>
        <p:txBody>
          <a:bodyPr lIns="0" tIns="0" rIns="0" bIns="0"/>
          <a:lstStyle>
            <a:lvl1pPr marL="231775" indent="-231775">
              <a:spcBef>
                <a:spcPts val="500"/>
              </a:spcBef>
              <a:buFont typeface="Arial" panose="020B0604020202020204" pitchFamily="34" charset="0"/>
              <a:buChar char="•"/>
              <a:defRPr sz="1600">
                <a:solidFill>
                  <a:srgbClr val="000000"/>
                </a:solidFill>
                <a:latin typeface="Arial" panose="020B0604020202020204" pitchFamily="34" charset="0"/>
                <a:cs typeface="Arial" panose="020B0604020202020204" pitchFamily="34" charset="0"/>
              </a:defRPr>
            </a:lvl1pPr>
            <a:lvl2pPr marL="465138" indent="-233363">
              <a:spcBef>
                <a:spcPts val="500"/>
              </a:spcBef>
              <a:defRPr sz="1600">
                <a:solidFill>
                  <a:srgbClr val="000000"/>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rgbClr val="000000"/>
                </a:solidFill>
                <a:latin typeface="Arial" panose="020B0604020202020204" pitchFamily="34" charset="0"/>
                <a:cs typeface="Arial" panose="020B0604020202020204" pitchFamily="34" charset="0"/>
              </a:defRPr>
            </a:lvl3pPr>
            <a:lvl4pPr marL="914400" indent="-231775">
              <a:spcBef>
                <a:spcPts val="500"/>
              </a:spcBef>
              <a:defRPr sz="1400">
                <a:solidFill>
                  <a:srgbClr val="000000"/>
                </a:solidFill>
                <a:latin typeface="Arial" panose="020B0604020202020204" pitchFamily="34" charset="0"/>
                <a:cs typeface="Arial" panose="020B0604020202020204" pitchFamily="34" charset="0"/>
              </a:defRPr>
            </a:lvl4pPr>
            <a:lvl5pPr marL="1146175" indent="-231775">
              <a:spcBef>
                <a:spcPts val="500"/>
              </a:spcBef>
              <a:defRPr sz="1400">
                <a:solidFill>
                  <a:srgbClr val="000000"/>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3" name="Picture Placeholder 2"/>
          <p:cNvSpPr>
            <a:spLocks noGrp="1"/>
          </p:cNvSpPr>
          <p:nvPr>
            <p:ph type="pic" sz="quarter" idx="32"/>
          </p:nvPr>
        </p:nvSpPr>
        <p:spPr>
          <a:xfrm>
            <a:off x="0" y="0"/>
            <a:ext cx="12192000" cy="3429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
        <p:nvSpPr>
          <p:cNvPr id="19" name="Text Placeholder 2"/>
          <p:cNvSpPr>
            <a:spLocks noGrp="1"/>
          </p:cNvSpPr>
          <p:nvPr>
            <p:ph type="body" sz="quarter" idx="25"/>
          </p:nvPr>
        </p:nvSpPr>
        <p:spPr>
          <a:xfrm>
            <a:off x="609601"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1" name="Text Placeholder 2"/>
          <p:cNvSpPr>
            <a:spLocks noGrp="1"/>
          </p:cNvSpPr>
          <p:nvPr>
            <p:ph type="body" sz="quarter" idx="33"/>
          </p:nvPr>
        </p:nvSpPr>
        <p:spPr>
          <a:xfrm>
            <a:off x="4355576"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
        <p:nvSpPr>
          <p:cNvPr id="22" name="Text Placeholder 2"/>
          <p:cNvSpPr>
            <a:spLocks noGrp="1"/>
          </p:cNvSpPr>
          <p:nvPr>
            <p:ph type="body" sz="quarter" idx="31"/>
          </p:nvPr>
        </p:nvSpPr>
        <p:spPr>
          <a:xfrm>
            <a:off x="8100205" y="3691671"/>
            <a:ext cx="3481522" cy="449942"/>
          </a:xfrm>
          <a:prstGeom prst="rect">
            <a:avLst/>
          </a:prstGeom>
        </p:spPr>
        <p:txBody>
          <a:bodyPr lIns="0" tIns="0" rIns="0" bIns="0"/>
          <a:lstStyle>
            <a:lvl1pPr marL="0" indent="0">
              <a:buNone/>
              <a:defRPr lang="en-US" sz="1800" b="1" dirty="0" smtClean="0">
                <a:solidFill>
                  <a:srgbClr val="000000"/>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63229126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pic>
        <p:nvPicPr>
          <p:cNvPr id="3" name="Picture 3">
            <a:extLst>
              <a:ext uri="{FF2B5EF4-FFF2-40B4-BE49-F238E27FC236}">
                <a16:creationId xmlns:a16="http://schemas.microsoft.com/office/drawing/2014/main" id="{8E72E548-EF18-F24F-A8EC-E45CB9E2DC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30300"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a:extLst>
              <a:ext uri="{FF2B5EF4-FFF2-40B4-BE49-F238E27FC236}">
                <a16:creationId xmlns:a16="http://schemas.microsoft.com/office/drawing/2014/main" id="{5EF6A283-8ADE-9941-8045-8054B257316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Picture Placeholder 2"/>
          <p:cNvSpPr>
            <a:spLocks noGrp="1"/>
          </p:cNvSpPr>
          <p:nvPr>
            <p:ph type="pic" sz="quarter" idx="32"/>
          </p:nvPr>
        </p:nvSpPr>
        <p:spPr>
          <a:xfrm>
            <a:off x="0" y="0"/>
            <a:ext cx="12192000" cy="58674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387955105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Object Full Bleed">
    <p:spTree>
      <p:nvGrpSpPr>
        <p:cNvPr id="1" name=""/>
        <p:cNvGrpSpPr/>
        <p:nvPr/>
      </p:nvGrpSpPr>
      <p:grpSpPr>
        <a:xfrm>
          <a:off x="0" y="0"/>
          <a:ext cx="0" cy="0"/>
          <a:chOff x="0" y="0"/>
          <a:chExt cx="0" cy="0"/>
        </a:xfrm>
      </p:grpSpPr>
      <p:sp>
        <p:nvSpPr>
          <p:cNvPr id="4" name="Picture Placeholder 2"/>
          <p:cNvSpPr>
            <a:spLocks noGrp="1"/>
          </p:cNvSpPr>
          <p:nvPr>
            <p:ph type="pic" sz="quarter" idx="32"/>
          </p:nvPr>
        </p:nvSpPr>
        <p:spPr>
          <a:xfrm>
            <a:off x="0" y="0"/>
            <a:ext cx="12192000" cy="6858000"/>
          </a:xfrm>
          <a:prstGeom prst="rect">
            <a:avLst/>
          </a:prstGeom>
        </p:spPr>
        <p:txBody>
          <a:bodyPr anchor="ctr"/>
          <a:lstStyle>
            <a:lvl1pPr marL="0" indent="0" algn="ctr">
              <a:buNone/>
              <a:defRPr sz="1600">
                <a:solidFill>
                  <a:srgbClr val="000000"/>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42309422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Content">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2ED47A86-542A-134B-B94E-A2D616E4FF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3" y="6131290"/>
            <a:ext cx="1130808" cy="351868"/>
          </a:xfrm>
          <a:prstGeom prst="rect">
            <a:avLst/>
          </a:prstGeom>
        </p:spPr>
      </p:pic>
      <p:sp>
        <p:nvSpPr>
          <p:cNvPr id="12" name="Text Placeholder 2">
            <a:extLst>
              <a:ext uri="{FF2B5EF4-FFF2-40B4-BE49-F238E27FC236}">
                <a16:creationId xmlns:a16="http://schemas.microsoft.com/office/drawing/2014/main" id="{A3EF894E-32AC-4EF0-B59B-1B3D6EEF0591}"/>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lvl1pPr>
          </a:lstStyle>
          <a:p>
            <a:pPr lvl="0"/>
            <a:r>
              <a:rPr lang="en-US"/>
              <a:t>Click to add sub-title</a:t>
            </a:r>
            <a:endParaRPr lang="en-GB"/>
          </a:p>
        </p:txBody>
      </p:sp>
      <p:pic>
        <p:nvPicPr>
          <p:cNvPr id="15" name="Picture 14">
            <a:extLst>
              <a:ext uri="{FF2B5EF4-FFF2-40B4-BE49-F238E27FC236}">
                <a16:creationId xmlns:a16="http://schemas.microsoft.com/office/drawing/2014/main" id="{5900A1B4-A648-4618-8289-A4564C9A1042}"/>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801678"/>
            <a:ext cx="12192000" cy="76200"/>
          </a:xfrm>
          <a:prstGeom prst="rect">
            <a:avLst/>
          </a:prstGeom>
        </p:spPr>
      </p:pic>
      <p:sp>
        <p:nvSpPr>
          <p:cNvPr id="17" name="Title 1">
            <a:extLst>
              <a:ext uri="{FF2B5EF4-FFF2-40B4-BE49-F238E27FC236}">
                <a16:creationId xmlns:a16="http://schemas.microsoft.com/office/drawing/2014/main" id="{B94FB40C-21FC-48EE-A9CC-96083BAFE0A0}"/>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latin typeface="Arial" panose="020B0604020202020204" pitchFamily="34" charset="0"/>
                <a:cs typeface="Arial" panose="020B0604020202020204" pitchFamily="34" charset="0"/>
              </a:defRPr>
            </a:lvl1pPr>
          </a:lstStyle>
          <a:p>
            <a:r>
              <a:rPr lang="en-US"/>
              <a:t>Click to add title</a:t>
            </a:r>
          </a:p>
        </p:txBody>
      </p:sp>
      <p:sp>
        <p:nvSpPr>
          <p:cNvPr id="18" name="Content Placeholder 2">
            <a:extLst>
              <a:ext uri="{FF2B5EF4-FFF2-40B4-BE49-F238E27FC236}">
                <a16:creationId xmlns:a16="http://schemas.microsoft.com/office/drawing/2014/main" id="{C288F867-4740-44A0-90D1-73F7F848207A}"/>
              </a:ext>
            </a:extLst>
          </p:cNvPr>
          <p:cNvSpPr>
            <a:spLocks noGrp="1"/>
          </p:cNvSpPr>
          <p:nvPr>
            <p:ph sz="quarter" idx="21" hasCustomPrompt="1"/>
          </p:nvPr>
        </p:nvSpPr>
        <p:spPr>
          <a:xfrm>
            <a:off x="609600" y="1524000"/>
            <a:ext cx="10972800" cy="4354513"/>
          </a:xfrm>
          <a:prstGeom prst="rect">
            <a:avLst/>
          </a:prstGeom>
        </p:spPr>
        <p:txBody>
          <a:bodyPr lIns="0" tIns="0" rIns="0" bIns="0"/>
          <a:lstStyle>
            <a:lvl1pPr marL="231775" indent="-231775">
              <a:spcBef>
                <a:spcPts val="500"/>
              </a:spcBef>
              <a:buFont typeface="Arial" panose="020B0604020202020204" pitchFamily="34" charset="0"/>
              <a:buChar char="•"/>
              <a:defRPr sz="1600"/>
            </a:lvl1pPr>
            <a:lvl2pPr marL="465138" indent="-233363">
              <a:defRPr sz="1600"/>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lvl3pPr>
            <a:lvl4pPr marL="914400" indent="-231775">
              <a:defRPr sz="1400"/>
            </a:lvl4pPr>
            <a:lvl5pPr marL="1146175" indent="-231775">
              <a:defRPr sz="14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36929819"/>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guide id="3">
          <p15:clr>
            <a:srgbClr val="FBAE40"/>
          </p15:clr>
        </p15:guide>
        <p15:guide id="4" pos="76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Dark Title with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pic>
        <p:nvPicPr>
          <p:cNvPr id="11" name="Picture Placeholder 6">
            <a:extLst>
              <a:ext uri="{FF2B5EF4-FFF2-40B4-BE49-F238E27FC236}">
                <a16:creationId xmlns:a16="http://schemas.microsoft.com/office/drawing/2014/main" id="{310C177F-4C78-4432-A734-B6F920631FE9}"/>
              </a:ext>
            </a:extLst>
          </p:cNvPr>
          <p:cNvPicPr>
            <a:picLocks noChangeAspect="1"/>
          </p:cNvPicPr>
          <p:nvPr userDrawn="1"/>
        </p:nvPicPr>
        <p:blipFill rotWithShape="1">
          <a:blip r:embed="rId4"/>
          <a:srcRect l="47535" r="21165"/>
          <a:stretch/>
        </p:blipFill>
        <p:spPr>
          <a:xfrm>
            <a:off x="0" y="0"/>
            <a:ext cx="5127625" cy="6858000"/>
          </a:xfrm>
          <a:custGeom>
            <a:avLst/>
            <a:gdLst>
              <a:gd name="T0" fmla="*/ 0 w 5169289"/>
              <a:gd name="T1" fmla="*/ 0 h 6858000"/>
              <a:gd name="T2" fmla="*/ 2457881 w 5169289"/>
              <a:gd name="T3" fmla="*/ 0 h 6858000"/>
              <a:gd name="T4" fmla="*/ 5169289 w 5169289"/>
              <a:gd name="T5" fmla="*/ 6858000 h 6858000"/>
              <a:gd name="T6" fmla="*/ 2133271 w 5169289"/>
              <a:gd name="T7" fmla="*/ 6858000 h 6858000"/>
              <a:gd name="T8" fmla="*/ 0 w 5169289"/>
              <a:gd name="T9" fmla="*/ 5177443 h 6858000"/>
              <a:gd name="T10" fmla="*/ 0 60000 65536"/>
              <a:gd name="T11" fmla="*/ 0 60000 65536"/>
              <a:gd name="T12" fmla="*/ 0 60000 65536"/>
              <a:gd name="T13" fmla="*/ 0 60000 65536"/>
              <a:gd name="T14" fmla="*/ 0 60000 65536"/>
              <a:gd name="connsiteX0" fmla="*/ 0 w 5169289"/>
              <a:gd name="connsiteY0" fmla="*/ 0 h 6858000"/>
              <a:gd name="connsiteX1" fmla="*/ 2407077 w 5169289"/>
              <a:gd name="connsiteY1" fmla="*/ 0 h 6858000"/>
              <a:gd name="connsiteX2" fmla="*/ 5169289 w 5169289"/>
              <a:gd name="connsiteY2" fmla="*/ 6858000 h 6858000"/>
              <a:gd name="connsiteX3" fmla="*/ 2133271 w 5169289"/>
              <a:gd name="connsiteY3" fmla="*/ 6858000 h 6858000"/>
              <a:gd name="connsiteX4" fmla="*/ 0 w 5169289"/>
              <a:gd name="connsiteY4" fmla="*/ 5177443 h 6858000"/>
              <a:gd name="connsiteX5" fmla="*/ 0 w 5169289"/>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33271 w 5118485"/>
              <a:gd name="connsiteY3" fmla="*/ 6858000 h 6858000"/>
              <a:gd name="connsiteX4" fmla="*/ 0 w 5118485"/>
              <a:gd name="connsiteY4" fmla="*/ 5177443 h 6858000"/>
              <a:gd name="connsiteX5" fmla="*/ 0 w 5118485"/>
              <a:gd name="connsiteY5" fmla="*/ 0 h 6858000"/>
              <a:gd name="connsiteX0" fmla="*/ 0 w 5118485"/>
              <a:gd name="connsiteY0" fmla="*/ 0 h 6858000"/>
              <a:gd name="connsiteX1" fmla="*/ 2407077 w 5118485"/>
              <a:gd name="connsiteY1" fmla="*/ 0 h 6858000"/>
              <a:gd name="connsiteX2" fmla="*/ 5118485 w 5118485"/>
              <a:gd name="connsiteY2" fmla="*/ 6858000 h 6858000"/>
              <a:gd name="connsiteX3" fmla="*/ 2114220 w 5118485"/>
              <a:gd name="connsiteY3" fmla="*/ 6858000 h 6858000"/>
              <a:gd name="connsiteX4" fmla="*/ 0 w 5118485"/>
              <a:gd name="connsiteY4" fmla="*/ 5177443 h 6858000"/>
              <a:gd name="connsiteX5" fmla="*/ 0 w 5118485"/>
              <a:gd name="connsiteY5" fmla="*/ 0 h 6858000"/>
              <a:gd name="connsiteX0" fmla="*/ 3175 w 5121660"/>
              <a:gd name="connsiteY0" fmla="*/ 0 h 6858000"/>
              <a:gd name="connsiteX1" fmla="*/ 2410252 w 5121660"/>
              <a:gd name="connsiteY1" fmla="*/ 0 h 6858000"/>
              <a:gd name="connsiteX2" fmla="*/ 5121660 w 5121660"/>
              <a:gd name="connsiteY2" fmla="*/ 6858000 h 6858000"/>
              <a:gd name="connsiteX3" fmla="*/ 2117395 w 5121660"/>
              <a:gd name="connsiteY3" fmla="*/ 6858000 h 6858000"/>
              <a:gd name="connsiteX4" fmla="*/ 0 w 5121660"/>
              <a:gd name="connsiteY4" fmla="*/ 5196493 h 6858000"/>
              <a:gd name="connsiteX5" fmla="*/ 3175 w 5121660"/>
              <a:gd name="connsiteY5" fmla="*/ 0 h 6858000"/>
              <a:gd name="connsiteX0" fmla="*/ 3175 w 5128010"/>
              <a:gd name="connsiteY0" fmla="*/ 0 h 6858000"/>
              <a:gd name="connsiteX1" fmla="*/ 2410252 w 5128010"/>
              <a:gd name="connsiteY1" fmla="*/ 0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 name="connsiteX0" fmla="*/ 3175 w 5128010"/>
              <a:gd name="connsiteY0" fmla="*/ 0 h 6858000"/>
              <a:gd name="connsiteX1" fmla="*/ 2426128 w 5128010"/>
              <a:gd name="connsiteY1" fmla="*/ 3175 h 6858000"/>
              <a:gd name="connsiteX2" fmla="*/ 5128010 w 5128010"/>
              <a:gd name="connsiteY2" fmla="*/ 6858000 h 6858000"/>
              <a:gd name="connsiteX3" fmla="*/ 2117395 w 5128010"/>
              <a:gd name="connsiteY3" fmla="*/ 6858000 h 6858000"/>
              <a:gd name="connsiteX4" fmla="*/ 0 w 5128010"/>
              <a:gd name="connsiteY4" fmla="*/ 5196493 h 6858000"/>
              <a:gd name="connsiteX5" fmla="*/ 3175 w 5128010"/>
              <a:gd name="connsiteY5"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28010" h="6858000">
                <a:moveTo>
                  <a:pt x="3175" y="0"/>
                </a:moveTo>
                <a:lnTo>
                  <a:pt x="2426128" y="3175"/>
                </a:lnTo>
                <a:lnTo>
                  <a:pt x="5128010" y="6858000"/>
                </a:lnTo>
                <a:lnTo>
                  <a:pt x="2117395" y="6858000"/>
                </a:lnTo>
                <a:lnTo>
                  <a:pt x="0" y="5196493"/>
                </a:lnTo>
                <a:cubicBezTo>
                  <a:pt x="1058" y="3464329"/>
                  <a:pt x="2117" y="1732164"/>
                  <a:pt x="3175" y="0"/>
                </a:cubicBezTo>
                <a:close/>
              </a:path>
            </a:pathLst>
          </a:custGeom>
        </p:spPr>
      </p:pic>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Tree>
    <p:extLst>
      <p:ext uri="{BB962C8B-B14F-4D97-AF65-F5344CB8AC3E}">
        <p14:creationId xmlns:p14="http://schemas.microsoft.com/office/powerpoint/2010/main" val="2513161713"/>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Dark Title without Image">
    <p:bg>
      <p:bgPr>
        <a:gradFill>
          <a:gsLst>
            <a:gs pos="0">
              <a:schemeClr val="tx1"/>
            </a:gs>
            <a:gs pos="62000">
              <a:schemeClr val="accent4"/>
            </a:gs>
          </a:gsLst>
          <a:lin ang="14400000" scaled="0"/>
        </a:gradFill>
        <a:effectLst/>
      </p:bgPr>
    </p:bg>
    <p:spTree>
      <p:nvGrpSpPr>
        <p:cNvPr id="1" name=""/>
        <p:cNvGrpSpPr/>
        <p:nvPr/>
      </p:nvGrpSpPr>
      <p:grpSpPr>
        <a:xfrm>
          <a:off x="0" y="0"/>
          <a:ext cx="0" cy="0"/>
          <a:chOff x="0" y="0"/>
          <a:chExt cx="0" cy="0"/>
        </a:xfrm>
      </p:grpSpPr>
      <p:pic>
        <p:nvPicPr>
          <p:cNvPr id="10" name="Picture 9" descr="A picture containing background pattern&#10;&#10;Description automatically generated">
            <a:extLst>
              <a:ext uri="{FF2B5EF4-FFF2-40B4-BE49-F238E27FC236}">
                <a16:creationId xmlns:a16="http://schemas.microsoft.com/office/drawing/2014/main" id="{95C4B140-8EC1-5349-909E-A5B892D54F82}"/>
              </a:ext>
            </a:extLst>
          </p:cNvPr>
          <p:cNvPicPr>
            <a:picLocks noChangeAspect="1"/>
          </p:cNvPicPr>
          <p:nvPr userDrawn="1"/>
        </p:nvPicPr>
        <p:blipFill>
          <a:blip r:embed="rId2"/>
          <a:stretch>
            <a:fillRect/>
          </a:stretch>
        </p:blipFill>
        <p:spPr>
          <a:xfrm>
            <a:off x="0" y="0"/>
            <a:ext cx="12192000" cy="6858000"/>
          </a:xfrm>
          <a:prstGeom prst="rect">
            <a:avLst/>
          </a:prstGeom>
          <a:noFill/>
        </p:spPr>
      </p:pic>
      <p:sp>
        <p:nvSpPr>
          <p:cNvPr id="12" name="Text Placeholder 6">
            <a:extLst>
              <a:ext uri="{FF2B5EF4-FFF2-40B4-BE49-F238E27FC236}">
                <a16:creationId xmlns:a16="http://schemas.microsoft.com/office/drawing/2014/main" id="{F3A90FED-C934-4A48-A884-6BD4DB8B5E90}"/>
              </a:ext>
            </a:extLst>
          </p:cNvPr>
          <p:cNvSpPr>
            <a:spLocks noGrp="1"/>
          </p:cNvSpPr>
          <p:nvPr>
            <p:ph type="body" sz="quarter" idx="11" hasCustomPrompt="1"/>
          </p:nvPr>
        </p:nvSpPr>
        <p:spPr>
          <a:xfrm>
            <a:off x="7924800" y="3078863"/>
            <a:ext cx="3657600" cy="1271588"/>
          </a:xfrm>
          <a:prstGeom prst="rect">
            <a:avLst/>
          </a:prstGeom>
          <a:noFill/>
        </p:spPr>
        <p:txBody>
          <a:bodyPr lIns="0" rIns="0"/>
          <a:lstStyle>
            <a:lvl1pPr marL="0" indent="0">
              <a:buNone/>
              <a:defRPr sz="2400" b="1" i="0">
                <a:solidFill>
                  <a:schemeClr val="bg1"/>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a:t>Click to add title</a:t>
            </a:r>
          </a:p>
        </p:txBody>
      </p:sp>
      <p:sp>
        <p:nvSpPr>
          <p:cNvPr id="13" name="Text Placeholder 36">
            <a:extLst>
              <a:ext uri="{FF2B5EF4-FFF2-40B4-BE49-F238E27FC236}">
                <a16:creationId xmlns:a16="http://schemas.microsoft.com/office/drawing/2014/main" id="{E975B447-E0B8-B54B-A1EC-04A7B47B80D5}"/>
              </a:ext>
            </a:extLst>
          </p:cNvPr>
          <p:cNvSpPr>
            <a:spLocks noGrp="1"/>
          </p:cNvSpPr>
          <p:nvPr>
            <p:ph type="body" sz="quarter" idx="13" hasCustomPrompt="1"/>
          </p:nvPr>
        </p:nvSpPr>
        <p:spPr>
          <a:xfrm>
            <a:off x="7924640" y="4349320"/>
            <a:ext cx="3655977" cy="310896"/>
          </a:xfrm>
          <a:prstGeom prst="rect">
            <a:avLst/>
          </a:prstGeom>
          <a:noFill/>
        </p:spPr>
        <p:txBody>
          <a:bodyPr lIns="0" tIns="0" rIns="0" bIns="0" anchor="ctr" anchorCtr="0"/>
          <a:lstStyle>
            <a:lvl1pPr marL="0" indent="0">
              <a:buNone/>
              <a:defRPr sz="14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add sub-title / date</a:t>
            </a:r>
          </a:p>
        </p:txBody>
      </p:sp>
      <p:sp>
        <p:nvSpPr>
          <p:cNvPr id="16" name="Graphic 7">
            <a:extLst>
              <a:ext uri="{FF2B5EF4-FFF2-40B4-BE49-F238E27FC236}">
                <a16:creationId xmlns:a16="http://schemas.microsoft.com/office/drawing/2014/main" id="{376CEE69-BCC7-D848-A38D-655AB052CE9A}"/>
              </a:ext>
            </a:extLst>
          </p:cNvPr>
          <p:cNvSpPr/>
          <p:nvPr userDrawn="1"/>
        </p:nvSpPr>
        <p:spPr>
          <a:xfrm>
            <a:off x="0"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no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sp>
        <p:nvSpPr>
          <p:cNvPr id="18" name="Graphic 7">
            <a:extLst>
              <a:ext uri="{FF2B5EF4-FFF2-40B4-BE49-F238E27FC236}">
                <a16:creationId xmlns:a16="http://schemas.microsoft.com/office/drawing/2014/main" id="{DD5D751A-B5C6-DF44-8AAE-49E31CC383C0}"/>
              </a:ext>
            </a:extLst>
          </p:cNvPr>
          <p:cNvSpPr/>
          <p:nvPr userDrawn="1"/>
        </p:nvSpPr>
        <p:spPr>
          <a:xfrm>
            <a:off x="-35236" y="3386138"/>
            <a:ext cx="7580313" cy="3471862"/>
          </a:xfrm>
          <a:custGeom>
            <a:avLst/>
            <a:gdLst>
              <a:gd name="connsiteX0" fmla="*/ 0 w 7580609"/>
              <a:gd name="connsiteY0" fmla="*/ 2989421 h 3471292"/>
              <a:gd name="connsiteX1" fmla="*/ 0 w 7580609"/>
              <a:gd name="connsiteY1" fmla="*/ 3476699 h 3471292"/>
              <a:gd name="connsiteX2" fmla="*/ 4752210 w 7580609"/>
              <a:gd name="connsiteY2" fmla="*/ 3476699 h 3471292"/>
              <a:gd name="connsiteX3" fmla="*/ 7587963 w 7580609"/>
              <a:gd name="connsiteY3" fmla="*/ 0 h 3471292"/>
            </a:gdLst>
            <a:ahLst/>
            <a:cxnLst>
              <a:cxn ang="0">
                <a:pos x="connsiteX0" y="connsiteY0"/>
              </a:cxn>
              <a:cxn ang="0">
                <a:pos x="connsiteX1" y="connsiteY1"/>
              </a:cxn>
              <a:cxn ang="0">
                <a:pos x="connsiteX2" y="connsiteY2"/>
              </a:cxn>
              <a:cxn ang="0">
                <a:pos x="connsiteX3" y="connsiteY3"/>
              </a:cxn>
            </a:cxnLst>
            <a:rect l="l" t="t" r="r" b="b"/>
            <a:pathLst>
              <a:path w="7580609" h="3471292">
                <a:moveTo>
                  <a:pt x="0" y="2989421"/>
                </a:moveTo>
                <a:lnTo>
                  <a:pt x="0" y="3476699"/>
                </a:lnTo>
                <a:lnTo>
                  <a:pt x="4752210" y="3476699"/>
                </a:lnTo>
                <a:lnTo>
                  <a:pt x="7587963" y="0"/>
                </a:lnTo>
                <a:close/>
              </a:path>
            </a:pathLst>
          </a:custGeom>
          <a:gradFill flip="none" rotWithShape="1">
            <a:gsLst>
              <a:gs pos="0">
                <a:schemeClr val="accent3">
                  <a:alpha val="87000"/>
                </a:schemeClr>
              </a:gs>
              <a:gs pos="100000">
                <a:srgbClr val="50B39E">
                  <a:alpha val="95000"/>
                </a:srgbClr>
              </a:gs>
            </a:gsLst>
            <a:lin ang="10800000" scaled="1"/>
            <a:tileRect/>
          </a:gradFill>
          <a:ln w="10800" cap="flat">
            <a:noFill/>
            <a:prstDash val="solid"/>
            <a:miter/>
          </a:ln>
        </p:spPr>
        <p:txBody>
          <a:bodyPr anchor="ctr"/>
          <a:lstStyle/>
          <a:p>
            <a:pPr eaLnBrk="1" fontAlgn="auto" hangingPunct="1">
              <a:spcBef>
                <a:spcPts val="0"/>
              </a:spcBef>
              <a:spcAft>
                <a:spcPts val="0"/>
              </a:spcAft>
              <a:defRPr/>
            </a:pPr>
            <a:endParaRPr lang="en-US" dirty="0">
              <a:latin typeface="+mn-lt"/>
            </a:endParaRPr>
          </a:p>
        </p:txBody>
      </p:sp>
      <p:pic>
        <p:nvPicPr>
          <p:cNvPr id="9" name="Picture 8" descr="A close up of a logo&#10;&#10;Description automatically generated">
            <a:extLst>
              <a:ext uri="{FF2B5EF4-FFF2-40B4-BE49-F238E27FC236}">
                <a16:creationId xmlns:a16="http://schemas.microsoft.com/office/drawing/2014/main" id="{ED9285A2-4BA0-8542-9DFA-EA61D37AE733}"/>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7528179" y="1644033"/>
            <a:ext cx="4030136" cy="864647"/>
          </a:xfrm>
          <a:prstGeom prst="rect">
            <a:avLst/>
          </a:prstGeom>
        </p:spPr>
      </p:pic>
    </p:spTree>
    <p:extLst>
      <p:ext uri="{BB962C8B-B14F-4D97-AF65-F5344CB8AC3E}">
        <p14:creationId xmlns:p14="http://schemas.microsoft.com/office/powerpoint/2010/main" val="2359910551"/>
      </p:ext>
    </p:extLst>
  </p:cSld>
  <p:clrMapOvr>
    <a:masterClrMapping/>
  </p:clrMapOvr>
  <p:extLst>
    <p:ext uri="{DCECCB84-F9BA-43D5-87BE-67443E8EF086}">
      <p15:sldGuideLst xmlns:p15="http://schemas.microsoft.com/office/powerpoint/2012/main">
        <p15:guide id="1" orient="horz" pos="2136">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itle / Content">
    <p:bg>
      <p:bgPr>
        <a:gradFill>
          <a:gsLst>
            <a:gs pos="81000">
              <a:schemeClr val="tx1"/>
            </a:gs>
            <a:gs pos="0">
              <a:schemeClr val="accent4"/>
            </a:gs>
          </a:gsLst>
          <a:lin ang="30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795FE635-C7C0-5D40-84AF-3922A2EE5372}"/>
              </a:ext>
            </a:extLst>
          </p:cNvPr>
          <p:cNvSpPr/>
          <p:nvPr userDrawn="1"/>
        </p:nvSpPr>
        <p:spPr>
          <a:xfrm flipV="1">
            <a:off x="0" y="-30049"/>
            <a:ext cx="12209376" cy="4024712"/>
          </a:xfrm>
          <a:prstGeom prst="rect">
            <a:avLst/>
          </a:prstGeom>
          <a:gradFill flip="none" rotWithShape="1">
            <a:gsLst>
              <a:gs pos="100000">
                <a:schemeClr val="accent4"/>
              </a:gs>
              <a:gs pos="0">
                <a:schemeClr val="accent4">
                  <a:alpha val="0"/>
                  <a:lumMod val="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Arial" panose="020B0604020202020204" pitchFamily="34" charset="0"/>
              <a:cs typeface="Arial" panose="020B0604020202020204" pitchFamily="34" charset="0"/>
            </a:endParaRPr>
          </a:p>
        </p:txBody>
      </p:sp>
      <p:pic>
        <p:nvPicPr>
          <p:cNvPr id="8" name="Picture 9">
            <a:extLst>
              <a:ext uri="{FF2B5EF4-FFF2-40B4-BE49-F238E27FC236}">
                <a16:creationId xmlns:a16="http://schemas.microsoft.com/office/drawing/2014/main" id="{CECD0C8D-396A-4987-9F20-722634CE91BE}"/>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4">
            <a:extLst>
              <a:ext uri="{FF2B5EF4-FFF2-40B4-BE49-F238E27FC236}">
                <a16:creationId xmlns:a16="http://schemas.microsoft.com/office/drawing/2014/main" id="{8BCB755F-241A-5143-AB65-78C7506301F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0" y="6781800"/>
            <a:ext cx="12192000" cy="76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7"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noProof="0"/>
              <a:t>Click to edit Master title style</a:t>
            </a:r>
            <a:endParaRPr lang="en-GB" noProof="0"/>
          </a:p>
        </p:txBody>
      </p:sp>
      <p:sp>
        <p:nvSpPr>
          <p:cNvPr id="18" name="Content Placeholder 2"/>
          <p:cNvSpPr>
            <a:spLocks noGrp="1"/>
          </p:cNvSpPr>
          <p:nvPr>
            <p:ph sz="quarter" idx="21"/>
          </p:nvPr>
        </p:nvSpPr>
        <p:spPr>
          <a:xfrm>
            <a:off x="609600" y="1663200"/>
            <a:ext cx="10972800" cy="4215600"/>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defRPr sz="1400">
                <a:solidFill>
                  <a:schemeClr val="bg1"/>
                </a:solidFill>
                <a:latin typeface="Arial" panose="020B0604020202020204" pitchFamily="34" charset="0"/>
                <a:cs typeface="Arial" panose="020B0604020202020204" pitchFamily="34" charset="0"/>
              </a:defRPr>
            </a:lvl4pPr>
            <a:lvl5pPr marL="1146175" indent="-231775">
              <a:defRPr sz="1400">
                <a:solidFill>
                  <a:schemeClr val="bg1"/>
                </a:solidFill>
                <a:latin typeface="Arial" panose="020B0604020202020204" pitchFamily="34" charset="0"/>
                <a:cs typeface="Arial" panose="020B060402020202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TextBox 2">
            <a:extLst>
              <a:ext uri="{FF2B5EF4-FFF2-40B4-BE49-F238E27FC236}">
                <a16:creationId xmlns:a16="http://schemas.microsoft.com/office/drawing/2014/main" id="{22D8E99B-8AD8-4BAF-BB2F-99E5B851712F}"/>
              </a:ext>
            </a:extLst>
          </p:cNvPr>
          <p:cNvSpPr txBox="1">
            <a:spLocks noChangeArrowheads="1"/>
          </p:cNvSpPr>
          <p:nvPr userDrawn="1"/>
        </p:nvSpPr>
        <p:spPr bwMode="auto">
          <a:xfrm>
            <a:off x="536575" y="6145213"/>
            <a:ext cx="388938" cy="3651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fontAlgn="base">
              <a:spcBef>
                <a:spcPct val="0"/>
              </a:spcBef>
              <a:spcAft>
                <a:spcPct val="0"/>
              </a:spcAft>
              <a:defRPr>
                <a:solidFill>
                  <a:schemeClr val="tx1"/>
                </a:solidFill>
                <a:latin typeface="Arial" panose="020B0604020202020204" pitchFamily="34" charset="0"/>
              </a:defRPr>
            </a:lvl6pPr>
            <a:lvl7pPr marL="2971800" indent="-228600" fontAlgn="base">
              <a:spcBef>
                <a:spcPct val="0"/>
              </a:spcBef>
              <a:spcAft>
                <a:spcPct val="0"/>
              </a:spcAft>
              <a:defRPr>
                <a:solidFill>
                  <a:schemeClr val="tx1"/>
                </a:solidFill>
                <a:latin typeface="Arial" panose="020B0604020202020204" pitchFamily="34" charset="0"/>
              </a:defRPr>
            </a:lvl7pPr>
            <a:lvl8pPr marL="3429000" indent="-228600" fontAlgn="base">
              <a:spcBef>
                <a:spcPct val="0"/>
              </a:spcBef>
              <a:spcAft>
                <a:spcPct val="0"/>
              </a:spcAft>
              <a:defRPr>
                <a:solidFill>
                  <a:schemeClr val="tx1"/>
                </a:solidFill>
                <a:latin typeface="Arial" panose="020B0604020202020204" pitchFamily="34" charset="0"/>
              </a:defRPr>
            </a:lvl8pPr>
            <a:lvl9pPr marL="3886200" indent="-228600" fontAlgn="base">
              <a:spcBef>
                <a:spcPct val="0"/>
              </a:spcBef>
              <a:spcAft>
                <a:spcPct val="0"/>
              </a:spcAft>
              <a:defRPr>
                <a:solidFill>
                  <a:schemeClr val="tx1"/>
                </a:solidFill>
                <a:latin typeface="Arial" panose="020B0604020202020204" pitchFamily="34" charset="0"/>
              </a:defRPr>
            </a:lvl9pPr>
          </a:lstStyle>
          <a:p>
            <a:pPr eaLnBrk="1" hangingPunct="1"/>
            <a:fld id="{1A20E258-47F9-4544-B453-E1893CCA9957}" type="slidenum">
              <a:rPr lang="en-GB" altLang="en-US" sz="800">
                <a:solidFill>
                  <a:schemeClr val="bg1"/>
                </a:solidFill>
                <a:latin typeface="Arial" panose="020B0604020202020204" pitchFamily="34" charset="0"/>
                <a:cs typeface="Arial" panose="020B0604020202020204" pitchFamily="34" charset="0"/>
              </a:rPr>
              <a:pPr eaLnBrk="1" hangingPunct="1"/>
              <a:t>‹#›</a:t>
            </a:fld>
            <a:endParaRPr lang="en-GB" altLang="en-US" sz="800" dirty="0">
              <a:solidFill>
                <a:schemeClr val="bg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88083562"/>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Blue Heading only">
    <p:bg>
      <p:bgPr>
        <a:gradFill>
          <a:gsLst>
            <a:gs pos="0">
              <a:srgbClr val="0F5F7E"/>
            </a:gs>
            <a:gs pos="100000">
              <a:srgbClr val="008CB1"/>
            </a:gs>
          </a:gsLst>
          <a:lin ang="5400000" scaled="1"/>
        </a:gradFill>
        <a:effectLst/>
      </p:bgPr>
    </p:bg>
    <p:spTree>
      <p:nvGrpSpPr>
        <p:cNvPr id="1" name=""/>
        <p:cNvGrpSpPr/>
        <p:nvPr/>
      </p:nvGrpSpPr>
      <p:grpSpPr>
        <a:xfrm>
          <a:off x="0" y="0"/>
          <a:ext cx="0" cy="0"/>
          <a:chOff x="0" y="0"/>
          <a:chExt cx="0" cy="0"/>
        </a:xfrm>
      </p:grpSpPr>
      <p:sp>
        <p:nvSpPr>
          <p:cNvPr id="30" name="Title 1">
            <a:extLst>
              <a:ext uri="{FF2B5EF4-FFF2-40B4-BE49-F238E27FC236}">
                <a16:creationId xmlns:a16="http://schemas.microsoft.com/office/drawing/2014/main" id="{646F9CB1-E938-4F8E-89F1-960957E6A0BC}"/>
              </a:ext>
            </a:extLst>
          </p:cNvPr>
          <p:cNvSpPr>
            <a:spLocks noGrp="1"/>
          </p:cNvSpPr>
          <p:nvPr>
            <p:ph type="title" hasCustomPrompt="1"/>
          </p:nvPr>
        </p:nvSpPr>
        <p:spPr>
          <a:xfrm>
            <a:off x="608381" y="626650"/>
            <a:ext cx="10974018" cy="410233"/>
          </a:xfrm>
          <a:prstGeom prst="rect">
            <a:avLst/>
          </a:prstGeom>
        </p:spPr>
        <p:txBody>
          <a:bodyPr lIns="0" tIns="0" rIns="0" bIns="0" anchor="t">
            <a:noAutofit/>
          </a:bodyPr>
          <a:lstStyle>
            <a:lvl1pPr>
              <a:defRPr lang="en-US" sz="3600" b="1" dirty="0">
                <a:solidFill>
                  <a:srgbClr val="FFFFFF"/>
                </a:solidFill>
                <a:latin typeface="Arial" panose="020B0604020202020204" pitchFamily="34" charset="0"/>
                <a:cs typeface="Arial" panose="020B0604020202020204" pitchFamily="34" charset="0"/>
              </a:defRPr>
            </a:lvl1pPr>
          </a:lstStyle>
          <a:p>
            <a:pPr lvl="0"/>
            <a:r>
              <a:rPr lang="en-GB" noProof="0"/>
              <a:t>Click to add title</a:t>
            </a:r>
          </a:p>
        </p:txBody>
      </p:sp>
      <p:pic>
        <p:nvPicPr>
          <p:cNvPr id="4" name="Picture 3">
            <a:extLst>
              <a:ext uri="{FF2B5EF4-FFF2-40B4-BE49-F238E27FC236}">
                <a16:creationId xmlns:a16="http://schemas.microsoft.com/office/drawing/2014/main" id="{0B342A00-ED1D-445C-87DD-23C4CC733362}"/>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pic>
        <p:nvPicPr>
          <p:cNvPr id="6" name="Picture 5">
            <a:extLst>
              <a:ext uri="{FF2B5EF4-FFF2-40B4-BE49-F238E27FC236}">
                <a16:creationId xmlns:a16="http://schemas.microsoft.com/office/drawing/2014/main" id="{962C7E30-236D-42A3-91B5-565AD4BA9FC0}"/>
              </a:ext>
            </a:extLst>
          </p:cNvPr>
          <p:cNvPicPr>
            <a:picLocks noChangeAspect="1"/>
          </p:cNvPicPr>
          <p:nvPr userDrawn="1"/>
        </p:nvPicPr>
        <p:blipFill>
          <a:blip r:embed="rId3"/>
          <a:stretch>
            <a:fillRect/>
          </a:stretch>
        </p:blipFill>
        <p:spPr>
          <a:xfrm>
            <a:off x="10451592" y="6133155"/>
            <a:ext cx="1129026" cy="348611"/>
          </a:xfrm>
          <a:prstGeom prst="rect">
            <a:avLst/>
          </a:prstGeom>
        </p:spPr>
      </p:pic>
    </p:spTree>
    <p:extLst>
      <p:ext uri="{BB962C8B-B14F-4D97-AF65-F5344CB8AC3E}">
        <p14:creationId xmlns:p14="http://schemas.microsoft.com/office/powerpoint/2010/main" val="36286230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1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B4A091E4-4C7E-3842-BE48-B66618AB77D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305A3A43-6671-7B4C-994E-653C24625B4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22"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23" name="Text Placeholder 6"/>
          <p:cNvSpPr>
            <a:spLocks noGrp="1"/>
          </p:cNvSpPr>
          <p:nvPr>
            <p:ph type="body" sz="quarter" idx="11"/>
          </p:nvPr>
        </p:nvSpPr>
        <p:spPr>
          <a:xfrm>
            <a:off x="7004065" y="3707691"/>
            <a:ext cx="457833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23409504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ation / Image Left">
    <p:spTree>
      <p:nvGrpSpPr>
        <p:cNvPr id="1" name=""/>
        <p:cNvGrpSpPr/>
        <p:nvPr/>
      </p:nvGrpSpPr>
      <p:grpSpPr>
        <a:xfrm>
          <a:off x="0" y="0"/>
          <a:ext cx="0" cy="0"/>
          <a:chOff x="0" y="0"/>
          <a:chExt cx="0" cy="0"/>
        </a:xfrm>
      </p:grpSpPr>
      <p:sp>
        <p:nvSpPr>
          <p:cNvPr id="4" name="Rectangle 5">
            <a:extLst>
              <a:ext uri="{FF2B5EF4-FFF2-40B4-BE49-F238E27FC236}">
                <a16:creationId xmlns:a16="http://schemas.microsoft.com/office/drawing/2014/main" id="{4487061A-3987-2B46-B19C-68361134DDFD}"/>
              </a:ext>
            </a:extLst>
          </p:cNvPr>
          <p:cNvSpPr/>
          <p:nvPr/>
        </p:nvSpPr>
        <p:spPr>
          <a:xfrm>
            <a:off x="0" y="0"/>
            <a:ext cx="12192000" cy="6870700"/>
          </a:xfrm>
          <a:custGeom>
            <a:avLst/>
            <a:gdLst>
              <a:gd name="connsiteX0" fmla="*/ 0 w 12192001"/>
              <a:gd name="connsiteY0" fmla="*/ 0 h 6860633"/>
              <a:gd name="connsiteX1" fmla="*/ 12192001 w 12192001"/>
              <a:gd name="connsiteY1" fmla="*/ 0 h 6860633"/>
              <a:gd name="connsiteX2" fmla="*/ 12192001 w 12192001"/>
              <a:gd name="connsiteY2" fmla="*/ 6860633 h 6860633"/>
              <a:gd name="connsiteX3" fmla="*/ 0 w 12192001"/>
              <a:gd name="connsiteY3" fmla="*/ 6860633 h 6860633"/>
              <a:gd name="connsiteX4" fmla="*/ 0 w 12192001"/>
              <a:gd name="connsiteY4" fmla="*/ 0 h 6860633"/>
              <a:gd name="connsiteX0" fmla="*/ 0 w 12192001"/>
              <a:gd name="connsiteY0" fmla="*/ 0 h 6871266"/>
              <a:gd name="connsiteX1" fmla="*/ 12192001 w 12192001"/>
              <a:gd name="connsiteY1" fmla="*/ 0 h 6871266"/>
              <a:gd name="connsiteX2" fmla="*/ 12181368 w 12192001"/>
              <a:gd name="connsiteY2" fmla="*/ 6871266 h 6871266"/>
              <a:gd name="connsiteX3" fmla="*/ 0 w 12192001"/>
              <a:gd name="connsiteY3" fmla="*/ 6860633 h 6871266"/>
              <a:gd name="connsiteX4" fmla="*/ 0 w 12192001"/>
              <a:gd name="connsiteY4" fmla="*/ 0 h 68712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92001" h="6871266">
                <a:moveTo>
                  <a:pt x="0" y="0"/>
                </a:moveTo>
                <a:lnTo>
                  <a:pt x="12192001" y="0"/>
                </a:lnTo>
                <a:cubicBezTo>
                  <a:pt x="12188457" y="2290422"/>
                  <a:pt x="12184912" y="4580844"/>
                  <a:pt x="12181368" y="6871266"/>
                </a:cubicBezTo>
                <a:lnTo>
                  <a:pt x="0" y="6860633"/>
                </a:lnTo>
                <a:lnTo>
                  <a:pt x="0" y="0"/>
                </a:lnTo>
                <a:close/>
              </a:path>
            </a:pathLst>
          </a:custGeom>
          <a:gradFill flip="none" rotWithShape="1">
            <a:gsLst>
              <a:gs pos="75000">
                <a:srgbClr val="0F5F7E"/>
              </a:gs>
              <a:gs pos="35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pic>
        <p:nvPicPr>
          <p:cNvPr id="6" name="Picture 4">
            <a:extLst>
              <a:ext uri="{FF2B5EF4-FFF2-40B4-BE49-F238E27FC236}">
                <a16:creationId xmlns:a16="http://schemas.microsoft.com/office/drawing/2014/main" id="{4CE1E563-E0C0-C344-ACF2-4BCC0D145B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0925"/>
            <a:ext cx="1141413" cy="3524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Freeform 6">
            <a:extLst>
              <a:ext uri="{FF2B5EF4-FFF2-40B4-BE49-F238E27FC236}">
                <a16:creationId xmlns:a16="http://schemas.microsoft.com/office/drawing/2014/main" id="{0FA7B3DE-CD0A-224C-976C-A050A31AA0D9}"/>
              </a:ext>
            </a:extLst>
          </p:cNvPr>
          <p:cNvSpPr>
            <a:spLocks noEditPoints="1"/>
          </p:cNvSpPr>
          <p:nvPr/>
        </p:nvSpPr>
        <p:spPr bwMode="auto">
          <a:xfrm>
            <a:off x="7045325"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5" name="Picture Placeholder 16"/>
          <p:cNvSpPr>
            <a:spLocks noGrp="1"/>
          </p:cNvSpPr>
          <p:nvPr>
            <p:ph type="pic" sz="quarter" idx="12"/>
          </p:nvPr>
        </p:nvSpPr>
        <p:spPr>
          <a:xfrm>
            <a:off x="-1" y="0"/>
            <a:ext cx="7461775" cy="686063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291377" h="6860633">
                <a:moveTo>
                  <a:pt x="0" y="0"/>
                </a:moveTo>
                <a:lnTo>
                  <a:pt x="8291377" y="0"/>
                </a:lnTo>
                <a:lnTo>
                  <a:pt x="5336493" y="6860633"/>
                </a:lnTo>
                <a:lnTo>
                  <a:pt x="0" y="6858000"/>
                </a:lnTo>
                <a:lnTo>
                  <a:pt x="0" y="0"/>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rgbClr val="FFFFFF"/>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dirty="0"/>
          </a:p>
        </p:txBody>
      </p:sp>
      <p:sp>
        <p:nvSpPr>
          <p:cNvPr id="10" name="Text Placeholder 6"/>
          <p:cNvSpPr>
            <a:spLocks noGrp="1"/>
          </p:cNvSpPr>
          <p:nvPr>
            <p:ph type="body" sz="quarter" idx="11"/>
          </p:nvPr>
        </p:nvSpPr>
        <p:spPr>
          <a:xfrm>
            <a:off x="7634514" y="2877181"/>
            <a:ext cx="3947886" cy="2313463"/>
          </a:xfrm>
          <a:prstGeom prst="rect">
            <a:avLst/>
          </a:prstGeom>
        </p:spPr>
        <p:txBody>
          <a:bodyPr/>
          <a:lstStyle>
            <a:lvl1pPr marL="0" indent="0">
              <a:lnSpc>
                <a:spcPts val="2560"/>
              </a:lnSpc>
              <a:buNone/>
              <a:defRPr sz="1800" b="1" i="0">
                <a:solidFill>
                  <a:schemeClr val="bg1"/>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p:txBody>
      </p:sp>
    </p:spTree>
    <p:extLst>
      <p:ext uri="{BB962C8B-B14F-4D97-AF65-F5344CB8AC3E}">
        <p14:creationId xmlns:p14="http://schemas.microsoft.com/office/powerpoint/2010/main" val="4163155222"/>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Quotation / Image RIgh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E89E304-357D-7D47-AD78-24ED594B8E4C}"/>
              </a:ext>
            </a:extLst>
          </p:cNvPr>
          <p:cNvSpPr/>
          <p:nvPr/>
        </p:nvSpPr>
        <p:spPr>
          <a:xfrm>
            <a:off x="0" y="0"/>
            <a:ext cx="12192000" cy="6861175"/>
          </a:xfrm>
          <a:prstGeom prst="rect">
            <a:avLst/>
          </a:prstGeom>
          <a:gradFill flip="none" rotWithShape="1">
            <a:gsLst>
              <a:gs pos="72000">
                <a:srgbClr val="0F5F7E"/>
              </a:gs>
              <a:gs pos="24000">
                <a:schemeClr val="accent1"/>
              </a:gs>
            </a:gsLst>
            <a:lin ang="42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dirty="0"/>
          </a:p>
        </p:txBody>
      </p:sp>
      <p:sp>
        <p:nvSpPr>
          <p:cNvPr id="5" name="Freeform 6">
            <a:extLst>
              <a:ext uri="{FF2B5EF4-FFF2-40B4-BE49-F238E27FC236}">
                <a16:creationId xmlns:a16="http://schemas.microsoft.com/office/drawing/2014/main" id="{E57B0054-108F-0144-B1E3-67FB48358DE9}"/>
              </a:ext>
            </a:extLst>
          </p:cNvPr>
          <p:cNvSpPr>
            <a:spLocks noEditPoints="1"/>
          </p:cNvSpPr>
          <p:nvPr/>
        </p:nvSpPr>
        <p:spPr bwMode="auto">
          <a:xfrm>
            <a:off x="598488" y="2806700"/>
            <a:ext cx="415925" cy="344488"/>
          </a:xfrm>
          <a:custGeom>
            <a:avLst/>
            <a:gdLst>
              <a:gd name="T0" fmla="*/ 247270 w 1167"/>
              <a:gd name="T1" fmla="*/ 344809 h 1006"/>
              <a:gd name="T2" fmla="*/ 247270 w 1167"/>
              <a:gd name="T3" fmla="*/ 344809 h 1006"/>
              <a:gd name="T4" fmla="*/ 247270 w 1167"/>
              <a:gd name="T5" fmla="*/ 192627 h 1006"/>
              <a:gd name="T6" fmla="*/ 371617 w 1167"/>
              <a:gd name="T7" fmla="*/ 0 h 1006"/>
              <a:gd name="T8" fmla="*/ 409028 w 1167"/>
              <a:gd name="T9" fmla="*/ 65466 h 1006"/>
              <a:gd name="T10" fmla="*/ 332781 w 1167"/>
              <a:gd name="T11" fmla="*/ 180288 h 1006"/>
              <a:gd name="T12" fmla="*/ 415798 w 1167"/>
              <a:gd name="T13" fmla="*/ 180288 h 1006"/>
              <a:gd name="T14" fmla="*/ 415798 w 1167"/>
              <a:gd name="T15" fmla="*/ 344809 h 1006"/>
              <a:gd name="T16" fmla="*/ 247270 w 1167"/>
              <a:gd name="T17" fmla="*/ 344809 h 1006"/>
              <a:gd name="T18" fmla="*/ 0 w 1167"/>
              <a:gd name="T19" fmla="*/ 344809 h 1006"/>
              <a:gd name="T20" fmla="*/ 0 w 1167"/>
              <a:gd name="T21" fmla="*/ 344809 h 1006"/>
              <a:gd name="T22" fmla="*/ 0 w 1167"/>
              <a:gd name="T23" fmla="*/ 192627 h 1006"/>
              <a:gd name="T24" fmla="*/ 121853 w 1167"/>
              <a:gd name="T25" fmla="*/ 0 h 1006"/>
              <a:gd name="T26" fmla="*/ 159621 w 1167"/>
              <a:gd name="T27" fmla="*/ 65466 h 1006"/>
              <a:gd name="T28" fmla="*/ 83373 w 1167"/>
              <a:gd name="T29" fmla="*/ 180288 h 1006"/>
              <a:gd name="T30" fmla="*/ 167816 w 1167"/>
              <a:gd name="T31" fmla="*/ 180288 h 1006"/>
              <a:gd name="T32" fmla="*/ 167816 w 1167"/>
              <a:gd name="T33" fmla="*/ 344809 h 1006"/>
              <a:gd name="T34" fmla="*/ 0 w 1167"/>
              <a:gd name="T35" fmla="*/ 344809 h 100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0" t="0" r="r" b="b"/>
            <a:pathLst>
              <a:path w="1167" h="1006">
                <a:moveTo>
                  <a:pt x="694" y="1006"/>
                </a:moveTo>
                <a:lnTo>
                  <a:pt x="694" y="1006"/>
                </a:lnTo>
                <a:lnTo>
                  <a:pt x="694" y="562"/>
                </a:lnTo>
                <a:cubicBezTo>
                  <a:pt x="694" y="296"/>
                  <a:pt x="770" y="115"/>
                  <a:pt x="1043" y="0"/>
                </a:cubicBezTo>
                <a:lnTo>
                  <a:pt x="1148" y="191"/>
                </a:lnTo>
                <a:cubicBezTo>
                  <a:pt x="977" y="273"/>
                  <a:pt x="934" y="361"/>
                  <a:pt x="934" y="526"/>
                </a:cubicBezTo>
                <a:lnTo>
                  <a:pt x="1167" y="526"/>
                </a:lnTo>
                <a:lnTo>
                  <a:pt x="1167" y="1006"/>
                </a:lnTo>
                <a:lnTo>
                  <a:pt x="694" y="1006"/>
                </a:lnTo>
                <a:close/>
                <a:moveTo>
                  <a:pt x="0" y="1006"/>
                </a:moveTo>
                <a:lnTo>
                  <a:pt x="0" y="1006"/>
                </a:lnTo>
                <a:lnTo>
                  <a:pt x="0" y="562"/>
                </a:lnTo>
                <a:cubicBezTo>
                  <a:pt x="0" y="296"/>
                  <a:pt x="69" y="115"/>
                  <a:pt x="342" y="0"/>
                </a:cubicBezTo>
                <a:lnTo>
                  <a:pt x="448" y="191"/>
                </a:lnTo>
                <a:cubicBezTo>
                  <a:pt x="277" y="273"/>
                  <a:pt x="234" y="361"/>
                  <a:pt x="234" y="526"/>
                </a:cubicBezTo>
                <a:lnTo>
                  <a:pt x="471" y="526"/>
                </a:lnTo>
                <a:lnTo>
                  <a:pt x="471" y="1006"/>
                </a:lnTo>
                <a:lnTo>
                  <a:pt x="0" y="1006"/>
                </a:lnTo>
                <a:close/>
              </a:path>
            </a:pathLst>
          </a:custGeom>
          <a:solidFill>
            <a:schemeClr val="bg1"/>
          </a:solidFill>
          <a:ln>
            <a:noFill/>
          </a:ln>
          <a:extLst>
            <a:ext uri="{91240B29-F687-4F45-9708-019B960494DF}">
              <a14:hiddenLine xmlns:a14="http://schemas.microsoft.com/office/drawing/2010/main" w="0">
                <a:solidFill>
                  <a:srgbClr val="000000"/>
                </a:solidFill>
                <a:prstDash val="solid"/>
                <a:round/>
                <a:headEnd/>
                <a:tailEnd/>
              </a14:hiddenLine>
            </a:ext>
          </a:extLst>
        </p:spPr>
        <p:txBody>
          <a:bodyPr/>
          <a:lstStyle/>
          <a:p>
            <a:endParaRPr lang="en-US"/>
          </a:p>
        </p:txBody>
      </p:sp>
      <p:sp>
        <p:nvSpPr>
          <p:cNvPr id="10" name="Text Placeholder 6"/>
          <p:cNvSpPr>
            <a:spLocks noGrp="1"/>
          </p:cNvSpPr>
          <p:nvPr>
            <p:ph type="body" sz="quarter" idx="11"/>
          </p:nvPr>
        </p:nvSpPr>
        <p:spPr>
          <a:xfrm>
            <a:off x="1187631" y="2862893"/>
            <a:ext cx="3947886" cy="2313463"/>
          </a:xfrm>
          <a:prstGeom prst="rect">
            <a:avLst/>
          </a:prstGeom>
        </p:spPr>
        <p:txBody>
          <a:bodyPr/>
          <a:lstStyle>
            <a:lvl1pPr marL="0" indent="0">
              <a:lnSpc>
                <a:spcPts val="2560"/>
              </a:lnSpc>
              <a:buNone/>
              <a:defRPr sz="1800" b="1" i="0">
                <a:solidFill>
                  <a:srgbClr val="FFFFFF"/>
                </a:solidFill>
                <a:latin typeface="Arial" panose="020B0604020202020204" pitchFamily="34" charset="0"/>
                <a:cs typeface="Arial" panose="020B0604020202020204" pitchFamily="34" charset="0"/>
              </a:defRPr>
            </a:lvl1pPr>
            <a:lvl2pPr marL="457200" indent="0">
              <a:buNone/>
              <a:defRPr b="0" i="0">
                <a:solidFill>
                  <a:schemeClr val="tx1"/>
                </a:solidFill>
                <a:latin typeface="Arial" panose="020B0604020202020204" pitchFamily="34" charset="0"/>
                <a:cs typeface="Arial" panose="020B0604020202020204" pitchFamily="34" charset="0"/>
              </a:defRPr>
            </a:lvl2pPr>
            <a:lvl3pPr marL="914400" indent="0">
              <a:buNone/>
              <a:defRPr b="0" i="0">
                <a:solidFill>
                  <a:schemeClr val="tx1"/>
                </a:solidFill>
                <a:latin typeface="Arial" panose="020B0604020202020204" pitchFamily="34" charset="0"/>
                <a:cs typeface="Arial" panose="020B0604020202020204" pitchFamily="34" charset="0"/>
              </a:defRPr>
            </a:lvl3pPr>
            <a:lvl4pPr marL="1371600" indent="0">
              <a:buNone/>
              <a:defRPr b="0" i="0">
                <a:solidFill>
                  <a:schemeClr val="tx1"/>
                </a:solidFill>
                <a:latin typeface="Arial" panose="020B0604020202020204" pitchFamily="34" charset="0"/>
                <a:cs typeface="Arial" panose="020B0604020202020204" pitchFamily="34" charset="0"/>
              </a:defRPr>
            </a:lvl4pPr>
            <a:lvl5pPr marL="1828800" indent="0">
              <a:buNone/>
              <a:defRPr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8" name="Picture Placeholder 16"/>
          <p:cNvSpPr>
            <a:spLocks noGrp="1"/>
          </p:cNvSpPr>
          <p:nvPr>
            <p:ph type="pic" sz="quarter" idx="12"/>
          </p:nvPr>
        </p:nvSpPr>
        <p:spPr>
          <a:xfrm>
            <a:off x="4635044" y="-2634"/>
            <a:ext cx="7561245" cy="6869823"/>
          </a:xfrm>
          <a:custGeom>
            <a:avLst/>
            <a:gdLst>
              <a:gd name="connsiteX0" fmla="*/ 0 w 6927273"/>
              <a:gd name="connsiteY0" fmla="*/ 0 h 6858000"/>
              <a:gd name="connsiteX1" fmla="*/ 6927273 w 6927273"/>
              <a:gd name="connsiteY1" fmla="*/ 0 h 6858000"/>
              <a:gd name="connsiteX2" fmla="*/ 6927273 w 6927273"/>
              <a:gd name="connsiteY2" fmla="*/ 6858000 h 6858000"/>
              <a:gd name="connsiteX3" fmla="*/ 0 w 6927273"/>
              <a:gd name="connsiteY3" fmla="*/ 6858000 h 6858000"/>
              <a:gd name="connsiteX4" fmla="*/ 0 w 6927273"/>
              <a:gd name="connsiteY4" fmla="*/ 0 h 6858000"/>
              <a:gd name="connsiteX0" fmla="*/ 0 w 6927273"/>
              <a:gd name="connsiteY0" fmla="*/ 0 h 6858000"/>
              <a:gd name="connsiteX1" fmla="*/ 6927273 w 6927273"/>
              <a:gd name="connsiteY1" fmla="*/ 0 h 6858000"/>
              <a:gd name="connsiteX2" fmla="*/ 4122290 w 6927273"/>
              <a:gd name="connsiteY2" fmla="*/ 6845643 h 6858000"/>
              <a:gd name="connsiteX3" fmla="*/ 0 w 6927273"/>
              <a:gd name="connsiteY3" fmla="*/ 6858000 h 6858000"/>
              <a:gd name="connsiteX4" fmla="*/ 0 w 6927273"/>
              <a:gd name="connsiteY4" fmla="*/ 0 h 6858000"/>
              <a:gd name="connsiteX0" fmla="*/ 0 w 8261397"/>
              <a:gd name="connsiteY0" fmla="*/ 0 h 6858000"/>
              <a:gd name="connsiteX1" fmla="*/ 8261397 w 8261397"/>
              <a:gd name="connsiteY1" fmla="*/ 14990 h 6858000"/>
              <a:gd name="connsiteX2" fmla="*/ 4122290 w 8261397"/>
              <a:gd name="connsiteY2" fmla="*/ 6845643 h 6858000"/>
              <a:gd name="connsiteX3" fmla="*/ 0 w 8261397"/>
              <a:gd name="connsiteY3" fmla="*/ 6858000 h 6858000"/>
              <a:gd name="connsiteX4" fmla="*/ 0 w 8261397"/>
              <a:gd name="connsiteY4" fmla="*/ 0 h 6858000"/>
              <a:gd name="connsiteX0" fmla="*/ 0 w 8261397"/>
              <a:gd name="connsiteY0" fmla="*/ 0 h 6860633"/>
              <a:gd name="connsiteX1" fmla="*/ 8261397 w 8261397"/>
              <a:gd name="connsiteY1" fmla="*/ 14990 h 6860633"/>
              <a:gd name="connsiteX2" fmla="*/ 5336493 w 8261397"/>
              <a:gd name="connsiteY2" fmla="*/ 6860633 h 6860633"/>
              <a:gd name="connsiteX3" fmla="*/ 0 w 8261397"/>
              <a:gd name="connsiteY3" fmla="*/ 6858000 h 6860633"/>
              <a:gd name="connsiteX4" fmla="*/ 0 w 8261397"/>
              <a:gd name="connsiteY4" fmla="*/ 0 h 6860633"/>
              <a:gd name="connsiteX0" fmla="*/ 0 w 8291377"/>
              <a:gd name="connsiteY0" fmla="*/ 0 h 6860633"/>
              <a:gd name="connsiteX1" fmla="*/ 8291377 w 8291377"/>
              <a:gd name="connsiteY1" fmla="*/ 0 h 6860633"/>
              <a:gd name="connsiteX2" fmla="*/ 5336493 w 8291377"/>
              <a:gd name="connsiteY2" fmla="*/ 6860633 h 6860633"/>
              <a:gd name="connsiteX3" fmla="*/ 0 w 8291377"/>
              <a:gd name="connsiteY3" fmla="*/ 6858000 h 6860633"/>
              <a:gd name="connsiteX4" fmla="*/ 0 w 8291377"/>
              <a:gd name="connsiteY4" fmla="*/ 0 h 6860633"/>
              <a:gd name="connsiteX0" fmla="*/ 0 w 8317836"/>
              <a:gd name="connsiteY0" fmla="*/ 0 h 6858000"/>
              <a:gd name="connsiteX1" fmla="*/ 8291377 w 8317836"/>
              <a:gd name="connsiteY1" fmla="*/ 0 h 6858000"/>
              <a:gd name="connsiteX2" fmla="*/ 8317836 w 8317836"/>
              <a:gd name="connsiteY2" fmla="*/ 6848601 h 6858000"/>
              <a:gd name="connsiteX3" fmla="*/ 0 w 8317836"/>
              <a:gd name="connsiteY3" fmla="*/ 6858000 h 6858000"/>
              <a:gd name="connsiteX4" fmla="*/ 0 w 8317836"/>
              <a:gd name="connsiteY4" fmla="*/ 0 h 6858000"/>
              <a:gd name="connsiteX0" fmla="*/ 0 w 8317836"/>
              <a:gd name="connsiteY0" fmla="*/ 0 h 6848601"/>
              <a:gd name="connsiteX1" fmla="*/ 8291377 w 8317836"/>
              <a:gd name="connsiteY1" fmla="*/ 0 h 6848601"/>
              <a:gd name="connsiteX2" fmla="*/ 8317836 w 8317836"/>
              <a:gd name="connsiteY2" fmla="*/ 6848601 h 6848601"/>
              <a:gd name="connsiteX3" fmla="*/ 3115036 w 8317836"/>
              <a:gd name="connsiteY3" fmla="*/ 6845968 h 6848601"/>
              <a:gd name="connsiteX4" fmla="*/ 0 w 8317836"/>
              <a:gd name="connsiteY4" fmla="*/ 0 h 6848601"/>
              <a:gd name="connsiteX0" fmla="*/ 0 w 8317836"/>
              <a:gd name="connsiteY0" fmla="*/ 0 h 6848601"/>
              <a:gd name="connsiteX1" fmla="*/ 8291377 w 8317836"/>
              <a:gd name="connsiteY1" fmla="*/ 0 h 6848601"/>
              <a:gd name="connsiteX2" fmla="*/ 8317836 w 8317836"/>
              <a:gd name="connsiteY2" fmla="*/ 6848601 h 6848601"/>
              <a:gd name="connsiteX3" fmla="*/ 3088298 w 8317836"/>
              <a:gd name="connsiteY3" fmla="*/ 6845968 h 6848601"/>
              <a:gd name="connsiteX4" fmla="*/ 0 w 8317836"/>
              <a:gd name="connsiteY4" fmla="*/ 0 h 6848601"/>
              <a:gd name="connsiteX0" fmla="*/ 0 w 8304466"/>
              <a:gd name="connsiteY0" fmla="*/ 0 h 6848601"/>
              <a:gd name="connsiteX1" fmla="*/ 8291377 w 8304466"/>
              <a:gd name="connsiteY1" fmla="*/ 0 h 6848601"/>
              <a:gd name="connsiteX2" fmla="*/ 8304466 w 8304466"/>
              <a:gd name="connsiteY2" fmla="*/ 6848601 h 6848601"/>
              <a:gd name="connsiteX3" fmla="*/ 3088298 w 8304466"/>
              <a:gd name="connsiteY3" fmla="*/ 6845968 h 6848601"/>
              <a:gd name="connsiteX4" fmla="*/ 0 w 8304466"/>
              <a:gd name="connsiteY4" fmla="*/ 0 h 6848601"/>
              <a:gd name="connsiteX0" fmla="*/ 0 w 8330971"/>
              <a:gd name="connsiteY0" fmla="*/ 0 h 6864504"/>
              <a:gd name="connsiteX1" fmla="*/ 8291377 w 8330971"/>
              <a:gd name="connsiteY1" fmla="*/ 0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4504"/>
              <a:gd name="connsiteX1" fmla="*/ 8309049 w 8330971"/>
              <a:gd name="connsiteY1" fmla="*/ 15902 h 6864504"/>
              <a:gd name="connsiteX2" fmla="*/ 8330971 w 8330971"/>
              <a:gd name="connsiteY2" fmla="*/ 6864504 h 6864504"/>
              <a:gd name="connsiteX3" fmla="*/ 3088298 w 8330971"/>
              <a:gd name="connsiteY3" fmla="*/ 6845968 h 6864504"/>
              <a:gd name="connsiteX4" fmla="*/ 0 w 8330971"/>
              <a:gd name="connsiteY4" fmla="*/ 0 h 6864504"/>
              <a:gd name="connsiteX0" fmla="*/ 0 w 8330971"/>
              <a:gd name="connsiteY0" fmla="*/ 0 h 6869822"/>
              <a:gd name="connsiteX1" fmla="*/ 8309049 w 8330971"/>
              <a:gd name="connsiteY1" fmla="*/ 15902 h 6869822"/>
              <a:gd name="connsiteX2" fmla="*/ 8330971 w 8330971"/>
              <a:gd name="connsiteY2" fmla="*/ 6864504 h 6869822"/>
              <a:gd name="connsiteX3" fmla="*/ 3070629 w 8330971"/>
              <a:gd name="connsiteY3" fmla="*/ 6869822 h 6869822"/>
              <a:gd name="connsiteX4" fmla="*/ 0 w 8330971"/>
              <a:gd name="connsiteY4" fmla="*/ 0 h 6869822"/>
              <a:gd name="connsiteX0" fmla="*/ 0 w 8330971"/>
              <a:gd name="connsiteY0" fmla="*/ 0 h 6869822"/>
              <a:gd name="connsiteX1" fmla="*/ 830904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30971"/>
              <a:gd name="connsiteY0" fmla="*/ 0 h 6869822"/>
              <a:gd name="connsiteX1" fmla="*/ 8291379 w 8330971"/>
              <a:gd name="connsiteY1" fmla="*/ 15902 h 6869822"/>
              <a:gd name="connsiteX2" fmla="*/ 8330971 w 8330971"/>
              <a:gd name="connsiteY2" fmla="*/ 6864504 h 6869822"/>
              <a:gd name="connsiteX3" fmla="*/ 3035289 w 8330971"/>
              <a:gd name="connsiteY3" fmla="*/ 6869822 h 6869822"/>
              <a:gd name="connsiteX4" fmla="*/ 0 w 8330971"/>
              <a:gd name="connsiteY4" fmla="*/ 0 h 6869822"/>
              <a:gd name="connsiteX0" fmla="*/ 0 w 8366312"/>
              <a:gd name="connsiteY0" fmla="*/ 0 h 6861870"/>
              <a:gd name="connsiteX1" fmla="*/ 8326720 w 8366312"/>
              <a:gd name="connsiteY1" fmla="*/ 7950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312"/>
              <a:gd name="connsiteY0" fmla="*/ 0 h 6861870"/>
              <a:gd name="connsiteX1" fmla="*/ 8344392 w 8366312"/>
              <a:gd name="connsiteY1" fmla="*/ 15901 h 6861870"/>
              <a:gd name="connsiteX2" fmla="*/ 8366312 w 8366312"/>
              <a:gd name="connsiteY2" fmla="*/ 6856552 h 6861870"/>
              <a:gd name="connsiteX3" fmla="*/ 3070630 w 8366312"/>
              <a:gd name="connsiteY3" fmla="*/ 6861870 h 6861870"/>
              <a:gd name="connsiteX4" fmla="*/ 0 w 8366312"/>
              <a:gd name="connsiteY4" fmla="*/ 0 h 6861870"/>
              <a:gd name="connsiteX0" fmla="*/ 0 w 8366563"/>
              <a:gd name="connsiteY0" fmla="*/ 0 h 6861870"/>
              <a:gd name="connsiteX1" fmla="*/ 8353228 w 8366563"/>
              <a:gd name="connsiteY1" fmla="*/ 15901 h 6861870"/>
              <a:gd name="connsiteX2" fmla="*/ 8366312 w 8366563"/>
              <a:gd name="connsiteY2" fmla="*/ 6856552 h 6861870"/>
              <a:gd name="connsiteX3" fmla="*/ 3070630 w 8366563"/>
              <a:gd name="connsiteY3" fmla="*/ 6861870 h 6861870"/>
              <a:gd name="connsiteX4" fmla="*/ 0 w 8366563"/>
              <a:gd name="connsiteY4" fmla="*/ 0 h 6861870"/>
              <a:gd name="connsiteX0" fmla="*/ 0 w 8366563"/>
              <a:gd name="connsiteY0" fmla="*/ 2 h 6861872"/>
              <a:gd name="connsiteX1" fmla="*/ 8353228 w 8366563"/>
              <a:gd name="connsiteY1" fmla="*/ 0 h 6861872"/>
              <a:gd name="connsiteX2" fmla="*/ 8366312 w 8366563"/>
              <a:gd name="connsiteY2" fmla="*/ 6856554 h 6861872"/>
              <a:gd name="connsiteX3" fmla="*/ 3070630 w 8366563"/>
              <a:gd name="connsiteY3" fmla="*/ 6861872 h 6861872"/>
              <a:gd name="connsiteX4" fmla="*/ 0 w 8366563"/>
              <a:gd name="connsiteY4" fmla="*/ 2 h 6861872"/>
              <a:gd name="connsiteX0" fmla="*/ 0 w 8384234"/>
              <a:gd name="connsiteY0" fmla="*/ 0 h 6885724"/>
              <a:gd name="connsiteX1" fmla="*/ 8370899 w 8384234"/>
              <a:gd name="connsiteY1" fmla="*/ 23852 h 6885724"/>
              <a:gd name="connsiteX2" fmla="*/ 8383983 w 8384234"/>
              <a:gd name="connsiteY2" fmla="*/ 6880406 h 6885724"/>
              <a:gd name="connsiteX3" fmla="*/ 3088301 w 8384234"/>
              <a:gd name="connsiteY3" fmla="*/ 6885724 h 6885724"/>
              <a:gd name="connsiteX4" fmla="*/ 0 w 8384234"/>
              <a:gd name="connsiteY4" fmla="*/ 0 h 6885724"/>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0 h 6869821"/>
              <a:gd name="connsiteX1" fmla="*/ 8388570 w 8401905"/>
              <a:gd name="connsiteY1" fmla="*/ 7949 h 6869821"/>
              <a:gd name="connsiteX2" fmla="*/ 8401654 w 8401905"/>
              <a:gd name="connsiteY2" fmla="*/ 6864503 h 6869821"/>
              <a:gd name="connsiteX3" fmla="*/ 3105972 w 8401905"/>
              <a:gd name="connsiteY3" fmla="*/ 6869821 h 6869821"/>
              <a:gd name="connsiteX4" fmla="*/ 0 w 8401905"/>
              <a:gd name="connsiteY4" fmla="*/ 0 h 6869821"/>
              <a:gd name="connsiteX0" fmla="*/ 0 w 8401905"/>
              <a:gd name="connsiteY0" fmla="*/ 2 h 6869823"/>
              <a:gd name="connsiteX1" fmla="*/ 8388570 w 8401905"/>
              <a:gd name="connsiteY1" fmla="*/ 0 h 6869823"/>
              <a:gd name="connsiteX2" fmla="*/ 8401654 w 8401905"/>
              <a:gd name="connsiteY2" fmla="*/ 6864505 h 6869823"/>
              <a:gd name="connsiteX3" fmla="*/ 3105972 w 8401905"/>
              <a:gd name="connsiteY3" fmla="*/ 6869823 h 6869823"/>
              <a:gd name="connsiteX4" fmla="*/ 0 w 8401905"/>
              <a:gd name="connsiteY4" fmla="*/ 2 h 68698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01905" h="6869823">
                <a:moveTo>
                  <a:pt x="0" y="2"/>
                </a:moveTo>
                <a:lnTo>
                  <a:pt x="8388570" y="0"/>
                </a:lnTo>
                <a:cubicBezTo>
                  <a:pt x="8413547" y="2227207"/>
                  <a:pt x="8394347" y="4581638"/>
                  <a:pt x="8401654" y="6864505"/>
                </a:cubicBezTo>
                <a:lnTo>
                  <a:pt x="3105972" y="6869823"/>
                </a:lnTo>
                <a:lnTo>
                  <a:pt x="0" y="2"/>
                </a:lnTo>
                <a:close/>
              </a:path>
            </a:pathLst>
          </a:custGeom>
          <a:solidFill>
            <a:schemeClr val="bg1">
              <a:alpha val="8000"/>
            </a:schemeClr>
          </a:solidFill>
        </p:spPr>
        <p:txBody>
          <a:bodyPr anchor="ct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a:solidFill>
                  <a:schemeClr val="bg1"/>
                </a:solidFill>
                <a:latin typeface="Arial" panose="020B0604020202020204" pitchFamily="34" charset="0"/>
                <a:cs typeface="Arial" panose="020B0604020202020204" pitchFamily="34" charset="0"/>
              </a:defRPr>
            </a:lvl1pPr>
          </a:lstStyle>
          <a:p>
            <a:pPr lvl="0"/>
            <a:r>
              <a:rPr lang="en-US" noProof="0"/>
              <a:t>Click icon to add picture</a:t>
            </a:r>
            <a:endParaRPr lang="en-GB" noProof="0"/>
          </a:p>
        </p:txBody>
      </p:sp>
    </p:spTree>
    <p:extLst>
      <p:ext uri="{BB962C8B-B14F-4D97-AF65-F5344CB8AC3E}">
        <p14:creationId xmlns:p14="http://schemas.microsoft.com/office/powerpoint/2010/main" val="218553924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Quote 2">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grpSp>
        <p:nvGrpSpPr>
          <p:cNvPr id="3" name="Group 3">
            <a:extLst>
              <a:ext uri="{FF2B5EF4-FFF2-40B4-BE49-F238E27FC236}">
                <a16:creationId xmlns:a16="http://schemas.microsoft.com/office/drawing/2014/main" id="{F748C1FA-3DB8-D049-95E9-47F54F0E70CB}"/>
              </a:ext>
            </a:extLst>
          </p:cNvPr>
          <p:cNvGrpSpPr>
            <a:grpSpLocks/>
          </p:cNvGrpSpPr>
          <p:nvPr/>
        </p:nvGrpSpPr>
        <p:grpSpPr bwMode="auto">
          <a:xfrm flipV="1">
            <a:off x="7410450" y="0"/>
            <a:ext cx="4781550" cy="6853238"/>
            <a:chOff x="7410472" y="0"/>
            <a:chExt cx="4781528" cy="6852478"/>
          </a:xfrm>
        </p:grpSpPr>
        <p:sp>
          <p:nvSpPr>
            <p:cNvPr id="5" name="Freeform 4">
              <a:extLst>
                <a:ext uri="{FF2B5EF4-FFF2-40B4-BE49-F238E27FC236}">
                  <a16:creationId xmlns:a16="http://schemas.microsoft.com/office/drawing/2014/main" id="{FDCD60CD-22A4-3A48-A7EB-5FA5211A3E14}"/>
                </a:ext>
              </a:extLst>
            </p:cNvPr>
            <p:cNvSpPr/>
            <p:nvPr/>
          </p:nvSpPr>
          <p:spPr>
            <a:xfrm flipH="1">
              <a:off x="7931237" y="0"/>
              <a:ext cx="4260763" cy="6852478"/>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52478">
                  <a:moveTo>
                    <a:pt x="0" y="1988378"/>
                  </a:moveTo>
                  <a:lnTo>
                    <a:pt x="2832100" y="7178"/>
                  </a:lnTo>
                  <a:lnTo>
                    <a:pt x="3180891" y="0"/>
                  </a:lnTo>
                  <a:lnTo>
                    <a:pt x="368300" y="6852478"/>
                  </a:lnTo>
                  <a:lnTo>
                    <a:pt x="0" y="6852478"/>
                  </a:lnTo>
                  <a:lnTo>
                    <a:pt x="0" y="19883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5">
              <a:extLst>
                <a:ext uri="{FF2B5EF4-FFF2-40B4-BE49-F238E27FC236}">
                  <a16:creationId xmlns:a16="http://schemas.microsoft.com/office/drawing/2014/main" id="{52374295-A7D7-6341-BB7F-6F77265F96AD}"/>
                </a:ext>
              </a:extLst>
            </p:cNvPr>
            <p:cNvSpPr/>
            <p:nvPr/>
          </p:nvSpPr>
          <p:spPr>
            <a:xfrm flipH="1">
              <a:off x="7410472" y="13528"/>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sp>
        <p:nvSpPr>
          <p:cNvPr id="7" name="Freeform: Shape 14">
            <a:extLst>
              <a:ext uri="{FF2B5EF4-FFF2-40B4-BE49-F238E27FC236}">
                <a16:creationId xmlns:a16="http://schemas.microsoft.com/office/drawing/2014/main" id="{2CB327C3-E24E-0441-9D73-90F5E6172ACB}"/>
              </a:ext>
            </a:extLst>
          </p:cNvPr>
          <p:cNvSpPr/>
          <p:nvPr/>
        </p:nvSpPr>
        <p:spPr>
          <a:xfrm>
            <a:off x="0" y="-62994"/>
            <a:ext cx="3596874" cy="6542259"/>
          </a:xfrm>
          <a:custGeom>
            <a:avLst/>
            <a:gdLst>
              <a:gd name="connsiteX0" fmla="*/ 3596874 w 3596874"/>
              <a:gd name="connsiteY0" fmla="*/ 0 h 6542259"/>
              <a:gd name="connsiteX1" fmla="*/ 0 w 3596874"/>
              <a:gd name="connsiteY1" fmla="*/ 6542259 h 6542259"/>
              <a:gd name="connsiteX2" fmla="*/ 0 w 3596874"/>
              <a:gd name="connsiteY2" fmla="*/ 1641660 h 6542259"/>
              <a:gd name="connsiteX3" fmla="*/ 3129673 w 3596874"/>
              <a:gd name="connsiteY3" fmla="*/ 7178 h 6542259"/>
            </a:gdLst>
            <a:ahLst/>
            <a:cxnLst>
              <a:cxn ang="0">
                <a:pos x="connsiteX0" y="connsiteY0"/>
              </a:cxn>
              <a:cxn ang="0">
                <a:pos x="connsiteX1" y="connsiteY1"/>
              </a:cxn>
              <a:cxn ang="0">
                <a:pos x="connsiteX2" y="connsiteY2"/>
              </a:cxn>
              <a:cxn ang="0">
                <a:pos x="connsiteX3" y="connsiteY3"/>
              </a:cxn>
            </a:cxnLst>
            <a:rect l="l" t="t" r="r" b="b"/>
            <a:pathLst>
              <a:path w="3596874" h="6542259">
                <a:moveTo>
                  <a:pt x="3596874" y="0"/>
                </a:moveTo>
                <a:lnTo>
                  <a:pt x="0" y="6542259"/>
                </a:lnTo>
                <a:lnTo>
                  <a:pt x="0" y="1641660"/>
                </a:lnTo>
                <a:lnTo>
                  <a:pt x="3129673" y="7178"/>
                </a:lnTo>
                <a:close/>
              </a:path>
            </a:pathLst>
          </a:custGeom>
          <a:gradFill>
            <a:gsLst>
              <a:gs pos="48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7">
            <a:extLst>
              <a:ext uri="{FF2B5EF4-FFF2-40B4-BE49-F238E27FC236}">
                <a16:creationId xmlns:a16="http://schemas.microsoft.com/office/drawing/2014/main" id="{B94AA9E1-A774-E549-AA8D-15841AA7FD9F}"/>
              </a:ext>
            </a:extLst>
          </p:cNvPr>
          <p:cNvSpPr/>
          <p:nvPr/>
        </p:nvSpPr>
        <p:spPr>
          <a:xfrm>
            <a:off x="-143124" y="-55817"/>
            <a:ext cx="4260763" cy="6825421"/>
          </a:xfrm>
          <a:custGeom>
            <a:avLst/>
            <a:gdLst>
              <a:gd name="connsiteX0" fmla="*/ 0 w 3175000"/>
              <a:gd name="connsiteY0" fmla="*/ 1981200 h 6845300"/>
              <a:gd name="connsiteX1" fmla="*/ 2832100 w 3175000"/>
              <a:gd name="connsiteY1" fmla="*/ 0 h 6845300"/>
              <a:gd name="connsiteX2" fmla="*/ 3175000 w 3175000"/>
              <a:gd name="connsiteY2" fmla="*/ 12700 h 6845300"/>
              <a:gd name="connsiteX3" fmla="*/ 368300 w 3175000"/>
              <a:gd name="connsiteY3" fmla="*/ 6845300 h 6845300"/>
              <a:gd name="connsiteX4" fmla="*/ 0 w 3175000"/>
              <a:gd name="connsiteY4" fmla="*/ 6845300 h 6845300"/>
              <a:gd name="connsiteX5" fmla="*/ 0 w 3175000"/>
              <a:gd name="connsiteY5" fmla="*/ 1981200 h 6845300"/>
              <a:gd name="connsiteX0" fmla="*/ 0 w 3180891"/>
              <a:gd name="connsiteY0" fmla="*/ 1988378 h 6852478"/>
              <a:gd name="connsiteX1" fmla="*/ 2832100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852478"/>
              <a:gd name="connsiteX1" fmla="*/ 1960294 w 3180891"/>
              <a:gd name="connsiteY1" fmla="*/ 7178 h 6852478"/>
              <a:gd name="connsiteX2" fmla="*/ 3180891 w 3180891"/>
              <a:gd name="connsiteY2" fmla="*/ 0 h 6852478"/>
              <a:gd name="connsiteX3" fmla="*/ 368300 w 3180891"/>
              <a:gd name="connsiteY3" fmla="*/ 6852478 h 6852478"/>
              <a:gd name="connsiteX4" fmla="*/ 0 w 3180891"/>
              <a:gd name="connsiteY4" fmla="*/ 6852478 h 6852478"/>
              <a:gd name="connsiteX5" fmla="*/ 0 w 3180891"/>
              <a:gd name="connsiteY5" fmla="*/ 1988378 h 6852478"/>
              <a:gd name="connsiteX0" fmla="*/ 0 w 3180891"/>
              <a:gd name="connsiteY0" fmla="*/ 1988378 h 6971748"/>
              <a:gd name="connsiteX1" fmla="*/ 1960294 w 3180891"/>
              <a:gd name="connsiteY1" fmla="*/ 7178 h 6971748"/>
              <a:gd name="connsiteX2" fmla="*/ 3180891 w 3180891"/>
              <a:gd name="connsiteY2" fmla="*/ 0 h 6971748"/>
              <a:gd name="connsiteX3" fmla="*/ 1257779 w 3180891"/>
              <a:gd name="connsiteY3" fmla="*/ 6971748 h 6971748"/>
              <a:gd name="connsiteX4" fmla="*/ 0 w 3180891"/>
              <a:gd name="connsiteY4" fmla="*/ 6852478 h 6971748"/>
              <a:gd name="connsiteX5" fmla="*/ 0 w 3180891"/>
              <a:gd name="connsiteY5" fmla="*/ 1988378 h 6971748"/>
              <a:gd name="connsiteX0" fmla="*/ 0 w 4294212"/>
              <a:gd name="connsiteY0" fmla="*/ 4065656 h 6971748"/>
              <a:gd name="connsiteX1" fmla="*/ 3073615 w 4294212"/>
              <a:gd name="connsiteY1" fmla="*/ 7178 h 6971748"/>
              <a:gd name="connsiteX2" fmla="*/ 4294212 w 4294212"/>
              <a:gd name="connsiteY2" fmla="*/ 0 h 6971748"/>
              <a:gd name="connsiteX3" fmla="*/ 2371100 w 4294212"/>
              <a:gd name="connsiteY3" fmla="*/ 6971748 h 6971748"/>
              <a:gd name="connsiteX4" fmla="*/ 1113321 w 4294212"/>
              <a:gd name="connsiteY4" fmla="*/ 6852478 h 6971748"/>
              <a:gd name="connsiteX5" fmla="*/ 0 w 4294212"/>
              <a:gd name="connsiteY5" fmla="*/ 4065656 h 6971748"/>
              <a:gd name="connsiteX0" fmla="*/ 11781 w 4305993"/>
              <a:gd name="connsiteY0" fmla="*/ 4065656 h 6971748"/>
              <a:gd name="connsiteX1" fmla="*/ 3085396 w 4305993"/>
              <a:gd name="connsiteY1" fmla="*/ 7178 h 6971748"/>
              <a:gd name="connsiteX2" fmla="*/ 4305993 w 4305993"/>
              <a:gd name="connsiteY2" fmla="*/ 0 h 6971748"/>
              <a:gd name="connsiteX3" fmla="*/ 2382881 w 4305993"/>
              <a:gd name="connsiteY3" fmla="*/ 6971748 h 6971748"/>
              <a:gd name="connsiteX4" fmla="*/ 0 w 4305993"/>
              <a:gd name="connsiteY4" fmla="*/ 6822660 h 6971748"/>
              <a:gd name="connsiteX5" fmla="*/ 11781 w 4305993"/>
              <a:gd name="connsiteY5" fmla="*/ 4065656 h 6971748"/>
              <a:gd name="connsiteX0" fmla="*/ 11781 w 4305993"/>
              <a:gd name="connsiteY0" fmla="*/ 4065656 h 6822660"/>
              <a:gd name="connsiteX1" fmla="*/ 3085396 w 4305993"/>
              <a:gd name="connsiteY1" fmla="*/ 7178 h 6822660"/>
              <a:gd name="connsiteX2" fmla="*/ 4305993 w 4305993"/>
              <a:gd name="connsiteY2" fmla="*/ 0 h 6822660"/>
              <a:gd name="connsiteX3" fmla="*/ 2406444 w 4305993"/>
              <a:gd name="connsiteY3" fmla="*/ 6812721 h 6822660"/>
              <a:gd name="connsiteX4" fmla="*/ 0 w 4305993"/>
              <a:gd name="connsiteY4" fmla="*/ 6822660 h 6822660"/>
              <a:gd name="connsiteX5" fmla="*/ 11781 w 4305993"/>
              <a:gd name="connsiteY5" fmla="*/ 4065656 h 6822660"/>
              <a:gd name="connsiteX0" fmla="*/ 11781 w 3581451"/>
              <a:gd name="connsiteY0" fmla="*/ 4058478 h 6815482"/>
              <a:gd name="connsiteX1" fmla="*/ 3085396 w 3581451"/>
              <a:gd name="connsiteY1" fmla="*/ 0 h 6815482"/>
              <a:gd name="connsiteX2" fmla="*/ 3581451 w 3581451"/>
              <a:gd name="connsiteY2" fmla="*/ 2761 h 6815482"/>
              <a:gd name="connsiteX3" fmla="*/ 2406444 w 3581451"/>
              <a:gd name="connsiteY3" fmla="*/ 6805543 h 6815482"/>
              <a:gd name="connsiteX4" fmla="*/ 0 w 3581451"/>
              <a:gd name="connsiteY4" fmla="*/ 6815482 h 6815482"/>
              <a:gd name="connsiteX5" fmla="*/ 11781 w 3581451"/>
              <a:gd name="connsiteY5" fmla="*/ 4058478 h 6815482"/>
              <a:gd name="connsiteX0" fmla="*/ 11781 w 3581451"/>
              <a:gd name="connsiteY0" fmla="*/ 4055717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11781 w 3581451"/>
              <a:gd name="connsiteY5" fmla="*/ 4055717 h 6812721"/>
              <a:gd name="connsiteX0" fmla="*/ 612621 w 3581451"/>
              <a:gd name="connsiteY0" fmla="*/ 6282082 h 6812721"/>
              <a:gd name="connsiteX1" fmla="*/ 3167864 w 3581451"/>
              <a:gd name="connsiteY1" fmla="*/ 17117 h 6812721"/>
              <a:gd name="connsiteX2" fmla="*/ 3581451 w 3581451"/>
              <a:gd name="connsiteY2" fmla="*/ 0 h 6812721"/>
              <a:gd name="connsiteX3" fmla="*/ 2406444 w 3581451"/>
              <a:gd name="connsiteY3" fmla="*/ 6802782 h 6812721"/>
              <a:gd name="connsiteX4" fmla="*/ 0 w 3581451"/>
              <a:gd name="connsiteY4" fmla="*/ 6812721 h 6812721"/>
              <a:gd name="connsiteX5" fmla="*/ 612621 w 3581451"/>
              <a:gd name="connsiteY5" fmla="*/ 6282082 h 6812721"/>
              <a:gd name="connsiteX0" fmla="*/ 0 w 2968830"/>
              <a:gd name="connsiteY0" fmla="*/ 6282082 h 6822660"/>
              <a:gd name="connsiteX1" fmla="*/ 2555243 w 2968830"/>
              <a:gd name="connsiteY1" fmla="*/ 17117 h 6822660"/>
              <a:gd name="connsiteX2" fmla="*/ 2968830 w 2968830"/>
              <a:gd name="connsiteY2" fmla="*/ 0 h 6822660"/>
              <a:gd name="connsiteX3" fmla="*/ 1793823 w 2968830"/>
              <a:gd name="connsiteY3" fmla="*/ 6802782 h 6822660"/>
              <a:gd name="connsiteX4" fmla="*/ 365216 w 2968830"/>
              <a:gd name="connsiteY4" fmla="*/ 6822660 h 6822660"/>
              <a:gd name="connsiteX5" fmla="*/ 0 w 2968830"/>
              <a:gd name="connsiteY5" fmla="*/ 6282082 h 6822660"/>
              <a:gd name="connsiteX0" fmla="*/ 0 w 3180891"/>
              <a:gd name="connsiteY0" fmla="*/ 6798916 h 6822660"/>
              <a:gd name="connsiteX1" fmla="*/ 2767304 w 3180891"/>
              <a:gd name="connsiteY1" fmla="*/ 17117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61414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 name="connsiteX0" fmla="*/ 0 w 3180891"/>
              <a:gd name="connsiteY0" fmla="*/ 6798916 h 6822660"/>
              <a:gd name="connsiteX1" fmla="*/ 2843883 w 3180891"/>
              <a:gd name="connsiteY1" fmla="*/ 7178 h 6822660"/>
              <a:gd name="connsiteX2" fmla="*/ 3180891 w 3180891"/>
              <a:gd name="connsiteY2" fmla="*/ 0 h 6822660"/>
              <a:gd name="connsiteX3" fmla="*/ 2005884 w 3180891"/>
              <a:gd name="connsiteY3" fmla="*/ 6802782 h 6822660"/>
              <a:gd name="connsiteX4" fmla="*/ 577277 w 3180891"/>
              <a:gd name="connsiteY4" fmla="*/ 6822660 h 6822660"/>
              <a:gd name="connsiteX5" fmla="*/ 0 w 3180891"/>
              <a:gd name="connsiteY5" fmla="*/ 6798916 h 6822660"/>
              <a:gd name="connsiteX0" fmla="*/ 0 w 3180891"/>
              <a:gd name="connsiteY0" fmla="*/ 6801677 h 6825421"/>
              <a:gd name="connsiteX1" fmla="*/ 2784977 w 3180891"/>
              <a:gd name="connsiteY1" fmla="*/ 0 h 6825421"/>
              <a:gd name="connsiteX2" fmla="*/ 3180891 w 3180891"/>
              <a:gd name="connsiteY2" fmla="*/ 2761 h 6825421"/>
              <a:gd name="connsiteX3" fmla="*/ 2005884 w 3180891"/>
              <a:gd name="connsiteY3" fmla="*/ 6805543 h 6825421"/>
              <a:gd name="connsiteX4" fmla="*/ 577277 w 3180891"/>
              <a:gd name="connsiteY4" fmla="*/ 6825421 h 6825421"/>
              <a:gd name="connsiteX5" fmla="*/ 0 w 3180891"/>
              <a:gd name="connsiteY5" fmla="*/ 6801677 h 6825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80891" h="6825421">
                <a:moveTo>
                  <a:pt x="0" y="6801677"/>
                </a:moveTo>
                <a:lnTo>
                  <a:pt x="2784977" y="0"/>
                </a:lnTo>
                <a:lnTo>
                  <a:pt x="3180891" y="2761"/>
                </a:lnTo>
                <a:lnTo>
                  <a:pt x="2005884" y="6805543"/>
                </a:lnTo>
                <a:lnTo>
                  <a:pt x="577277" y="6825421"/>
                </a:lnTo>
                <a:lnTo>
                  <a:pt x="0" y="6801677"/>
                </a:lnTo>
                <a:close/>
              </a:path>
            </a:pathLst>
          </a:custGeom>
          <a:gradFill>
            <a:gsLst>
              <a:gs pos="83000">
                <a:srgbClr val="0F5F7E">
                  <a:alpha val="0"/>
                </a:srgbClr>
              </a:gs>
              <a:gs pos="0">
                <a:schemeClr val="bg1">
                  <a:alpha val="26000"/>
                </a:schemeClr>
              </a:gs>
            </a:gsLst>
            <a:lin ang="36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9">
            <a:extLst>
              <a:ext uri="{FF2B5EF4-FFF2-40B4-BE49-F238E27FC236}">
                <a16:creationId xmlns:a16="http://schemas.microsoft.com/office/drawing/2014/main" id="{4B76543A-0DED-C94C-A78C-F6F18ED2C6A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 name="Straight Connector 9">
            <a:extLst>
              <a:ext uri="{FF2B5EF4-FFF2-40B4-BE49-F238E27FC236}">
                <a16:creationId xmlns:a16="http://schemas.microsoft.com/office/drawing/2014/main" id="{9D3A30B9-120F-E441-A144-12CDE2B02F63}"/>
              </a:ext>
            </a:extLst>
          </p:cNvPr>
          <p:cNvCxnSpPr>
            <a:cxnSpLocks/>
          </p:cNvCxnSpPr>
          <p:nvPr/>
        </p:nvCxnSpPr>
        <p:spPr>
          <a:xfrm flipV="1">
            <a:off x="8913701" y="-1788"/>
            <a:ext cx="2227575" cy="6854266"/>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757A0A27-5797-F145-9B65-601E05EBA2D7}"/>
              </a:ext>
            </a:extLst>
          </p:cNvPr>
          <p:cNvCxnSpPr>
            <a:cxnSpLocks/>
          </p:cNvCxnSpPr>
          <p:nvPr/>
        </p:nvCxnSpPr>
        <p:spPr>
          <a:xfrm flipH="1" flipV="1">
            <a:off x="11790500" y="-1788"/>
            <a:ext cx="401500" cy="4262892"/>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DBA30E69-F9C2-5B49-8BC5-2BBB1A2D1440}"/>
              </a:ext>
            </a:extLst>
          </p:cNvPr>
          <p:cNvCxnSpPr>
            <a:cxnSpLocks/>
          </p:cNvCxnSpPr>
          <p:nvPr/>
        </p:nvCxnSpPr>
        <p:spPr>
          <a:xfrm flipV="1">
            <a:off x="76398" y="-57385"/>
            <a:ext cx="3749237" cy="6963258"/>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0567E4B-879A-1647-AE03-7B6427F1C85F}"/>
              </a:ext>
            </a:extLst>
          </p:cNvPr>
          <p:cNvCxnSpPr>
            <a:cxnSpLocks/>
          </p:cNvCxnSpPr>
          <p:nvPr/>
        </p:nvCxnSpPr>
        <p:spPr>
          <a:xfrm flipV="1">
            <a:off x="0" y="-1788"/>
            <a:ext cx="982292" cy="5159004"/>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sp>
        <p:nvSpPr>
          <p:cNvPr id="4" name="Text Placeholder 3"/>
          <p:cNvSpPr>
            <a:spLocks noGrp="1"/>
          </p:cNvSpPr>
          <p:nvPr>
            <p:ph type="body" sz="quarter" idx="16"/>
          </p:nvPr>
        </p:nvSpPr>
        <p:spPr>
          <a:xfrm>
            <a:off x="2621280" y="2743994"/>
            <a:ext cx="6949440" cy="1370013"/>
          </a:xfrm>
          <a:prstGeom prst="rect">
            <a:avLst/>
          </a:prstGeom>
        </p:spPr>
        <p:txBody>
          <a:bodyPr anchor="ctr"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41917050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Quote 3">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5" name="Freeform: Shape 29">
            <a:extLst>
              <a:ext uri="{FF2B5EF4-FFF2-40B4-BE49-F238E27FC236}">
                <a16:creationId xmlns:a16="http://schemas.microsoft.com/office/drawing/2014/main" id="{9E8F96FA-7CAB-944F-A604-03CE982034EC}"/>
              </a:ext>
            </a:extLst>
          </p:cNvPr>
          <p:cNvSpPr/>
          <p:nvPr/>
        </p:nvSpPr>
        <p:spPr>
          <a:xfrm flipH="1">
            <a:off x="8449808" y="0"/>
            <a:ext cx="3742193" cy="6525829"/>
          </a:xfrm>
          <a:custGeom>
            <a:avLst/>
            <a:gdLst>
              <a:gd name="connsiteX0" fmla="*/ 3742193 w 3742193"/>
              <a:gd name="connsiteY0" fmla="*/ 0 h 6525829"/>
              <a:gd name="connsiteX1" fmla="*/ 0 w 3742193"/>
              <a:gd name="connsiteY1" fmla="*/ 6049 h 6525829"/>
              <a:gd name="connsiteX2" fmla="*/ 0 w 3742193"/>
              <a:gd name="connsiteY2" fmla="*/ 6525829 h 6525829"/>
            </a:gdLst>
            <a:ahLst/>
            <a:cxnLst>
              <a:cxn ang="0">
                <a:pos x="connsiteX0" y="connsiteY0"/>
              </a:cxn>
              <a:cxn ang="0">
                <a:pos x="connsiteX1" y="connsiteY1"/>
              </a:cxn>
              <a:cxn ang="0">
                <a:pos x="connsiteX2" y="connsiteY2"/>
              </a:cxn>
            </a:cxnLst>
            <a:rect l="l" t="t" r="r" b="b"/>
            <a:pathLst>
              <a:path w="3742193" h="6525829">
                <a:moveTo>
                  <a:pt x="3742193" y="0"/>
                </a:moveTo>
                <a:lnTo>
                  <a:pt x="0" y="6049"/>
                </a:lnTo>
                <a:lnTo>
                  <a:pt x="0" y="6525829"/>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6" name="Freeform: Shape 36">
            <a:extLst>
              <a:ext uri="{FF2B5EF4-FFF2-40B4-BE49-F238E27FC236}">
                <a16:creationId xmlns:a16="http://schemas.microsoft.com/office/drawing/2014/main" id="{607DC25E-7B79-464E-9DA2-0602D2368352}"/>
              </a:ext>
            </a:extLst>
          </p:cNvPr>
          <p:cNvSpPr/>
          <p:nvPr/>
        </p:nvSpPr>
        <p:spPr>
          <a:xfrm flipH="1" flipV="1">
            <a:off x="9915525" y="4763"/>
            <a:ext cx="2276475" cy="6853237"/>
          </a:xfrm>
          <a:custGeom>
            <a:avLst/>
            <a:gdLst>
              <a:gd name="connsiteX0" fmla="*/ 558862 w 2276221"/>
              <a:gd name="connsiteY0" fmla="*/ 6853602 h 6853602"/>
              <a:gd name="connsiteX1" fmla="*/ 0 w 2276221"/>
              <a:gd name="connsiteY1" fmla="*/ 6853602 h 6853602"/>
              <a:gd name="connsiteX2" fmla="*/ 0 w 2276221"/>
              <a:gd name="connsiteY2" fmla="*/ 0 h 6853602"/>
              <a:gd name="connsiteX3" fmla="*/ 2276221 w 2276221"/>
              <a:gd name="connsiteY3" fmla="*/ 0 h 6853602"/>
            </a:gdLst>
            <a:ahLst/>
            <a:cxnLst>
              <a:cxn ang="0">
                <a:pos x="connsiteX0" y="connsiteY0"/>
              </a:cxn>
              <a:cxn ang="0">
                <a:pos x="connsiteX1" y="connsiteY1"/>
              </a:cxn>
              <a:cxn ang="0">
                <a:pos x="connsiteX2" y="connsiteY2"/>
              </a:cxn>
              <a:cxn ang="0">
                <a:pos x="connsiteX3" y="connsiteY3"/>
              </a:cxn>
            </a:cxnLst>
            <a:rect l="l" t="t" r="r" b="b"/>
            <a:pathLst>
              <a:path w="2276221" h="6853602">
                <a:moveTo>
                  <a:pt x="558862" y="6853602"/>
                </a:moveTo>
                <a:lnTo>
                  <a:pt x="0" y="6853602"/>
                </a:lnTo>
                <a:lnTo>
                  <a:pt x="0" y="0"/>
                </a:lnTo>
                <a:lnTo>
                  <a:pt x="2276221" y="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grpSp>
        <p:nvGrpSpPr>
          <p:cNvPr id="7" name="Group 5">
            <a:extLst>
              <a:ext uri="{FF2B5EF4-FFF2-40B4-BE49-F238E27FC236}">
                <a16:creationId xmlns:a16="http://schemas.microsoft.com/office/drawing/2014/main" id="{02386D3E-0925-E345-A74F-A39FC333008A}"/>
              </a:ext>
            </a:extLst>
          </p:cNvPr>
          <p:cNvGrpSpPr>
            <a:grpSpLocks/>
          </p:cNvGrpSpPr>
          <p:nvPr/>
        </p:nvGrpSpPr>
        <p:grpSpPr bwMode="auto">
          <a:xfrm>
            <a:off x="4641850" y="1747838"/>
            <a:ext cx="2908300" cy="2687637"/>
            <a:chOff x="1808480" y="2034708"/>
            <a:chExt cx="1016000" cy="939417"/>
          </a:xfrm>
        </p:grpSpPr>
        <p:pic>
          <p:nvPicPr>
            <p:cNvPr id="8" name="Picture 7">
              <a:extLst>
                <a:ext uri="{FF2B5EF4-FFF2-40B4-BE49-F238E27FC236}">
                  <a16:creationId xmlns:a16="http://schemas.microsoft.com/office/drawing/2014/main" id="{24712C87-59EF-E74C-BD67-5F413DA16EE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1808480" y="2034708"/>
              <a:ext cx="497840" cy="939417"/>
            </a:xfrm>
            <a:prstGeom prst="rect">
              <a:avLst/>
            </a:prstGeom>
          </p:spPr>
        </p:pic>
        <p:pic>
          <p:nvPicPr>
            <p:cNvPr id="9" name="Picture 8">
              <a:extLst>
                <a:ext uri="{FF2B5EF4-FFF2-40B4-BE49-F238E27FC236}">
                  <a16:creationId xmlns:a16="http://schemas.microsoft.com/office/drawing/2014/main" id="{A72C8DA5-D81B-3C43-AA83-E4F1F43467BD}"/>
                </a:ext>
              </a:extLst>
            </p:cNvPr>
            <p:cNvPicPr>
              <a:picLocks noChangeAspect="1"/>
            </p:cNvPicPr>
            <p:nvPr/>
          </p:nvPicPr>
          <p:blipFill rotWithShape="1">
            <a:blip r:embed="rId2">
              <a:duotone>
                <a:schemeClr val="accent1">
                  <a:shade val="45000"/>
                  <a:satMod val="135000"/>
                </a:schemeClr>
                <a:prstClr val="white"/>
              </a:duotone>
              <a:alphaModFix amt="20000"/>
            </a:blip>
            <a:srcRect r="53883"/>
            <a:stretch/>
          </p:blipFill>
          <p:spPr>
            <a:xfrm>
              <a:off x="2326640" y="2034708"/>
              <a:ext cx="497840" cy="939417"/>
            </a:xfrm>
            <a:prstGeom prst="rect">
              <a:avLst/>
            </a:prstGeom>
          </p:spPr>
        </p:pic>
      </p:grpSp>
      <p:sp>
        <p:nvSpPr>
          <p:cNvPr id="10" name="Freeform: Shape 33">
            <a:extLst>
              <a:ext uri="{FF2B5EF4-FFF2-40B4-BE49-F238E27FC236}">
                <a16:creationId xmlns:a16="http://schemas.microsoft.com/office/drawing/2014/main" id="{50D42F4D-F0CF-6941-AE3A-4F41DDCD9390}"/>
              </a:ext>
            </a:extLst>
          </p:cNvPr>
          <p:cNvSpPr/>
          <p:nvPr/>
        </p:nvSpPr>
        <p:spPr>
          <a:xfrm rot="10800000" flipH="1">
            <a:off x="0" y="0"/>
            <a:ext cx="3409631" cy="6858000"/>
          </a:xfrm>
          <a:custGeom>
            <a:avLst/>
            <a:gdLst>
              <a:gd name="connsiteX0" fmla="*/ 0 w 3409631"/>
              <a:gd name="connsiteY0" fmla="*/ 6858000 h 6858000"/>
              <a:gd name="connsiteX1" fmla="*/ 96110 w 3409631"/>
              <a:gd name="connsiteY1" fmla="*/ 6858000 h 6858000"/>
              <a:gd name="connsiteX2" fmla="*/ 3409631 w 3409631"/>
              <a:gd name="connsiteY2" fmla="*/ 0 h 6858000"/>
              <a:gd name="connsiteX3" fmla="*/ 0 w 3409631"/>
              <a:gd name="connsiteY3" fmla="*/ 6542 h 6858000"/>
            </a:gdLst>
            <a:ahLst/>
            <a:cxnLst>
              <a:cxn ang="0">
                <a:pos x="connsiteX0" y="connsiteY0"/>
              </a:cxn>
              <a:cxn ang="0">
                <a:pos x="connsiteX1" y="connsiteY1"/>
              </a:cxn>
              <a:cxn ang="0">
                <a:pos x="connsiteX2" y="connsiteY2"/>
              </a:cxn>
              <a:cxn ang="0">
                <a:pos x="connsiteX3" y="connsiteY3"/>
              </a:cxn>
            </a:cxnLst>
            <a:rect l="l" t="t" r="r" b="b"/>
            <a:pathLst>
              <a:path w="3409631" h="6858000">
                <a:moveTo>
                  <a:pt x="0" y="6858000"/>
                </a:moveTo>
                <a:lnTo>
                  <a:pt x="96110" y="6858000"/>
                </a:lnTo>
                <a:lnTo>
                  <a:pt x="3409631" y="0"/>
                </a:lnTo>
                <a:lnTo>
                  <a:pt x="0" y="6542"/>
                </a:lnTo>
                <a:close/>
              </a:path>
            </a:pathLst>
          </a:custGeom>
          <a:gradFill>
            <a:gsLst>
              <a:gs pos="74000">
                <a:schemeClr val="accent4">
                  <a:alpha val="73000"/>
                </a:schemeClr>
              </a:gs>
              <a:gs pos="0">
                <a:schemeClr val="accent1"/>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1" name="Freeform: Shape 27">
            <a:extLst>
              <a:ext uri="{FF2B5EF4-FFF2-40B4-BE49-F238E27FC236}">
                <a16:creationId xmlns:a16="http://schemas.microsoft.com/office/drawing/2014/main" id="{7E3EB91F-5972-2D43-A03D-2FDDF492E3DA}"/>
              </a:ext>
            </a:extLst>
          </p:cNvPr>
          <p:cNvSpPr/>
          <p:nvPr/>
        </p:nvSpPr>
        <p:spPr>
          <a:xfrm rot="10800000" flipH="1" flipV="1">
            <a:off x="0" y="0"/>
            <a:ext cx="2170113" cy="6858000"/>
          </a:xfrm>
          <a:custGeom>
            <a:avLst/>
            <a:gdLst>
              <a:gd name="connsiteX0" fmla="*/ 0 w 2170859"/>
              <a:gd name="connsiteY0" fmla="*/ 0 h 6858000"/>
              <a:gd name="connsiteX1" fmla="*/ 2170859 w 2170859"/>
              <a:gd name="connsiteY1" fmla="*/ 0 h 6858000"/>
              <a:gd name="connsiteX2" fmla="*/ 722949 w 2170859"/>
              <a:gd name="connsiteY2" fmla="*/ 6858000 h 6858000"/>
              <a:gd name="connsiteX3" fmla="*/ 0 w 217085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2170859" h="6858000">
                <a:moveTo>
                  <a:pt x="0" y="0"/>
                </a:moveTo>
                <a:lnTo>
                  <a:pt x="2170859" y="0"/>
                </a:lnTo>
                <a:lnTo>
                  <a:pt x="722949" y="6858000"/>
                </a:lnTo>
                <a:lnTo>
                  <a:pt x="0" y="6858000"/>
                </a:lnTo>
                <a:close/>
              </a:path>
            </a:pathLst>
          </a:custGeom>
          <a:gradFill>
            <a:gsLst>
              <a:gs pos="0">
                <a:schemeClr val="accent3">
                  <a:lumMod val="78000"/>
                  <a:alpha val="10000"/>
                </a:schemeClr>
              </a:gs>
              <a:gs pos="62000">
                <a:schemeClr val="accent1">
                  <a:alpha val="87000"/>
                  <a:lumMod val="93000"/>
                  <a:lumOff val="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12" name="Picture 11">
            <a:extLst>
              <a:ext uri="{FF2B5EF4-FFF2-40B4-BE49-F238E27FC236}">
                <a16:creationId xmlns:a16="http://schemas.microsoft.com/office/drawing/2014/main" id="{0E5ED0BF-5F5D-B646-9F06-0DAD934A2C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Text Placeholder 3"/>
          <p:cNvSpPr>
            <a:spLocks noGrp="1"/>
          </p:cNvSpPr>
          <p:nvPr>
            <p:ph type="body" sz="quarter" idx="18"/>
          </p:nvPr>
        </p:nvSpPr>
        <p:spPr>
          <a:xfrm>
            <a:off x="2712720" y="3949400"/>
            <a:ext cx="6766560" cy="639733"/>
          </a:xfrm>
          <a:prstGeom prst="rect">
            <a:avLst/>
          </a:prstGeom>
        </p:spPr>
        <p:txBody>
          <a:bodyPr/>
          <a:lstStyle>
            <a:lvl1pPr marL="0" indent="0" algn="ctr">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4" name="Text Placeholder 3"/>
          <p:cNvSpPr>
            <a:spLocks noGrp="1"/>
          </p:cNvSpPr>
          <p:nvPr>
            <p:ph type="body" sz="quarter" idx="19"/>
          </p:nvPr>
        </p:nvSpPr>
        <p:spPr>
          <a:xfrm>
            <a:off x="2712720" y="2470150"/>
            <a:ext cx="6766560" cy="1370013"/>
          </a:xfrm>
          <a:prstGeom prst="rect">
            <a:avLst/>
          </a:prstGeom>
        </p:spPr>
        <p:txBody>
          <a:bodyPr anchor="b" anchorCtr="0"/>
          <a:lstStyle>
            <a:lvl1pPr marL="0" indent="0" algn="ctr">
              <a:spcBef>
                <a:spcPts val="0"/>
              </a:spcBef>
              <a:buNone/>
              <a:defRPr sz="48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83301347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Quote 4">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2064AD-2D2F-AC4C-9A06-C38F2456CA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2E54F7A8-92D2-A947-9DCD-8B0D90BF3B6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565D15DF-7509-5742-9DBF-C1E643C66773}"/>
              </a:ext>
            </a:extLst>
          </p:cNvPr>
          <p:cNvPicPr>
            <a:picLocks noChangeAspect="1" noChangeArrowheads="1"/>
          </p:cNvPicPr>
          <p:nvPr/>
        </p:nvPicPr>
        <p:blipFill>
          <a:blip r:embed="rId4">
            <a:lum bright="70000" contrast="-70000"/>
            <a:extLst>
              <a:ext uri="{28A0092B-C50C-407E-A947-70E740481C1C}">
                <a14:useLocalDpi xmlns:a14="http://schemas.microsoft.com/office/drawing/2010/main" val="0"/>
              </a:ext>
            </a:extLst>
          </a:blip>
          <a:srcRect/>
          <a:stretch>
            <a:fillRect/>
          </a:stretch>
        </p:blipFill>
        <p:spPr bwMode="auto">
          <a:xfrm>
            <a:off x="1119188" y="1658938"/>
            <a:ext cx="735012" cy="639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 Placeholder 2"/>
          <p:cNvSpPr>
            <a:spLocks noGrp="1"/>
          </p:cNvSpPr>
          <p:nvPr>
            <p:ph type="body" sz="quarter" idx="17"/>
          </p:nvPr>
        </p:nvSpPr>
        <p:spPr>
          <a:xfrm>
            <a:off x="1945024" y="1660055"/>
            <a:ext cx="7315200"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0" name="Text Placeholder 2"/>
          <p:cNvSpPr>
            <a:spLocks noGrp="1"/>
          </p:cNvSpPr>
          <p:nvPr>
            <p:ph type="body" sz="quarter" idx="18"/>
          </p:nvPr>
        </p:nvSpPr>
        <p:spPr>
          <a:xfrm>
            <a:off x="1945024" y="3323179"/>
            <a:ext cx="7315200" cy="661016"/>
          </a:xfrm>
          <a:prstGeom prst="rect">
            <a:avLst/>
          </a:prstGeom>
        </p:spPr>
        <p:txBody>
          <a:bodyPr/>
          <a:lstStyle>
            <a:lvl1pPr marL="0" indent="0">
              <a:spcBef>
                <a:spcPts val="0"/>
              </a:spcBef>
              <a:buNone/>
              <a:defRPr sz="1800" b="1">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271259714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Quote 5">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4747AC3-97AE-AF42-A87C-0C9A22C7CFF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C35ECC04-CADD-2E46-88A1-EFAF413281B4}"/>
              </a:ext>
            </a:extLst>
          </p:cNvPr>
          <p:cNvPicPr>
            <a:picLocks noChangeAspect="1" noChangeArrowheads="1"/>
          </p:cNvPicPr>
          <p:nvPr/>
        </p:nvPicPr>
        <p:blipFill>
          <a:blip r:embed="rId3">
            <a:lum bright="70000" contrast="-70000"/>
            <a:extLst>
              <a:ext uri="{28A0092B-C50C-407E-A947-70E740481C1C}">
                <a14:useLocalDpi xmlns:a14="http://schemas.microsoft.com/office/drawing/2010/main" val="0"/>
              </a:ext>
            </a:extLst>
          </a:blip>
          <a:srcRect/>
          <a:stretch>
            <a:fillRect/>
          </a:stretch>
        </p:blipFill>
        <p:spPr bwMode="auto">
          <a:xfrm>
            <a:off x="3711575" y="977900"/>
            <a:ext cx="735013" cy="6397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Freeform: Shape 19">
            <a:extLst>
              <a:ext uri="{FF2B5EF4-FFF2-40B4-BE49-F238E27FC236}">
                <a16:creationId xmlns:a16="http://schemas.microsoft.com/office/drawing/2014/main" id="{86D0DB79-08E2-4D48-B16F-AF4036C66F26}"/>
              </a:ext>
            </a:extLst>
          </p:cNvPr>
          <p:cNvSpPr/>
          <p:nvPr/>
        </p:nvSpPr>
        <p:spPr>
          <a:xfrm flipV="1">
            <a:off x="0" y="0"/>
            <a:ext cx="3752850" cy="4975225"/>
          </a:xfrm>
          <a:custGeom>
            <a:avLst/>
            <a:gdLst>
              <a:gd name="connsiteX0" fmla="*/ 0 w 3753196"/>
              <a:gd name="connsiteY0" fmla="*/ 4975888 h 4975888"/>
              <a:gd name="connsiteX1" fmla="*/ 3753196 w 3753196"/>
              <a:gd name="connsiteY1" fmla="*/ 4975888 h 4975888"/>
              <a:gd name="connsiteX2" fmla="*/ 0 w 3753196"/>
              <a:gd name="connsiteY2" fmla="*/ 0 h 4975888"/>
            </a:gdLst>
            <a:ahLst/>
            <a:cxnLst>
              <a:cxn ang="0">
                <a:pos x="connsiteX0" y="connsiteY0"/>
              </a:cxn>
              <a:cxn ang="0">
                <a:pos x="connsiteX1" y="connsiteY1"/>
              </a:cxn>
              <a:cxn ang="0">
                <a:pos x="connsiteX2" y="connsiteY2"/>
              </a:cxn>
            </a:cxnLst>
            <a:rect l="l" t="t" r="r" b="b"/>
            <a:pathLst>
              <a:path w="3753196" h="4975888">
                <a:moveTo>
                  <a:pt x="0" y="4975888"/>
                </a:moveTo>
                <a:lnTo>
                  <a:pt x="3753196" y="4975888"/>
                </a:lnTo>
                <a:lnTo>
                  <a:pt x="0" y="0"/>
                </a:lnTo>
                <a:close/>
              </a:path>
            </a:pathLst>
          </a:custGeom>
          <a:gradFill>
            <a:gsLst>
              <a:gs pos="0">
                <a:schemeClr val="accent1"/>
              </a:gs>
              <a:gs pos="55000">
                <a:schemeClr val="accent4">
                  <a:alpha val="89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7" name="Straight Connector 6">
            <a:extLst>
              <a:ext uri="{FF2B5EF4-FFF2-40B4-BE49-F238E27FC236}">
                <a16:creationId xmlns:a16="http://schemas.microsoft.com/office/drawing/2014/main" id="{3518F3B1-4E5D-374B-A9A1-43C2D7A7B699}"/>
              </a:ext>
            </a:extLst>
          </p:cNvPr>
          <p:cNvCxnSpPr>
            <a:cxnSpLocks/>
          </p:cNvCxnSpPr>
          <p:nvPr/>
        </p:nvCxnSpPr>
        <p:spPr>
          <a:xfrm>
            <a:off x="524676" y="-27432"/>
            <a:ext cx="5310859" cy="6888754"/>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8" name="Freeform: Shape 22">
            <a:extLst>
              <a:ext uri="{FF2B5EF4-FFF2-40B4-BE49-F238E27FC236}">
                <a16:creationId xmlns:a16="http://schemas.microsoft.com/office/drawing/2014/main" id="{4EC12C6F-9ACF-F843-9F54-08FDF7D60757}"/>
              </a:ext>
            </a:extLst>
          </p:cNvPr>
          <p:cNvSpPr/>
          <p:nvPr/>
        </p:nvSpPr>
        <p:spPr>
          <a:xfrm>
            <a:off x="0" y="0"/>
            <a:ext cx="5711825" cy="6858000"/>
          </a:xfrm>
          <a:custGeom>
            <a:avLst/>
            <a:gdLst>
              <a:gd name="connsiteX0" fmla="*/ 0 w 5712299"/>
              <a:gd name="connsiteY0" fmla="*/ 0 h 6858000"/>
              <a:gd name="connsiteX1" fmla="*/ 416065 w 5712299"/>
              <a:gd name="connsiteY1" fmla="*/ 0 h 6858000"/>
              <a:gd name="connsiteX2" fmla="*/ 5712299 w 5712299"/>
              <a:gd name="connsiteY2" fmla="*/ 6858000 h 6858000"/>
              <a:gd name="connsiteX3" fmla="*/ 0 w 5712299"/>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5712299" h="6858000">
                <a:moveTo>
                  <a:pt x="0" y="0"/>
                </a:moveTo>
                <a:lnTo>
                  <a:pt x="416065" y="0"/>
                </a:lnTo>
                <a:lnTo>
                  <a:pt x="5712299" y="6858000"/>
                </a:lnTo>
                <a:lnTo>
                  <a:pt x="0" y="6858000"/>
                </a:lnTo>
                <a:close/>
              </a:path>
            </a:pathLst>
          </a:custGeom>
          <a:gradFill>
            <a:gsLst>
              <a:gs pos="0">
                <a:schemeClr val="accent1"/>
              </a:gs>
              <a:gs pos="98000">
                <a:schemeClr val="accent4">
                  <a:alpha val="87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9" name="Straight Connector 8">
            <a:extLst>
              <a:ext uri="{FF2B5EF4-FFF2-40B4-BE49-F238E27FC236}">
                <a16:creationId xmlns:a16="http://schemas.microsoft.com/office/drawing/2014/main" id="{8FAEA57D-82AE-E845-8BD4-70D88FF53DA1}"/>
              </a:ext>
            </a:extLst>
          </p:cNvPr>
          <p:cNvCxnSpPr>
            <a:cxnSpLocks/>
          </p:cNvCxnSpPr>
          <p:nvPr/>
        </p:nvCxnSpPr>
        <p:spPr>
          <a:xfrm>
            <a:off x="662505" y="-27432"/>
            <a:ext cx="5321115" cy="6902057"/>
          </a:xfrm>
          <a:prstGeom prst="line">
            <a:avLst/>
          </a:prstGeom>
          <a:ln w="22225">
            <a:gradFill>
              <a:gsLst>
                <a:gs pos="88000">
                  <a:schemeClr val="accent3"/>
                </a:gs>
                <a:gs pos="47000">
                  <a:schemeClr val="accent1"/>
                </a:gs>
              </a:gsLst>
              <a:lin ang="10800000" scaled="0"/>
            </a:gradFill>
          </a:ln>
        </p:spPr>
        <p:style>
          <a:lnRef idx="1">
            <a:schemeClr val="accent1"/>
          </a:lnRef>
          <a:fillRef idx="0">
            <a:schemeClr val="accent1"/>
          </a:fillRef>
          <a:effectRef idx="0">
            <a:schemeClr val="accent1"/>
          </a:effectRef>
          <a:fontRef idx="minor">
            <a:schemeClr val="tx1"/>
          </a:fontRef>
        </p:style>
      </p:cxnSp>
      <p:sp>
        <p:nvSpPr>
          <p:cNvPr id="3" name="Text Placeholder 2"/>
          <p:cNvSpPr>
            <a:spLocks noGrp="1"/>
          </p:cNvSpPr>
          <p:nvPr>
            <p:ph type="body" sz="quarter" idx="17"/>
          </p:nvPr>
        </p:nvSpPr>
        <p:spPr>
          <a:xfrm>
            <a:off x="4516208" y="1104861"/>
            <a:ext cx="7066192" cy="1657389"/>
          </a:xfrm>
          <a:prstGeom prst="rect">
            <a:avLst/>
          </a:prstGeom>
        </p:spPr>
        <p:txBody>
          <a:bodyPr/>
          <a:lstStyle>
            <a:lvl1pPr marL="0" indent="0">
              <a:spcBef>
                <a:spcPts val="0"/>
              </a:spcBef>
              <a:buNone/>
              <a:defRPr sz="5400" b="1">
                <a:solidFill>
                  <a:srgbClr val="FFFFFF"/>
                </a:solidFill>
                <a:latin typeface="Arial" panose="020B0604020202020204" pitchFamily="34" charset="0"/>
                <a:cs typeface="Arial" panose="020B0604020202020204" pitchFamily="34" charset="0"/>
              </a:defRPr>
            </a:lvl1pPr>
          </a:lstStyle>
          <a:p>
            <a:pPr lvl="0"/>
            <a:r>
              <a:rPr lang="en-US" noProof="0"/>
              <a:t>Click to edit Master text styles</a:t>
            </a:r>
          </a:p>
        </p:txBody>
      </p:sp>
      <p:sp>
        <p:nvSpPr>
          <p:cNvPr id="12" name="Text Placeholder 2"/>
          <p:cNvSpPr>
            <a:spLocks noGrp="1"/>
          </p:cNvSpPr>
          <p:nvPr>
            <p:ph type="body" sz="quarter" idx="18"/>
          </p:nvPr>
        </p:nvSpPr>
        <p:spPr>
          <a:xfrm>
            <a:off x="4516208" y="2767985"/>
            <a:ext cx="7066192" cy="661016"/>
          </a:xfrm>
          <a:prstGeom prst="rect">
            <a:avLst/>
          </a:prstGeom>
        </p:spPr>
        <p:txBody>
          <a:bodyPr/>
          <a:lstStyle>
            <a:lvl1pPr marL="0" indent="0">
              <a:spcBef>
                <a:spcPts val="0"/>
              </a:spcBef>
              <a:buNone/>
              <a:defRPr sz="1800" b="1">
                <a:solidFill>
                  <a:schemeClr val="bg1"/>
                </a:solidFill>
                <a:latin typeface="Arial" panose="020B0604020202020204" pitchFamily="34" charset="0"/>
                <a:cs typeface="Arial" panose="020B0604020202020204" pitchFamily="34" charset="0"/>
              </a:defRPr>
            </a:lvl1pPr>
          </a:lstStyle>
          <a:p>
            <a:pPr lvl="0"/>
            <a:r>
              <a:rPr lang="en-US" noProof="0"/>
              <a:t>Click to edit Master text styles</a:t>
            </a:r>
          </a:p>
        </p:txBody>
      </p:sp>
    </p:spTree>
    <p:extLst>
      <p:ext uri="{BB962C8B-B14F-4D97-AF65-F5344CB8AC3E}">
        <p14:creationId xmlns:p14="http://schemas.microsoft.com/office/powerpoint/2010/main" val="228143040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Quote 6">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4" name="Freeform: Shape 17">
            <a:extLst>
              <a:ext uri="{FF2B5EF4-FFF2-40B4-BE49-F238E27FC236}">
                <a16:creationId xmlns:a16="http://schemas.microsoft.com/office/drawing/2014/main" id="{243C096D-ADD3-344A-8BD0-508BC4D630BB}"/>
              </a:ext>
            </a:extLst>
          </p:cNvPr>
          <p:cNvSpPr/>
          <p:nvPr/>
        </p:nvSpPr>
        <p:spPr>
          <a:xfrm>
            <a:off x="7974013" y="4032250"/>
            <a:ext cx="4217987" cy="2835275"/>
          </a:xfrm>
          <a:custGeom>
            <a:avLst/>
            <a:gdLst>
              <a:gd name="connsiteX0" fmla="*/ 3712464 w 4218432"/>
              <a:gd name="connsiteY0" fmla="*/ 0 h 2834640"/>
              <a:gd name="connsiteX1" fmla="*/ 4218432 w 4218432"/>
              <a:gd name="connsiteY1" fmla="*/ 550449 h 2834640"/>
              <a:gd name="connsiteX2" fmla="*/ 4218432 w 4218432"/>
              <a:gd name="connsiteY2" fmla="*/ 2834640 h 2834640"/>
              <a:gd name="connsiteX3" fmla="*/ 0 w 4218432"/>
              <a:gd name="connsiteY3" fmla="*/ 2834640 h 2834640"/>
            </a:gdLst>
            <a:ahLst/>
            <a:cxnLst>
              <a:cxn ang="0">
                <a:pos x="connsiteX0" y="connsiteY0"/>
              </a:cxn>
              <a:cxn ang="0">
                <a:pos x="connsiteX1" y="connsiteY1"/>
              </a:cxn>
              <a:cxn ang="0">
                <a:pos x="connsiteX2" y="connsiteY2"/>
              </a:cxn>
              <a:cxn ang="0">
                <a:pos x="connsiteX3" y="connsiteY3"/>
              </a:cxn>
            </a:cxnLst>
            <a:rect l="l" t="t" r="r" b="b"/>
            <a:pathLst>
              <a:path w="4218432" h="2834640">
                <a:moveTo>
                  <a:pt x="3712464" y="0"/>
                </a:moveTo>
                <a:lnTo>
                  <a:pt x="4218432" y="550449"/>
                </a:lnTo>
                <a:lnTo>
                  <a:pt x="4218432" y="2834640"/>
                </a:lnTo>
                <a:lnTo>
                  <a:pt x="0" y="2834640"/>
                </a:lnTo>
                <a:close/>
              </a:path>
            </a:pathLst>
          </a:custGeom>
          <a:solidFill>
            <a:schemeClr val="accent1">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5" name="Freeform: Shape 11">
            <a:extLst>
              <a:ext uri="{FF2B5EF4-FFF2-40B4-BE49-F238E27FC236}">
                <a16:creationId xmlns:a16="http://schemas.microsoft.com/office/drawing/2014/main" id="{782F8A91-FA4B-C64B-A893-97CCE005A3A7}"/>
              </a:ext>
            </a:extLst>
          </p:cNvPr>
          <p:cNvSpPr/>
          <p:nvPr/>
        </p:nvSpPr>
        <p:spPr>
          <a:xfrm>
            <a:off x="4448175" y="0"/>
            <a:ext cx="7743825" cy="6861175"/>
          </a:xfrm>
          <a:custGeom>
            <a:avLst/>
            <a:gdLst>
              <a:gd name="connsiteX0" fmla="*/ 0 w 7743674"/>
              <a:gd name="connsiteY0" fmla="*/ 0 h 6860921"/>
              <a:gd name="connsiteX1" fmla="*/ 3597449 w 7743674"/>
              <a:gd name="connsiteY1" fmla="*/ 0 h 6860921"/>
              <a:gd name="connsiteX2" fmla="*/ 7743674 w 7743674"/>
              <a:gd name="connsiteY2" fmla="*/ 4608431 h 6860921"/>
              <a:gd name="connsiteX3" fmla="*/ 7743674 w 7743674"/>
              <a:gd name="connsiteY3" fmla="*/ 6860921 h 6860921"/>
              <a:gd name="connsiteX4" fmla="*/ 6077872 w 7743674"/>
              <a:gd name="connsiteY4" fmla="*/ 6853286 h 6860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43674" h="6860921">
                <a:moveTo>
                  <a:pt x="0" y="0"/>
                </a:moveTo>
                <a:lnTo>
                  <a:pt x="3597449" y="0"/>
                </a:lnTo>
                <a:lnTo>
                  <a:pt x="7743674" y="4608431"/>
                </a:lnTo>
                <a:lnTo>
                  <a:pt x="7743674" y="6860921"/>
                </a:lnTo>
                <a:lnTo>
                  <a:pt x="6077872" y="6853286"/>
                </a:lnTo>
                <a:close/>
              </a:path>
            </a:pathLst>
          </a:custGeom>
          <a:solidFill>
            <a:schemeClr val="accent1">
              <a:alpha val="87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cxnSp>
        <p:nvCxnSpPr>
          <p:cNvPr id="6" name="Straight Connector 5">
            <a:extLst>
              <a:ext uri="{FF2B5EF4-FFF2-40B4-BE49-F238E27FC236}">
                <a16:creationId xmlns:a16="http://schemas.microsoft.com/office/drawing/2014/main" id="{BF269A9B-DC9A-F343-8871-9691D71D0589}"/>
              </a:ext>
            </a:extLst>
          </p:cNvPr>
          <p:cNvCxnSpPr>
            <a:cxnSpLocks/>
          </p:cNvCxnSpPr>
          <p:nvPr/>
        </p:nvCxnSpPr>
        <p:spPr>
          <a:xfrm flipH="1" flipV="1">
            <a:off x="4339771" y="19781"/>
            <a:ext cx="6056958" cy="6844153"/>
          </a:xfrm>
          <a:prstGeom prst="line">
            <a:avLst/>
          </a:prstGeom>
          <a:ln w="22225">
            <a:gradFill>
              <a:gsLst>
                <a:gs pos="88000">
                  <a:schemeClr val="accent3"/>
                </a:gs>
                <a:gs pos="47000">
                  <a:schemeClr val="accent1"/>
                </a:gs>
              </a:gsLst>
              <a:lin ang="5400000" scaled="1"/>
            </a:gradFill>
          </a:ln>
        </p:spPr>
        <p:style>
          <a:lnRef idx="1">
            <a:schemeClr val="accent1"/>
          </a:lnRef>
          <a:fillRef idx="0">
            <a:schemeClr val="accent1"/>
          </a:fillRef>
          <a:effectRef idx="0">
            <a:schemeClr val="accent1"/>
          </a:effectRef>
          <a:fontRef idx="minor">
            <a:schemeClr val="tx1"/>
          </a:fontRef>
        </p:style>
      </p:cxnSp>
      <p:pic>
        <p:nvPicPr>
          <p:cNvPr id="7" name="Picture 7">
            <a:extLst>
              <a:ext uri="{FF2B5EF4-FFF2-40B4-BE49-F238E27FC236}">
                <a16:creationId xmlns:a16="http://schemas.microsoft.com/office/drawing/2014/main" id="{25F6798F-B3A2-2546-A976-E3C396B3FC5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 Placeholder 2"/>
          <p:cNvSpPr>
            <a:spLocks noGrp="1"/>
          </p:cNvSpPr>
          <p:nvPr>
            <p:ph type="body" sz="quarter" idx="16"/>
          </p:nvPr>
        </p:nvSpPr>
        <p:spPr>
          <a:xfrm>
            <a:off x="609599" y="2787650"/>
            <a:ext cx="5669280" cy="2498725"/>
          </a:xfrm>
          <a:prstGeom prst="rect">
            <a:avLst/>
          </a:prstGeom>
        </p:spPr>
        <p:txBody>
          <a:bodyPr/>
          <a:lstStyle>
            <a:lvl1pPr marL="0" indent="0">
              <a:lnSpc>
                <a:spcPct val="100000"/>
              </a:lnSpc>
              <a:spcBef>
                <a:spcPts val="0"/>
              </a:spcBef>
              <a:buNone/>
              <a:defRPr sz="5400" b="1">
                <a:solidFill>
                  <a:srgbClr val="FFFFFF"/>
                </a:solidFill>
                <a:latin typeface="Arial" panose="020B0604020202020204" pitchFamily="34" charset="0"/>
                <a:cs typeface="Arial" panose="020B0604020202020204" pitchFamily="34" charset="0"/>
              </a:defRPr>
            </a:lvl1pPr>
            <a:lvl2pPr>
              <a:defRPr sz="5400" b="1"/>
            </a:lvl2pPr>
            <a:lvl3pPr>
              <a:defRPr sz="5400" b="1"/>
            </a:lvl3pPr>
            <a:lvl4pPr>
              <a:defRPr sz="5400" b="1"/>
            </a:lvl4pPr>
            <a:lvl5pPr>
              <a:defRPr sz="5400" b="1"/>
            </a:lvl5pPr>
          </a:lstStyle>
          <a:p>
            <a:pPr lvl="0"/>
            <a:r>
              <a:rPr lang="en-US"/>
              <a:t>Click to edit Master text styles</a:t>
            </a:r>
          </a:p>
        </p:txBody>
      </p:sp>
    </p:spTree>
    <p:extLst>
      <p:ext uri="{BB962C8B-B14F-4D97-AF65-F5344CB8AC3E}">
        <p14:creationId xmlns:p14="http://schemas.microsoft.com/office/powerpoint/2010/main" val="39660258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 Content / Video ">
    <p:bg>
      <p:bgPr>
        <a:gradFill rotWithShape="0">
          <a:gsLst>
            <a:gs pos="0">
              <a:srgbClr val="002839"/>
            </a:gs>
            <a:gs pos="62000">
              <a:srgbClr val="005072"/>
            </a:gs>
            <a:gs pos="100000">
              <a:srgbClr val="005072"/>
            </a:gs>
          </a:gsLst>
          <a:lin ang="14400000"/>
        </a:gradFill>
        <a:effectLst/>
      </p:bgPr>
    </p:bg>
    <p:spTree>
      <p:nvGrpSpPr>
        <p:cNvPr id="1" name=""/>
        <p:cNvGrpSpPr/>
        <p:nvPr/>
      </p:nvGrpSpPr>
      <p:grpSpPr>
        <a:xfrm>
          <a:off x="0" y="0"/>
          <a:ext cx="0" cy="0"/>
          <a:chOff x="0" y="0"/>
          <a:chExt cx="0" cy="0"/>
        </a:xfrm>
      </p:grpSpPr>
      <p:sp>
        <p:nvSpPr>
          <p:cNvPr id="7" name="Freeform: Shape 36">
            <a:extLst>
              <a:ext uri="{FF2B5EF4-FFF2-40B4-BE49-F238E27FC236}">
                <a16:creationId xmlns:a16="http://schemas.microsoft.com/office/drawing/2014/main" id="{425614B5-F140-844E-88CD-256CC64D2A3A}"/>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8" name="Freeform: Shape 34">
            <a:extLst>
              <a:ext uri="{FF2B5EF4-FFF2-40B4-BE49-F238E27FC236}">
                <a16:creationId xmlns:a16="http://schemas.microsoft.com/office/drawing/2014/main" id="{D345DE99-9168-8749-BA19-FA6F7ECABDC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pic>
        <p:nvPicPr>
          <p:cNvPr id="9" name="Picture 5">
            <a:extLst>
              <a:ext uri="{FF2B5EF4-FFF2-40B4-BE49-F238E27FC236}">
                <a16:creationId xmlns:a16="http://schemas.microsoft.com/office/drawing/2014/main" id="{2A3C6AF6-EBC0-8B44-8662-9F0EC2A04C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52100" y="6134100"/>
            <a:ext cx="1130300" cy="347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7">
            <a:extLst>
              <a:ext uri="{FF2B5EF4-FFF2-40B4-BE49-F238E27FC236}">
                <a16:creationId xmlns:a16="http://schemas.microsoft.com/office/drawing/2014/main" id="{AF4E693D-4FC5-2545-8859-3163830AD34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b="60979"/>
          <a:stretch>
            <a:fillRect/>
          </a:stretch>
        </p:blipFill>
        <p:spPr bwMode="auto">
          <a:xfrm>
            <a:off x="0" y="6775450"/>
            <a:ext cx="12192000" cy="825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Freeform: Shape 16">
            <a:extLst>
              <a:ext uri="{FF2B5EF4-FFF2-40B4-BE49-F238E27FC236}">
                <a16:creationId xmlns:a16="http://schemas.microsoft.com/office/drawing/2014/main" id="{AA1FC689-4875-FB43-AC57-3BD2F05273FA}"/>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a:p>
        </p:txBody>
      </p:sp>
      <p:sp>
        <p:nvSpPr>
          <p:cNvPr id="14" name="Text Placeholder 2"/>
          <p:cNvSpPr>
            <a:spLocks noGrp="1"/>
          </p:cNvSpPr>
          <p:nvPr>
            <p:ph type="body" sz="quarter" idx="20"/>
          </p:nvPr>
        </p:nvSpPr>
        <p:spPr>
          <a:xfrm>
            <a:off x="609601" y="1019833"/>
            <a:ext cx="10972800" cy="369332"/>
          </a:xfrm>
          <a:prstGeom prst="rect">
            <a:avLst/>
          </a:prstGeom>
        </p:spPr>
        <p:txBody>
          <a:bodyPr wrap="square" lIns="0" rIns="0">
            <a:spAutoFit/>
          </a:bodyPr>
          <a:lstStyle>
            <a:lvl1pPr marL="0" indent="0">
              <a:buNone/>
              <a:defRPr sz="2000">
                <a:solidFill>
                  <a:srgbClr val="FFFFFF"/>
                </a:solidFill>
                <a:latin typeface="Arial" panose="020B0604020202020204" pitchFamily="34" charset="0"/>
                <a:cs typeface="Arial" panose="020B0604020202020204" pitchFamily="34" charset="0"/>
              </a:defRPr>
            </a:lvl1pPr>
          </a:lstStyle>
          <a:p>
            <a:pPr lvl="0"/>
            <a:r>
              <a:rPr lang="en-US"/>
              <a:t>Click to edit Master text styles</a:t>
            </a:r>
          </a:p>
        </p:txBody>
      </p:sp>
      <p:sp>
        <p:nvSpPr>
          <p:cNvPr id="15" name="Title 1"/>
          <p:cNvSpPr>
            <a:spLocks noGrp="1"/>
          </p:cNvSpPr>
          <p:nvPr>
            <p:ph type="title"/>
          </p:nvPr>
        </p:nvSpPr>
        <p:spPr>
          <a:xfrm>
            <a:off x="609600" y="609600"/>
            <a:ext cx="10972800" cy="410233"/>
          </a:xfrm>
          <a:prstGeom prst="rect">
            <a:avLst/>
          </a:prstGeom>
        </p:spPr>
        <p:txBody>
          <a:bodyPr lIns="0" tIns="0" rIns="0" bIns="0" anchor="t">
            <a:noAutofit/>
          </a:bodyPr>
          <a:lstStyle>
            <a:lvl1pPr>
              <a:defRPr sz="2400" b="1" i="0">
                <a:solidFill>
                  <a:srgbClr val="FFFFFF"/>
                </a:solidFill>
                <a:latin typeface="Arial" panose="020B0604020202020204" pitchFamily="34" charset="0"/>
                <a:cs typeface="Arial" panose="020B0604020202020204" pitchFamily="34" charset="0"/>
              </a:defRPr>
            </a:lvl1pPr>
          </a:lstStyle>
          <a:p>
            <a:r>
              <a:rPr lang="en-US"/>
              <a:t>Click to edit Master title style</a:t>
            </a:r>
            <a:endParaRPr lang="en-US" dirty="0"/>
          </a:p>
        </p:txBody>
      </p:sp>
      <p:sp>
        <p:nvSpPr>
          <p:cNvPr id="16" name="Content Placeholder 2"/>
          <p:cNvSpPr>
            <a:spLocks noGrp="1"/>
          </p:cNvSpPr>
          <p:nvPr>
            <p:ph sz="quarter" idx="2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latin typeface="Arial" panose="020B0604020202020204" pitchFamily="34" charset="0"/>
                <a:cs typeface="Arial" panose="020B0604020202020204" pitchFamily="34" charset="0"/>
              </a:defRPr>
            </a:lvl1pPr>
            <a:lvl2pPr marL="465138" indent="-233363">
              <a:spcBef>
                <a:spcPts val="500"/>
              </a:spcBef>
              <a:defRPr sz="1600">
                <a:solidFill>
                  <a:schemeClr val="bg1"/>
                </a:solidFill>
                <a:latin typeface="Arial" panose="020B0604020202020204" pitchFamily="34" charset="0"/>
                <a:cs typeface="Arial" panose="020B0604020202020204" pitchFamily="34" charset="0"/>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latin typeface="Arial" panose="020B0604020202020204" pitchFamily="34" charset="0"/>
                <a:cs typeface="Arial" panose="020B0604020202020204" pitchFamily="34" charset="0"/>
              </a:defRPr>
            </a:lvl3pPr>
            <a:lvl4pPr marL="914400" indent="-231775">
              <a:spcBef>
                <a:spcPts val="500"/>
              </a:spcBef>
              <a:defRPr sz="1400">
                <a:solidFill>
                  <a:schemeClr val="bg1"/>
                </a:solidFill>
                <a:latin typeface="Arial" panose="020B0604020202020204" pitchFamily="34" charset="0"/>
                <a:cs typeface="Arial" panose="020B0604020202020204" pitchFamily="34" charset="0"/>
              </a:defRPr>
            </a:lvl4pPr>
            <a:lvl5pPr marL="1146175" indent="-231775">
              <a:spcBef>
                <a:spcPts val="500"/>
              </a:spcBef>
              <a:defRPr sz="140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Media Placeholder 2"/>
          <p:cNvSpPr>
            <a:spLocks noGrp="1"/>
          </p:cNvSpPr>
          <p:nvPr>
            <p:ph type="media" sz="quarter" idx="24"/>
          </p:nvPr>
        </p:nvSpPr>
        <p:spPr>
          <a:xfrm>
            <a:off x="609600" y="1471584"/>
            <a:ext cx="8107182" cy="4443480"/>
          </a:xfrm>
          <a:prstGeom prst="rect">
            <a:avLst/>
          </a:prstGeom>
          <a:effectLst>
            <a:softEdge rad="0"/>
          </a:effectLst>
        </p:spPr>
        <p:txBody>
          <a:bodyPr anchor="ctr"/>
          <a:lstStyle>
            <a:lvl1pPr marL="0" indent="0" algn="ctr">
              <a:buNone/>
              <a:defRPr>
                <a:solidFill>
                  <a:srgbClr val="FFFFFF"/>
                </a:solidFill>
              </a:defRPr>
            </a:lvl1pPr>
          </a:lstStyle>
          <a:p>
            <a:pPr lvl="0"/>
            <a:r>
              <a:rPr lang="en-US" noProof="0"/>
              <a:t>Click icon to add media</a:t>
            </a:r>
            <a:endParaRPr lang="en-US" noProof="0" dirty="0"/>
          </a:p>
        </p:txBody>
      </p:sp>
      <p:sp>
        <p:nvSpPr>
          <p:cNvPr id="12" name="Text Placeholder 2"/>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rgbClr val="FFFFFF"/>
                </a:solidFill>
                <a:latin typeface="Arial" panose="020B0604020202020204" pitchFamily="34" charset="0"/>
                <a:cs typeface="Arial" panose="020B0604020202020204" pitchFamily="34" charset="0"/>
              </a:defRPr>
            </a:lvl1pPr>
            <a:lvl2pPr>
              <a:defRPr lang="en-US" sz="1600" dirty="0" smtClean="0"/>
            </a:lvl2pPr>
            <a:lvl3pPr>
              <a:defRPr lang="en-US" sz="1400" dirty="0" smtClean="0"/>
            </a:lvl3pPr>
            <a:lvl4pPr>
              <a:defRPr lang="en-US" sz="1400" dirty="0" smtClean="0"/>
            </a:lvl4pPr>
            <a:lvl5pPr>
              <a:defRPr lang="en-US" sz="1400" dirty="0"/>
            </a:lvl5pPr>
          </a:lstStyle>
          <a:p>
            <a:pPr lvl="0"/>
            <a:r>
              <a:rPr lang="en-US" noProof="0"/>
              <a:t>Click to edit Master text styles</a:t>
            </a:r>
          </a:p>
        </p:txBody>
      </p:sp>
    </p:spTree>
    <p:extLst>
      <p:ext uri="{BB962C8B-B14F-4D97-AF65-F5344CB8AC3E}">
        <p14:creationId xmlns:p14="http://schemas.microsoft.com/office/powerpoint/2010/main" val="102608130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Title / Content / Video ">
    <p:bg>
      <p:bgPr>
        <a:gradFill>
          <a:gsLst>
            <a:gs pos="100000">
              <a:schemeClr val="tx1"/>
            </a:gs>
            <a:gs pos="9000">
              <a:schemeClr val="accent4"/>
            </a:gs>
          </a:gsLst>
          <a:lin ang="14400000" scaled="0"/>
        </a:gradFill>
        <a:effectLst/>
      </p:bgPr>
    </p:bg>
    <p:spTree>
      <p:nvGrpSpPr>
        <p:cNvPr id="1" name=""/>
        <p:cNvGrpSpPr/>
        <p:nvPr/>
      </p:nvGrpSpPr>
      <p:grpSpPr>
        <a:xfrm>
          <a:off x="0" y="0"/>
          <a:ext cx="0" cy="0"/>
          <a:chOff x="0" y="0"/>
          <a:chExt cx="0" cy="0"/>
        </a:xfrm>
      </p:grpSpPr>
      <p:sp>
        <p:nvSpPr>
          <p:cNvPr id="31" name="Freeform: Shape 30">
            <a:extLst>
              <a:ext uri="{FF2B5EF4-FFF2-40B4-BE49-F238E27FC236}">
                <a16:creationId xmlns:a16="http://schemas.microsoft.com/office/drawing/2014/main" id="{F4B077E5-E609-4C17-8B6A-CF0BD3BD978F}"/>
              </a:ext>
            </a:extLst>
          </p:cNvPr>
          <p:cNvSpPr/>
          <p:nvPr/>
        </p:nvSpPr>
        <p:spPr>
          <a:xfrm rot="19379608">
            <a:off x="1248447" y="-2838051"/>
            <a:ext cx="7456088" cy="7238188"/>
          </a:xfrm>
          <a:custGeom>
            <a:avLst/>
            <a:gdLst>
              <a:gd name="connsiteX0" fmla="*/ 224099 w 7456088"/>
              <a:gd name="connsiteY0" fmla="*/ 0 h 7238188"/>
              <a:gd name="connsiteX1" fmla="*/ 6750984 w 7456088"/>
              <a:gd name="connsiteY1" fmla="*/ 4919527 h 7238188"/>
              <a:gd name="connsiteX2" fmla="*/ 7456088 w 7456088"/>
              <a:gd name="connsiteY2" fmla="*/ 7238188 h 7238188"/>
              <a:gd name="connsiteX3" fmla="*/ 0 w 7456088"/>
              <a:gd name="connsiteY3" fmla="*/ 297319 h 7238188"/>
            </a:gdLst>
            <a:ahLst/>
            <a:cxnLst>
              <a:cxn ang="0">
                <a:pos x="connsiteX0" y="connsiteY0"/>
              </a:cxn>
              <a:cxn ang="0">
                <a:pos x="connsiteX1" y="connsiteY1"/>
              </a:cxn>
              <a:cxn ang="0">
                <a:pos x="connsiteX2" y="connsiteY2"/>
              </a:cxn>
              <a:cxn ang="0">
                <a:pos x="connsiteX3" y="connsiteY3"/>
              </a:cxn>
            </a:cxnLst>
            <a:rect l="l" t="t" r="r" b="b"/>
            <a:pathLst>
              <a:path w="7456088" h="7238188">
                <a:moveTo>
                  <a:pt x="224099" y="0"/>
                </a:moveTo>
                <a:lnTo>
                  <a:pt x="6750984" y="4919527"/>
                </a:lnTo>
                <a:lnTo>
                  <a:pt x="7456088" y="7238188"/>
                </a:lnTo>
                <a:lnTo>
                  <a:pt x="0" y="297319"/>
                </a:lnTo>
                <a:close/>
              </a:path>
            </a:pathLst>
          </a:custGeom>
          <a:gradFill>
            <a:gsLst>
              <a:gs pos="100000">
                <a:schemeClr val="bg1">
                  <a:alpha val="15000"/>
                </a:schemeClr>
              </a:gs>
              <a:gs pos="0">
                <a:schemeClr val="bg1">
                  <a:alpha val="5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7" name="Freeform: Shape 36">
            <a:extLst>
              <a:ext uri="{FF2B5EF4-FFF2-40B4-BE49-F238E27FC236}">
                <a16:creationId xmlns:a16="http://schemas.microsoft.com/office/drawing/2014/main" id="{66640645-9C01-4014-ACB6-CFEC73305AA1}"/>
              </a:ext>
            </a:extLst>
          </p:cNvPr>
          <p:cNvSpPr/>
          <p:nvPr/>
        </p:nvSpPr>
        <p:spPr>
          <a:xfrm rot="19379608">
            <a:off x="-1748160" y="-602034"/>
            <a:ext cx="7674989" cy="7712885"/>
          </a:xfrm>
          <a:custGeom>
            <a:avLst/>
            <a:gdLst>
              <a:gd name="connsiteX0" fmla="*/ 7674989 w 7674989"/>
              <a:gd name="connsiteY0" fmla="*/ 2673579 h 7712885"/>
              <a:gd name="connsiteX1" fmla="*/ 2966986 w 7674989"/>
              <a:gd name="connsiteY1" fmla="*/ 7712885 h 7712885"/>
              <a:gd name="connsiteX2" fmla="*/ 0 w 7674989"/>
              <a:gd name="connsiteY2" fmla="*/ 5476571 h 7712885"/>
              <a:gd name="connsiteX3" fmla="*/ 4127871 w 7674989"/>
              <a:gd name="connsiteY3" fmla="*/ 0 h 7712885"/>
            </a:gdLst>
            <a:ahLst/>
            <a:cxnLst>
              <a:cxn ang="0">
                <a:pos x="connsiteX0" y="connsiteY0"/>
              </a:cxn>
              <a:cxn ang="0">
                <a:pos x="connsiteX1" y="connsiteY1"/>
              </a:cxn>
              <a:cxn ang="0">
                <a:pos x="connsiteX2" y="connsiteY2"/>
              </a:cxn>
              <a:cxn ang="0">
                <a:pos x="connsiteX3" y="connsiteY3"/>
              </a:cxn>
            </a:cxnLst>
            <a:rect l="l" t="t" r="r" b="b"/>
            <a:pathLst>
              <a:path w="7674989" h="7712885">
                <a:moveTo>
                  <a:pt x="7674989" y="2673579"/>
                </a:moveTo>
                <a:lnTo>
                  <a:pt x="2966986" y="7712885"/>
                </a:lnTo>
                <a:lnTo>
                  <a:pt x="0" y="5476571"/>
                </a:lnTo>
                <a:lnTo>
                  <a:pt x="4127871" y="0"/>
                </a:lnTo>
                <a:close/>
              </a:path>
            </a:pathLst>
          </a:custGeom>
          <a:gradFill>
            <a:gsLst>
              <a:gs pos="100000">
                <a:schemeClr val="bg1">
                  <a:alpha val="0"/>
                </a:schemeClr>
              </a:gs>
              <a:gs pos="0">
                <a:schemeClr val="bg1">
                  <a:alpha val="12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35" name="Freeform: Shape 34">
            <a:extLst>
              <a:ext uri="{FF2B5EF4-FFF2-40B4-BE49-F238E27FC236}">
                <a16:creationId xmlns:a16="http://schemas.microsoft.com/office/drawing/2014/main" id="{02F2CA31-ACC6-4DB3-A513-DA544EF904F4}"/>
              </a:ext>
            </a:extLst>
          </p:cNvPr>
          <p:cNvSpPr/>
          <p:nvPr/>
        </p:nvSpPr>
        <p:spPr>
          <a:xfrm rot="19379608">
            <a:off x="-255267" y="2384753"/>
            <a:ext cx="11353959" cy="4469448"/>
          </a:xfrm>
          <a:custGeom>
            <a:avLst/>
            <a:gdLst>
              <a:gd name="connsiteX0" fmla="*/ 11353959 w 11353959"/>
              <a:gd name="connsiteY0" fmla="*/ 2541281 h 4469448"/>
              <a:gd name="connsiteX1" fmla="*/ 4922798 w 11353959"/>
              <a:gd name="connsiteY1" fmla="*/ 4469448 h 4469448"/>
              <a:gd name="connsiteX2" fmla="*/ 0 w 11353959"/>
              <a:gd name="connsiteY2" fmla="*/ 758974 h 4469448"/>
              <a:gd name="connsiteX3" fmla="*/ 572064 w 11353959"/>
              <a:gd name="connsiteY3" fmla="*/ 0 h 4469448"/>
            </a:gdLst>
            <a:ahLst/>
            <a:cxnLst>
              <a:cxn ang="0">
                <a:pos x="connsiteX0" y="connsiteY0"/>
              </a:cxn>
              <a:cxn ang="0">
                <a:pos x="connsiteX1" y="connsiteY1"/>
              </a:cxn>
              <a:cxn ang="0">
                <a:pos x="connsiteX2" y="connsiteY2"/>
              </a:cxn>
              <a:cxn ang="0">
                <a:pos x="connsiteX3" y="connsiteY3"/>
              </a:cxn>
            </a:cxnLst>
            <a:rect l="l" t="t" r="r" b="b"/>
            <a:pathLst>
              <a:path w="11353959" h="4469448">
                <a:moveTo>
                  <a:pt x="11353959" y="2541281"/>
                </a:moveTo>
                <a:lnTo>
                  <a:pt x="4922798" y="4469448"/>
                </a:lnTo>
                <a:lnTo>
                  <a:pt x="0" y="758974"/>
                </a:lnTo>
                <a:lnTo>
                  <a:pt x="572064" y="0"/>
                </a:lnTo>
                <a:close/>
              </a:path>
            </a:pathLst>
          </a:custGeom>
          <a:gradFill>
            <a:gsLst>
              <a:gs pos="99000">
                <a:schemeClr val="bg1">
                  <a:alpha val="9000"/>
                </a:schemeClr>
              </a:gs>
              <a:gs pos="0">
                <a:schemeClr val="bg1">
                  <a:alpha val="4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pic>
        <p:nvPicPr>
          <p:cNvPr id="6" name="Picture 5">
            <a:extLst>
              <a:ext uri="{FF2B5EF4-FFF2-40B4-BE49-F238E27FC236}">
                <a16:creationId xmlns:a16="http://schemas.microsoft.com/office/drawing/2014/main" id="{B7ADAF9F-D1AC-E247-AC14-A706766F19EB}"/>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451592" y="6133788"/>
            <a:ext cx="1130807" cy="348629"/>
          </a:xfrm>
          <a:prstGeom prst="rect">
            <a:avLst/>
          </a:prstGeom>
        </p:spPr>
      </p:pic>
      <p:sp>
        <p:nvSpPr>
          <p:cNvPr id="14" name="Text Placeholder 2">
            <a:extLst>
              <a:ext uri="{FF2B5EF4-FFF2-40B4-BE49-F238E27FC236}">
                <a16:creationId xmlns:a16="http://schemas.microsoft.com/office/drawing/2014/main" id="{C4354659-C908-4A17-9232-5C7E621292D5}"/>
              </a:ext>
            </a:extLst>
          </p:cNvPr>
          <p:cNvSpPr>
            <a:spLocks noGrp="1"/>
          </p:cNvSpPr>
          <p:nvPr>
            <p:ph type="body" sz="quarter" idx="20" hasCustomPrompt="1"/>
          </p:nvPr>
        </p:nvSpPr>
        <p:spPr>
          <a:xfrm>
            <a:off x="609601" y="1019833"/>
            <a:ext cx="10972800" cy="369332"/>
          </a:xfrm>
          <a:prstGeom prst="rect">
            <a:avLst/>
          </a:prstGeom>
        </p:spPr>
        <p:txBody>
          <a:bodyPr wrap="square" lIns="0" rIns="0">
            <a:spAutoFit/>
          </a:bodyPr>
          <a:lstStyle>
            <a:lvl1pPr marL="0" indent="0">
              <a:buNone/>
              <a:defRPr sz="2000">
                <a:solidFill>
                  <a:schemeClr val="bg1"/>
                </a:solidFill>
              </a:defRPr>
            </a:lvl1pPr>
          </a:lstStyle>
          <a:p>
            <a:pPr lvl="0"/>
            <a:r>
              <a:rPr lang="en-US"/>
              <a:t>Click to add sub-title</a:t>
            </a:r>
            <a:endParaRPr lang="en-GB"/>
          </a:p>
        </p:txBody>
      </p:sp>
      <p:sp>
        <p:nvSpPr>
          <p:cNvPr id="15" name="Title 1">
            <a:extLst>
              <a:ext uri="{FF2B5EF4-FFF2-40B4-BE49-F238E27FC236}">
                <a16:creationId xmlns:a16="http://schemas.microsoft.com/office/drawing/2014/main" id="{3CEBA134-1D60-44D3-A84D-91E2966DE40C}"/>
              </a:ext>
            </a:extLst>
          </p:cNvPr>
          <p:cNvSpPr>
            <a:spLocks noGrp="1"/>
          </p:cNvSpPr>
          <p:nvPr>
            <p:ph type="title" hasCustomPrompt="1"/>
          </p:nvPr>
        </p:nvSpPr>
        <p:spPr>
          <a:xfrm>
            <a:off x="609600" y="609600"/>
            <a:ext cx="10972800" cy="410233"/>
          </a:xfrm>
          <a:prstGeom prst="rect">
            <a:avLst/>
          </a:prstGeom>
        </p:spPr>
        <p:txBody>
          <a:bodyPr lIns="0" tIns="0" rIns="0" bIns="0" anchor="t">
            <a:noAutofit/>
          </a:bodyPr>
          <a:lstStyle>
            <a:lvl1pPr>
              <a:defRPr sz="2400" b="1" i="0">
                <a:solidFill>
                  <a:schemeClr val="bg1"/>
                </a:solidFill>
                <a:latin typeface="Arial" panose="020B0604020202020204" pitchFamily="34" charset="0"/>
                <a:cs typeface="Arial" panose="020B0604020202020204" pitchFamily="34" charset="0"/>
              </a:defRPr>
            </a:lvl1pPr>
          </a:lstStyle>
          <a:p>
            <a:r>
              <a:rPr lang="en-US"/>
              <a:t>Click to add title</a:t>
            </a:r>
          </a:p>
        </p:txBody>
      </p:sp>
      <p:sp>
        <p:nvSpPr>
          <p:cNvPr id="16" name="Content Placeholder 2">
            <a:extLst>
              <a:ext uri="{FF2B5EF4-FFF2-40B4-BE49-F238E27FC236}">
                <a16:creationId xmlns:a16="http://schemas.microsoft.com/office/drawing/2014/main" id="{D1D9A821-078D-43B9-8464-538D8E012862}"/>
              </a:ext>
            </a:extLst>
          </p:cNvPr>
          <p:cNvSpPr>
            <a:spLocks noGrp="1"/>
          </p:cNvSpPr>
          <p:nvPr>
            <p:ph sz="quarter" idx="21" hasCustomPrompt="1"/>
          </p:nvPr>
        </p:nvSpPr>
        <p:spPr>
          <a:xfrm>
            <a:off x="9056788" y="2108778"/>
            <a:ext cx="2525611" cy="3769735"/>
          </a:xfrm>
          <a:prstGeom prst="rect">
            <a:avLst/>
          </a:prstGeom>
        </p:spPr>
        <p:txBody>
          <a:bodyPr lIns="0" tIns="0" rIns="0" bIns="0"/>
          <a:lstStyle>
            <a:lvl1pPr marL="231775" indent="-231775">
              <a:spcBef>
                <a:spcPts val="500"/>
              </a:spcBef>
              <a:buFont typeface="Arial" panose="020B0604020202020204" pitchFamily="34" charset="0"/>
              <a:buChar char="•"/>
              <a:defRPr sz="1600">
                <a:solidFill>
                  <a:schemeClr val="bg1"/>
                </a:solidFill>
              </a:defRPr>
            </a:lvl1pPr>
            <a:lvl2pPr marL="465138" indent="-233363">
              <a:spcBef>
                <a:spcPts val="500"/>
              </a:spcBef>
              <a:defRPr sz="1600">
                <a:solidFill>
                  <a:schemeClr val="bg1"/>
                </a:solidFill>
              </a:defRPr>
            </a:lvl2pPr>
            <a:lvl3pPr marL="682625" marR="0" indent="-217488" algn="l" defTabSz="914400" rtl="0" eaLnBrk="1" fontAlgn="auto" latinLnBrk="0" hangingPunct="1">
              <a:lnSpc>
                <a:spcPct val="90000"/>
              </a:lnSpc>
              <a:spcBef>
                <a:spcPts val="500"/>
              </a:spcBef>
              <a:spcAft>
                <a:spcPts val="0"/>
              </a:spcAft>
              <a:buClrTx/>
              <a:buSzTx/>
              <a:buFont typeface="Arial" panose="020B0604020202020204" pitchFamily="34" charset="0"/>
              <a:buChar char="•"/>
              <a:tabLst/>
              <a:defRPr sz="1400">
                <a:solidFill>
                  <a:schemeClr val="bg1"/>
                </a:solidFill>
              </a:defRPr>
            </a:lvl3pPr>
            <a:lvl4pPr marL="914400" indent="-231775">
              <a:spcBef>
                <a:spcPts val="500"/>
              </a:spcBef>
              <a:defRPr sz="1400">
                <a:solidFill>
                  <a:schemeClr val="bg1"/>
                </a:solidFill>
              </a:defRPr>
            </a:lvl4pPr>
            <a:lvl5pPr marL="1146175" indent="-231775">
              <a:spcBef>
                <a:spcPts val="500"/>
              </a:spcBef>
              <a:defRPr sz="1400">
                <a:solidFill>
                  <a:schemeClr val="bg1"/>
                </a:solidFill>
              </a:defRPr>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3" name="Media Placeholder 2">
            <a:extLst>
              <a:ext uri="{FF2B5EF4-FFF2-40B4-BE49-F238E27FC236}">
                <a16:creationId xmlns:a16="http://schemas.microsoft.com/office/drawing/2014/main" id="{3366D18E-8AA5-4690-BA85-84E71374D53A}"/>
              </a:ext>
            </a:extLst>
          </p:cNvPr>
          <p:cNvSpPr>
            <a:spLocks noGrp="1"/>
          </p:cNvSpPr>
          <p:nvPr>
            <p:ph type="media" sz="quarter" idx="24" hasCustomPrompt="1"/>
          </p:nvPr>
        </p:nvSpPr>
        <p:spPr>
          <a:xfrm>
            <a:off x="609600" y="1471584"/>
            <a:ext cx="8107182" cy="4443480"/>
          </a:xfrm>
          <a:prstGeom prst="rect">
            <a:avLst/>
          </a:prstGeom>
          <a:effectLst>
            <a:softEdge rad="0"/>
          </a:effectLst>
        </p:spPr>
        <p:txBody>
          <a:bodyPr anchor="ctr"/>
          <a:lstStyle>
            <a:lvl1pPr marL="0" indent="0" algn="ctr">
              <a:buNone/>
              <a:defRPr>
                <a:solidFill>
                  <a:schemeClr val="bg1"/>
                </a:solidFill>
              </a:defRPr>
            </a:lvl1pPr>
          </a:lstStyle>
          <a:p>
            <a:r>
              <a:rPr lang="en-US" dirty="0"/>
              <a:t>Click to insert video</a:t>
            </a:r>
          </a:p>
        </p:txBody>
      </p:sp>
      <p:sp>
        <p:nvSpPr>
          <p:cNvPr id="12" name="Text Placeholder 2">
            <a:extLst>
              <a:ext uri="{FF2B5EF4-FFF2-40B4-BE49-F238E27FC236}">
                <a16:creationId xmlns:a16="http://schemas.microsoft.com/office/drawing/2014/main" id="{38BCB93E-1DD3-D242-AFF8-8CD8BC6569A6}"/>
              </a:ext>
            </a:extLst>
          </p:cNvPr>
          <p:cNvSpPr>
            <a:spLocks noGrp="1"/>
          </p:cNvSpPr>
          <p:nvPr>
            <p:ph type="body" sz="quarter" idx="31"/>
          </p:nvPr>
        </p:nvSpPr>
        <p:spPr>
          <a:xfrm>
            <a:off x="9056788" y="1531199"/>
            <a:ext cx="2525612" cy="449942"/>
          </a:xfrm>
          <a:prstGeom prst="rect">
            <a:avLst/>
          </a:prstGeom>
        </p:spPr>
        <p:txBody>
          <a:bodyPr lIns="0" tIns="0" rIns="0" bIns="0"/>
          <a:lstStyle>
            <a:lvl1pPr marL="0" indent="0">
              <a:buNone/>
              <a:defRPr lang="en-US" sz="1800" b="1" dirty="0" smtClean="0">
                <a:solidFill>
                  <a:schemeClr val="bg1"/>
                </a:solidFill>
              </a:defRPr>
            </a:lvl1pPr>
            <a:lvl2pPr>
              <a:defRPr lang="en-US" sz="1600" dirty="0" smtClean="0"/>
            </a:lvl2pPr>
            <a:lvl3pPr>
              <a:defRPr lang="en-US" sz="1400" dirty="0" smtClean="0"/>
            </a:lvl3pPr>
            <a:lvl4pPr>
              <a:defRPr lang="en-US" sz="1400" dirty="0" smtClean="0"/>
            </a:lvl4pPr>
            <a:lvl5pPr>
              <a:defRPr lang="en-US" sz="1400" dirty="0"/>
            </a:lvl5pPr>
          </a:lstStyle>
          <a:p>
            <a:pPr marL="231775" lvl="0" indent="-231775">
              <a:spcBef>
                <a:spcPts val="500"/>
              </a:spcBef>
            </a:pPr>
            <a:endParaRPr lang="en-US"/>
          </a:p>
        </p:txBody>
      </p:sp>
      <p:pic>
        <p:nvPicPr>
          <p:cNvPr id="17" name="Picture 16">
            <a:extLst>
              <a:ext uri="{FF2B5EF4-FFF2-40B4-BE49-F238E27FC236}">
                <a16:creationId xmlns:a16="http://schemas.microsoft.com/office/drawing/2014/main" id="{942B02E5-9833-2645-ADA3-40296A7687F6}"/>
              </a:ext>
            </a:extLst>
          </p:cNvPr>
          <p:cNvPicPr>
            <a:picLocks noChangeAspect="1"/>
          </p:cNvPicPr>
          <p:nvPr userDrawn="1"/>
        </p:nvPicPr>
        <p:blipFill>
          <a:blip r:embed="rId3" cstate="hqprint">
            <a:extLst>
              <a:ext uri="{28A0092B-C50C-407E-A947-70E740481C1C}">
                <a14:useLocalDpi xmlns:a14="http://schemas.microsoft.com/office/drawing/2010/main"/>
              </a:ext>
            </a:extLst>
          </a:blip>
          <a:stretch>
            <a:fillRect/>
          </a:stretch>
        </p:blipFill>
        <p:spPr>
          <a:xfrm>
            <a:off x="0" y="6781800"/>
            <a:ext cx="12192000" cy="76200"/>
          </a:xfrm>
          <a:prstGeom prst="rect">
            <a:avLst/>
          </a:prstGeom>
        </p:spPr>
      </p:pic>
    </p:spTree>
    <p:extLst>
      <p:ext uri="{BB962C8B-B14F-4D97-AF65-F5344CB8AC3E}">
        <p14:creationId xmlns:p14="http://schemas.microsoft.com/office/powerpoint/2010/main" val="344589350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W Photo and Map">
    <p:spTree>
      <p:nvGrpSpPr>
        <p:cNvPr id="1" name=""/>
        <p:cNvGrpSpPr/>
        <p:nvPr/>
      </p:nvGrpSpPr>
      <p:grpSpPr>
        <a:xfrm>
          <a:off x="0" y="0"/>
          <a:ext cx="0" cy="0"/>
          <a:chOff x="0" y="0"/>
          <a:chExt cx="0" cy="0"/>
        </a:xfrm>
      </p:grpSpPr>
      <p:pic>
        <p:nvPicPr>
          <p:cNvPr id="4" name="Construction Photo" descr="A car driving down a dirt road&#10;&#10;Description automatically generated">
            <a:extLst>
              <a:ext uri="{FF2B5EF4-FFF2-40B4-BE49-F238E27FC236}">
                <a16:creationId xmlns:a16="http://schemas.microsoft.com/office/drawing/2014/main" id="{79838A24-01D9-E446-ACD4-C0C04210F224}"/>
              </a:ext>
            </a:extLst>
          </p:cNvPr>
          <p:cNvPicPr>
            <a:picLocks noChangeAspect="1"/>
          </p:cNvPicPr>
          <p:nvPr userDrawn="1"/>
        </p:nvPicPr>
        <p:blipFill rotWithShape="1">
          <a:blip r:embed="rId2"/>
          <a:srcRect l="38738" t="-769" r="-301" b="769"/>
          <a:stretch/>
        </p:blipFill>
        <p:spPr>
          <a:xfrm>
            <a:off x="-1264617" y="-102070"/>
            <a:ext cx="6431240" cy="7062141"/>
          </a:xfrm>
          <a:prstGeom prst="rect">
            <a:avLst/>
          </a:prstGeom>
        </p:spPr>
      </p:pic>
      <p:sp>
        <p:nvSpPr>
          <p:cNvPr id="6" name="Gradient 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2838"/>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3"/>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pic>
        <p:nvPicPr>
          <p:cNvPr id="8" name="Picture 7" descr="Shape, background pattern&#10;&#10;Description automatically generated">
            <a:extLst>
              <a:ext uri="{FF2B5EF4-FFF2-40B4-BE49-F238E27FC236}">
                <a16:creationId xmlns:a16="http://schemas.microsoft.com/office/drawing/2014/main" id="{3B13D272-218D-4221-B84B-FDEA8C676886}"/>
              </a:ext>
            </a:extLst>
          </p:cNvPr>
          <p:cNvPicPr>
            <a:picLocks noChangeAspect="1"/>
          </p:cNvPicPr>
          <p:nvPr userDrawn="1"/>
        </p:nvPicPr>
        <p:blipFill>
          <a:blip r:embed="rId4"/>
          <a:stretch>
            <a:fillRect/>
          </a:stretch>
        </p:blipFill>
        <p:spPr>
          <a:xfrm>
            <a:off x="0" y="0"/>
            <a:ext cx="12192000" cy="6858000"/>
          </a:xfrm>
          <a:prstGeom prst="rect">
            <a:avLst/>
          </a:prstGeom>
        </p:spPr>
      </p:pic>
    </p:spTree>
    <p:extLst>
      <p:ext uri="{BB962C8B-B14F-4D97-AF65-F5344CB8AC3E}">
        <p14:creationId xmlns:p14="http://schemas.microsoft.com/office/powerpoint/2010/main" val="267319414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B4152AA-F941-F248-AA47-971C17608FA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F026AEBE-3758-2042-A57C-526AD2F03F7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102021242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Slide W Photo Placeholder">
    <p:bg>
      <p:bgPr>
        <a:gradFill>
          <a:gsLst>
            <a:gs pos="45000">
              <a:srgbClr val="002838"/>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sp>
        <p:nvSpPr>
          <p:cNvPr id="11" name="Picture Placeholder ">
            <a:extLst>
              <a:ext uri="{FF2B5EF4-FFF2-40B4-BE49-F238E27FC236}">
                <a16:creationId xmlns:a16="http://schemas.microsoft.com/office/drawing/2014/main" id="{BC663B66-7D36-C24F-B101-E7F09D285635}"/>
              </a:ext>
            </a:extLst>
          </p:cNvPr>
          <p:cNvSpPr>
            <a:spLocks noGrp="1"/>
          </p:cNvSpPr>
          <p:nvPr>
            <p:ph type="pic" sz="quarter" idx="10"/>
          </p:nvPr>
        </p:nvSpPr>
        <p:spPr>
          <a:xfrm>
            <a:off x="0" y="-33166"/>
            <a:ext cx="5452533" cy="6924332"/>
          </a:xfrm>
        </p:spPr>
        <p:txBody>
          <a:bodyPr/>
          <a:lstStyle/>
          <a:p>
            <a:endParaRPr lang="en-US"/>
          </a:p>
        </p:txBody>
      </p:sp>
      <p:sp>
        <p:nvSpPr>
          <p:cNvPr id="6" name="BACKGROUND">
            <a:extLst>
              <a:ext uri="{FF2B5EF4-FFF2-40B4-BE49-F238E27FC236}">
                <a16:creationId xmlns:a16="http://schemas.microsoft.com/office/drawing/2014/main" id="{2713BF84-825A-6745-9675-DA8041DE4775}"/>
              </a:ext>
            </a:extLst>
          </p:cNvPr>
          <p:cNvSpPr/>
          <p:nvPr userDrawn="1"/>
        </p:nvSpPr>
        <p:spPr>
          <a:xfrm flipV="1">
            <a:off x="2267478" y="-150566"/>
            <a:ext cx="9941591" cy="7141230"/>
          </a:xfrm>
          <a:custGeom>
            <a:avLst/>
            <a:gdLst>
              <a:gd name="connsiteX0" fmla="*/ 0 w 11727979"/>
              <a:gd name="connsiteY0" fmla="*/ 6886364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0" fmla="*/ 0 w 11727979"/>
              <a:gd name="connsiteY0" fmla="*/ 6865738 h 6886364"/>
              <a:gd name="connsiteX1" fmla="*/ 3405353 w 11727979"/>
              <a:gd name="connsiteY1" fmla="*/ 6886364 h 6886364"/>
              <a:gd name="connsiteX2" fmla="*/ 3405353 w 11727979"/>
              <a:gd name="connsiteY2" fmla="*/ 6858000 h 6886364"/>
              <a:gd name="connsiteX3" fmla="*/ 11727979 w 11727979"/>
              <a:gd name="connsiteY3" fmla="*/ 6858000 h 6886364"/>
              <a:gd name="connsiteX4" fmla="*/ 11727979 w 11727979"/>
              <a:gd name="connsiteY4" fmla="*/ 0 h 6886364"/>
              <a:gd name="connsiteX5" fmla="*/ 3385858 w 11727979"/>
              <a:gd name="connsiteY5" fmla="*/ 0 h 6886364"/>
              <a:gd name="connsiteX6" fmla="*/ 3385858 w 11727979"/>
              <a:gd name="connsiteY6" fmla="*/ 69272 h 6886364"/>
              <a:gd name="connsiteX7" fmla="*/ 0 w 11727979"/>
              <a:gd name="connsiteY7" fmla="*/ 6865738 h 6886364"/>
              <a:gd name="connsiteX0" fmla="*/ 0 w 11727979"/>
              <a:gd name="connsiteY0" fmla="*/ 6865738 h 6886364"/>
              <a:gd name="connsiteX1" fmla="*/ 3405353 w 11727979"/>
              <a:gd name="connsiteY1" fmla="*/ 6886364 h 6886364"/>
              <a:gd name="connsiteX2" fmla="*/ 11727979 w 11727979"/>
              <a:gd name="connsiteY2" fmla="*/ 6858000 h 6886364"/>
              <a:gd name="connsiteX3" fmla="*/ 11727979 w 11727979"/>
              <a:gd name="connsiteY3" fmla="*/ 0 h 6886364"/>
              <a:gd name="connsiteX4" fmla="*/ 3385858 w 11727979"/>
              <a:gd name="connsiteY4" fmla="*/ 0 h 6886364"/>
              <a:gd name="connsiteX5" fmla="*/ 3385858 w 11727979"/>
              <a:gd name="connsiteY5" fmla="*/ 69272 h 6886364"/>
              <a:gd name="connsiteX6" fmla="*/ 0 w 11727979"/>
              <a:gd name="connsiteY6" fmla="*/ 6865738 h 6886364"/>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0 h 6872613"/>
              <a:gd name="connsiteX5" fmla="*/ 3385858 w 11727979"/>
              <a:gd name="connsiteY5" fmla="*/ 69272 h 6872613"/>
              <a:gd name="connsiteX6" fmla="*/ 0 w 11727979"/>
              <a:gd name="connsiteY6"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85858 w 11727979"/>
              <a:gd name="connsiteY4" fmla="*/ 69272 h 6872613"/>
              <a:gd name="connsiteX5" fmla="*/ 0 w 11727979"/>
              <a:gd name="connsiteY5" fmla="*/ 6865738 h 6872613"/>
              <a:gd name="connsiteX0" fmla="*/ 0 w 11727979"/>
              <a:gd name="connsiteY0" fmla="*/ 6865738 h 6872613"/>
              <a:gd name="connsiteX1" fmla="*/ 3398477 w 11727979"/>
              <a:gd name="connsiteY1" fmla="*/ 6872613 h 6872613"/>
              <a:gd name="connsiteX2" fmla="*/ 11727979 w 11727979"/>
              <a:gd name="connsiteY2" fmla="*/ 6858000 h 6872613"/>
              <a:gd name="connsiteX3" fmla="*/ 11727979 w 11727979"/>
              <a:gd name="connsiteY3" fmla="*/ 0 h 6872613"/>
              <a:gd name="connsiteX4" fmla="*/ 3399608 w 11727979"/>
              <a:gd name="connsiteY4" fmla="*/ 520 h 6872613"/>
              <a:gd name="connsiteX5" fmla="*/ 0 w 11727979"/>
              <a:gd name="connsiteY5" fmla="*/ 6865738 h 68726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7979" h="6872613">
                <a:moveTo>
                  <a:pt x="0" y="6865738"/>
                </a:moveTo>
                <a:lnTo>
                  <a:pt x="3398477" y="6872613"/>
                </a:lnTo>
                <a:lnTo>
                  <a:pt x="11727979" y="6858000"/>
                </a:lnTo>
                <a:lnTo>
                  <a:pt x="11727979" y="0"/>
                </a:lnTo>
                <a:lnTo>
                  <a:pt x="3399608" y="520"/>
                </a:lnTo>
                <a:lnTo>
                  <a:pt x="0" y="6865738"/>
                </a:lnTo>
                <a:close/>
              </a:path>
            </a:pathLst>
          </a:custGeom>
          <a:gradFill flip="none" rotWithShape="0">
            <a:gsLst>
              <a:gs pos="44000">
                <a:srgbClr val="001C22"/>
              </a:gs>
              <a:gs pos="100000">
                <a:schemeClr val="accent1">
                  <a:lumMod val="75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7" name="MAP PNG" descr="A close up of a coral&#10;&#10;Description automatically generated">
            <a:extLst>
              <a:ext uri="{FF2B5EF4-FFF2-40B4-BE49-F238E27FC236}">
                <a16:creationId xmlns:a16="http://schemas.microsoft.com/office/drawing/2014/main" id="{F7E3F620-5844-CD43-A2CD-6E6A910FA3F6}"/>
              </a:ext>
            </a:extLst>
          </p:cNvPr>
          <p:cNvPicPr>
            <a:picLocks noChangeAspect="1"/>
          </p:cNvPicPr>
          <p:nvPr userDrawn="1"/>
        </p:nvPicPr>
        <p:blipFill rotWithShape="1">
          <a:blip r:embed="rId2"/>
          <a:srcRect t="10593" r="39101"/>
          <a:stretch/>
        </p:blipFill>
        <p:spPr>
          <a:xfrm>
            <a:off x="7084570" y="-530071"/>
            <a:ext cx="5824131" cy="7930901"/>
          </a:xfrm>
          <a:prstGeom prst="rect">
            <a:avLst/>
          </a:prstGeom>
        </p:spPr>
      </p:pic>
      <p:sp>
        <p:nvSpPr>
          <p:cNvPr id="3" name="Subtitle">
            <a:extLst>
              <a:ext uri="{FF2B5EF4-FFF2-40B4-BE49-F238E27FC236}">
                <a16:creationId xmlns:a16="http://schemas.microsoft.com/office/drawing/2014/main" id="{F5D48AAB-C1EB-0147-A75A-BC7AA5FC59B0}"/>
              </a:ext>
            </a:extLst>
          </p:cNvPr>
          <p:cNvSpPr>
            <a:spLocks noGrp="1"/>
          </p:cNvSpPr>
          <p:nvPr>
            <p:ph type="subTitle" idx="1" hasCustomPrompt="1"/>
          </p:nvPr>
        </p:nvSpPr>
        <p:spPr>
          <a:xfrm>
            <a:off x="4566812" y="3886943"/>
            <a:ext cx="5357710" cy="761637"/>
          </a:xfrm>
        </p:spPr>
        <p:txBody>
          <a:bodyPr/>
          <a:lstStyle>
            <a:lvl1pPr marL="0" indent="0" algn="l">
              <a:buNone/>
              <a:defRPr sz="2400" b="0" i="0" spc="300">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 name="Title ">
            <a:extLst>
              <a:ext uri="{FF2B5EF4-FFF2-40B4-BE49-F238E27FC236}">
                <a16:creationId xmlns:a16="http://schemas.microsoft.com/office/drawing/2014/main" id="{BED5767F-E65C-8447-AEA1-483AD242535F}"/>
              </a:ext>
            </a:extLst>
          </p:cNvPr>
          <p:cNvSpPr>
            <a:spLocks noGrp="1"/>
          </p:cNvSpPr>
          <p:nvPr>
            <p:ph type="ctrTitle" hasCustomPrompt="1"/>
          </p:nvPr>
        </p:nvSpPr>
        <p:spPr>
          <a:xfrm>
            <a:off x="4566812" y="1869174"/>
            <a:ext cx="5357710" cy="1808748"/>
          </a:xfrm>
        </p:spPr>
        <p:txBody>
          <a:bodyPr anchor="b">
            <a:normAutofit/>
          </a:bodyPr>
          <a:lstStyle>
            <a:lvl1pPr algn="l">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2877488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ypographical Map">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6E64699-47DE-48FF-8B03-71C47BF0A590}"/>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5" name="Photo" descr="A close up of a rock&#10;&#10;Description automatically generated">
            <a:extLst>
              <a:ext uri="{FF2B5EF4-FFF2-40B4-BE49-F238E27FC236}">
                <a16:creationId xmlns:a16="http://schemas.microsoft.com/office/drawing/2014/main" id="{EE3927F6-9F62-4D4A-A8F0-1C4D49B25B23}"/>
              </a:ext>
            </a:extLst>
          </p:cNvPr>
          <p:cNvPicPr>
            <a:picLocks noChangeAspect="1"/>
          </p:cNvPicPr>
          <p:nvPr userDrawn="1"/>
        </p:nvPicPr>
        <p:blipFill>
          <a:blip r:embed="rId3"/>
          <a:srcRect l="34891"/>
          <a:stretch>
            <a:fillRect/>
          </a:stretch>
        </p:blipFill>
        <p:spPr>
          <a:xfrm>
            <a:off x="7726825"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close/>
              </a:path>
            </a:pathLst>
          </a:custGeom>
          <a:effectLst>
            <a:innerShdw blurRad="38100" dist="38100" dir="10800000">
              <a:schemeClr val="accent6"/>
            </a:innerShdw>
          </a:effectLst>
        </p:spPr>
      </p:pic>
      <p:sp>
        <p:nvSpPr>
          <p:cNvPr id="9" name="Outline">
            <a:extLst>
              <a:ext uri="{FF2B5EF4-FFF2-40B4-BE49-F238E27FC236}">
                <a16:creationId xmlns:a16="http://schemas.microsoft.com/office/drawing/2014/main" id="{87FD8292-5150-0043-8D0F-6FDD6A3FECED}"/>
              </a:ext>
            </a:extLst>
          </p:cNvPr>
          <p:cNvSpPr/>
          <p:nvPr userDrawn="1"/>
        </p:nvSpPr>
        <p:spPr>
          <a:xfrm>
            <a:off x="7684916" y="0"/>
            <a:ext cx="4465175" cy="6858000"/>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4465175" h="6858000">
                <a:moveTo>
                  <a:pt x="0" y="0"/>
                </a:moveTo>
                <a:lnTo>
                  <a:pt x="4465175" y="0"/>
                </a:lnTo>
                <a:lnTo>
                  <a:pt x="4465175" y="6858000"/>
                </a:lnTo>
                <a:lnTo>
                  <a:pt x="1277184" y="6858000"/>
                </a:lnTo>
                <a:lnTo>
                  <a:pt x="1276745" y="6853271"/>
                </a:lnTo>
                <a:cubicBezTo>
                  <a:pt x="1266231" y="6730125"/>
                  <a:pt x="1228903" y="6661807"/>
                  <a:pt x="1195957" y="6601548"/>
                </a:cubicBezTo>
                <a:cubicBezTo>
                  <a:pt x="1184040" y="6579739"/>
                  <a:pt x="1172736" y="6559156"/>
                  <a:pt x="1163360" y="6537260"/>
                </a:cubicBezTo>
                <a:cubicBezTo>
                  <a:pt x="1130852" y="6461060"/>
                  <a:pt x="1076788" y="6400450"/>
                  <a:pt x="1011246" y="6366642"/>
                </a:cubicBezTo>
                <a:cubicBezTo>
                  <a:pt x="956832" y="6338614"/>
                  <a:pt x="962440" y="6292719"/>
                  <a:pt x="968486" y="6244021"/>
                </a:cubicBezTo>
                <a:cubicBezTo>
                  <a:pt x="971579" y="6222554"/>
                  <a:pt x="973156" y="6200894"/>
                  <a:pt x="973218" y="6179207"/>
                </a:cubicBezTo>
                <a:cubicBezTo>
                  <a:pt x="973218" y="6150917"/>
                  <a:pt x="972166" y="6135414"/>
                  <a:pt x="971640" y="6124466"/>
                </a:cubicBezTo>
                <a:cubicBezTo>
                  <a:pt x="970589" y="6100993"/>
                  <a:pt x="970151" y="6092234"/>
                  <a:pt x="974094" y="6019363"/>
                </a:cubicBezTo>
                <a:cubicBezTo>
                  <a:pt x="978825" y="5931076"/>
                  <a:pt x="1088004" y="5181513"/>
                  <a:pt x="1155036" y="5001786"/>
                </a:cubicBezTo>
                <a:cubicBezTo>
                  <a:pt x="1217950" y="4833884"/>
                  <a:pt x="1322310" y="4632961"/>
                  <a:pt x="1391620" y="4591444"/>
                </a:cubicBezTo>
                <a:cubicBezTo>
                  <a:pt x="1435432" y="4565169"/>
                  <a:pt x="1490372" y="4601780"/>
                  <a:pt x="1543209" y="4637340"/>
                </a:cubicBezTo>
                <a:cubicBezTo>
                  <a:pt x="1572825" y="4657222"/>
                  <a:pt x="1600777" y="4676053"/>
                  <a:pt x="1624961" y="4682797"/>
                </a:cubicBezTo>
                <a:cubicBezTo>
                  <a:pt x="1641785" y="4687527"/>
                  <a:pt x="1660011" y="4681483"/>
                  <a:pt x="1679025" y="4664667"/>
                </a:cubicBezTo>
                <a:cubicBezTo>
                  <a:pt x="1718105" y="4629632"/>
                  <a:pt x="1752629" y="4555534"/>
                  <a:pt x="1759113" y="4510252"/>
                </a:cubicBezTo>
                <a:cubicBezTo>
                  <a:pt x="1762706" y="4485028"/>
                  <a:pt x="1769014" y="4458752"/>
                  <a:pt x="1775148" y="4433264"/>
                </a:cubicBezTo>
                <a:cubicBezTo>
                  <a:pt x="1785663" y="4389471"/>
                  <a:pt x="1796528" y="4344539"/>
                  <a:pt x="1794688" y="4301885"/>
                </a:cubicBezTo>
                <a:cubicBezTo>
                  <a:pt x="1792673" y="4256603"/>
                  <a:pt x="1770854" y="4234181"/>
                  <a:pt x="1747809" y="4210445"/>
                </a:cubicBezTo>
                <a:cubicBezTo>
                  <a:pt x="1737908" y="4200749"/>
                  <a:pt x="1728734" y="4190326"/>
                  <a:pt x="1720383" y="4179264"/>
                </a:cubicBezTo>
                <a:cubicBezTo>
                  <a:pt x="1696637" y="4146331"/>
                  <a:pt x="1689978" y="4095794"/>
                  <a:pt x="1682180" y="4037287"/>
                </a:cubicBezTo>
                <a:cubicBezTo>
                  <a:pt x="1679901" y="4019770"/>
                  <a:pt x="1677535" y="4002252"/>
                  <a:pt x="1674644" y="3984034"/>
                </a:cubicBezTo>
                <a:cubicBezTo>
                  <a:pt x="1666320" y="3931045"/>
                  <a:pt x="1650109" y="3913965"/>
                  <a:pt x="1632935" y="3895572"/>
                </a:cubicBezTo>
                <a:cubicBezTo>
                  <a:pt x="1624602" y="3887155"/>
                  <a:pt x="1617119" y="3877950"/>
                  <a:pt x="1610591" y="3868070"/>
                </a:cubicBezTo>
                <a:cubicBezTo>
                  <a:pt x="1599463" y="3850553"/>
                  <a:pt x="1594468" y="3818847"/>
                  <a:pt x="1588685" y="3782323"/>
                </a:cubicBezTo>
                <a:cubicBezTo>
                  <a:pt x="1581587" y="3737654"/>
                  <a:pt x="1573526" y="3686942"/>
                  <a:pt x="1553023" y="3650243"/>
                </a:cubicBezTo>
                <a:cubicBezTo>
                  <a:pt x="1513767" y="3580174"/>
                  <a:pt x="1407392" y="3469115"/>
                  <a:pt x="1361477" y="3429526"/>
                </a:cubicBezTo>
                <a:cubicBezTo>
                  <a:pt x="1315563" y="3389937"/>
                  <a:pt x="1196658" y="3190328"/>
                  <a:pt x="1165902" y="3131733"/>
                </a:cubicBezTo>
                <a:cubicBezTo>
                  <a:pt x="1132955" y="3068934"/>
                  <a:pt x="971465" y="2879309"/>
                  <a:pt x="935627" y="2843837"/>
                </a:cubicBezTo>
                <a:cubicBezTo>
                  <a:pt x="899789" y="2808365"/>
                  <a:pt x="802439" y="2666300"/>
                  <a:pt x="787368" y="2582392"/>
                </a:cubicBezTo>
                <a:cubicBezTo>
                  <a:pt x="776415" y="2521082"/>
                  <a:pt x="771333" y="2364565"/>
                  <a:pt x="768003" y="2260776"/>
                </a:cubicBezTo>
                <a:cubicBezTo>
                  <a:pt x="766952" y="2227668"/>
                  <a:pt x="765988" y="2199465"/>
                  <a:pt x="765112" y="2180897"/>
                </a:cubicBezTo>
                <a:cubicBezTo>
                  <a:pt x="761607" y="2107412"/>
                  <a:pt x="734882" y="1797445"/>
                  <a:pt x="721300" y="1725449"/>
                </a:cubicBezTo>
                <a:cubicBezTo>
                  <a:pt x="712976" y="1682269"/>
                  <a:pt x="679591" y="1645307"/>
                  <a:pt x="647258" y="1609572"/>
                </a:cubicBezTo>
                <a:cubicBezTo>
                  <a:pt x="629471" y="1590995"/>
                  <a:pt x="613208" y="1571025"/>
                  <a:pt x="598627" y="1549838"/>
                </a:cubicBezTo>
                <a:cubicBezTo>
                  <a:pt x="582066" y="1523562"/>
                  <a:pt x="566644" y="1484762"/>
                  <a:pt x="550259" y="1443246"/>
                </a:cubicBezTo>
                <a:cubicBezTo>
                  <a:pt x="530106" y="1392271"/>
                  <a:pt x="509339" y="1339631"/>
                  <a:pt x="485593" y="1309239"/>
                </a:cubicBezTo>
                <a:cubicBezTo>
                  <a:pt x="439678" y="1250294"/>
                  <a:pt x="354157" y="1044028"/>
                  <a:pt x="334530" y="986396"/>
                </a:cubicBezTo>
                <a:cubicBezTo>
                  <a:pt x="324190" y="956529"/>
                  <a:pt x="324628" y="925962"/>
                  <a:pt x="325067" y="890489"/>
                </a:cubicBezTo>
                <a:cubicBezTo>
                  <a:pt x="326854" y="845717"/>
                  <a:pt x="323621" y="800886"/>
                  <a:pt x="315428" y="756833"/>
                </a:cubicBezTo>
                <a:cubicBezTo>
                  <a:pt x="303774" y="696486"/>
                  <a:pt x="272755" y="661276"/>
                  <a:pt x="242876" y="627205"/>
                </a:cubicBezTo>
                <a:cubicBezTo>
                  <a:pt x="220970" y="602243"/>
                  <a:pt x="198275" y="576493"/>
                  <a:pt x="184256" y="541633"/>
                </a:cubicBezTo>
                <a:cubicBezTo>
                  <a:pt x="166503" y="494566"/>
                  <a:pt x="153298" y="445910"/>
                  <a:pt x="144825" y="396328"/>
                </a:cubicBezTo>
                <a:cubicBezTo>
                  <a:pt x="139480" y="370052"/>
                  <a:pt x="134047" y="342112"/>
                  <a:pt x="126424" y="313997"/>
                </a:cubicBezTo>
                <a:cubicBezTo>
                  <a:pt x="112404" y="261971"/>
                  <a:pt x="85591" y="234644"/>
                  <a:pt x="59743" y="208105"/>
                </a:cubicBezTo>
                <a:cubicBezTo>
                  <a:pt x="48579" y="197050"/>
                  <a:pt x="38082" y="185352"/>
                  <a:pt x="28286" y="173071"/>
                </a:cubicBezTo>
                <a:cubicBezTo>
                  <a:pt x="13237" y="153364"/>
                  <a:pt x="5975" y="104097"/>
                  <a:pt x="2434" y="51873"/>
                </a:cubicBezTo>
                <a:lnTo>
                  <a:pt x="0" y="0"/>
                </a:lnTo>
                <a:close/>
              </a:path>
            </a:pathLst>
          </a:custGeom>
          <a:solidFill>
            <a:schemeClr val="accent4">
              <a:alpha val="21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Body Text Placeholder">
            <a:extLst>
              <a:ext uri="{FF2B5EF4-FFF2-40B4-BE49-F238E27FC236}">
                <a16:creationId xmlns:a16="http://schemas.microsoft.com/office/drawing/2014/main" id="{9BEABA7B-E514-C449-9D16-8E631BD9A8B9}"/>
              </a:ext>
            </a:extLst>
          </p:cNvPr>
          <p:cNvSpPr>
            <a:spLocks noGrp="1"/>
          </p:cNvSpPr>
          <p:nvPr>
            <p:ph type="body" sz="quarter" idx="11" hasCustomPrompt="1"/>
          </p:nvPr>
        </p:nvSpPr>
        <p:spPr>
          <a:xfrm>
            <a:off x="825559" y="2016999"/>
            <a:ext cx="7687194" cy="3747281"/>
          </a:xfrm>
        </p:spPr>
        <p:txBody>
          <a:bodyPr>
            <a:normAutofit/>
          </a:bodyPr>
          <a:lstStyle>
            <a:lvl1pPr marL="285750" indent="-285750" algn="l">
              <a:lnSpc>
                <a:spcPct val="100000"/>
              </a:lnSpc>
              <a:buFont typeface="System Font Regular"/>
              <a:buChar char="+"/>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a:lnSpc>
                <a:spcPct val="100000"/>
              </a:lnSpc>
              <a:buFont typeface="System Font Regular"/>
              <a:buChar char="+"/>
            </a:pPr>
            <a:r>
              <a:rPr lang="en-US"/>
              <a:t>Body text is Arial Regular, 18pt font size.</a:t>
            </a:r>
          </a:p>
          <a:p>
            <a:pPr>
              <a:lnSpc>
                <a:spcPct val="100000"/>
              </a:lnSpc>
              <a:buFont typeface="System Font Regular"/>
              <a:buChar char="+"/>
            </a:pPr>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a:lnSpc>
                <a:spcPct val="100000"/>
              </a:lnSpc>
              <a:buFont typeface="System Font Regular"/>
              <a:buChar char="+"/>
            </a:pPr>
            <a:r>
              <a:rPr lang="en-US"/>
              <a:t>Direction on how to get “+” bullet points, select text box, in the “Home” tab - select the down arrow on the bullet point options, Select “Bullets and Numbering” at the bottom of the window. From there select your bullet point color, leave the size at 100% and type in the + in the customize box, an option with + bullet points should appear in the bottom right, click “Okay”.</a:t>
            </a:r>
          </a:p>
          <a:p>
            <a:pPr lvl="0"/>
            <a:endParaRPr lang="en-US"/>
          </a:p>
        </p:txBody>
      </p:sp>
      <p:sp>
        <p:nvSpPr>
          <p:cNvPr id="4" name="Title Placeholder">
            <a:extLst>
              <a:ext uri="{FF2B5EF4-FFF2-40B4-BE49-F238E27FC236}">
                <a16:creationId xmlns:a16="http://schemas.microsoft.com/office/drawing/2014/main" id="{19AD4F33-B828-A741-AB03-D9FA92B705D0}"/>
              </a:ext>
            </a:extLst>
          </p:cNvPr>
          <p:cNvSpPr>
            <a:spLocks noGrp="1"/>
          </p:cNvSpPr>
          <p:nvPr>
            <p:ph type="body" sz="quarter" idx="10" hasCustomPrompt="1"/>
          </p:nvPr>
        </p:nvSpPr>
        <p:spPr>
          <a:xfrm>
            <a:off x="825559" y="1260251"/>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Tree>
    <p:extLst>
      <p:ext uri="{BB962C8B-B14F-4D97-AF65-F5344CB8AC3E}">
        <p14:creationId xmlns:p14="http://schemas.microsoft.com/office/powerpoint/2010/main" val="24264870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Slide W Photo/Map">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pic>
        <p:nvPicPr>
          <p:cNvPr id="8" name="Mine Photo" descr="A picture containing outdoor, man, sitting, covered&#10;&#10;Description automatically generated">
            <a:extLst>
              <a:ext uri="{FF2B5EF4-FFF2-40B4-BE49-F238E27FC236}">
                <a16:creationId xmlns:a16="http://schemas.microsoft.com/office/drawing/2014/main" id="{5A4B1CEC-A25C-3A49-883C-DE9F1B8E820D}"/>
              </a:ext>
            </a:extLst>
          </p:cNvPr>
          <p:cNvPicPr>
            <a:picLocks noChangeAspect="1"/>
          </p:cNvPicPr>
          <p:nvPr userDrawn="1"/>
        </p:nvPicPr>
        <p:blipFill rotWithShape="1">
          <a:blip r:embed="rId3"/>
          <a:srcRect r="34053"/>
          <a:stretch/>
        </p:blipFill>
        <p:spPr>
          <a:xfrm>
            <a:off x="-705261" y="0"/>
            <a:ext cx="6788168" cy="6858000"/>
          </a:xfrm>
          <a:prstGeom prst="rect">
            <a:avLst/>
          </a:prstGeom>
        </p:spPr>
      </p:pic>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1710404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Slide Photo Placeholder">
    <p:spTree>
      <p:nvGrpSpPr>
        <p:cNvPr id="1" name=""/>
        <p:cNvGrpSpPr/>
        <p:nvPr/>
      </p:nvGrpSpPr>
      <p:grpSpPr>
        <a:xfrm>
          <a:off x="0" y="0"/>
          <a:ext cx="0" cy="0"/>
          <a:chOff x="0" y="0"/>
          <a:chExt cx="0" cy="0"/>
        </a:xfrm>
      </p:grpSpPr>
      <p:pic>
        <p:nvPicPr>
          <p:cNvPr id="6" name="MAP PNG" descr="A close up of a coral&#10;&#10;Description automatically generated">
            <a:extLst>
              <a:ext uri="{FF2B5EF4-FFF2-40B4-BE49-F238E27FC236}">
                <a16:creationId xmlns:a16="http://schemas.microsoft.com/office/drawing/2014/main" id="{128EA65E-662E-344D-8219-5D9AAFED7933}"/>
              </a:ext>
            </a:extLst>
          </p:cNvPr>
          <p:cNvPicPr>
            <a:picLocks noChangeAspect="1"/>
          </p:cNvPicPr>
          <p:nvPr userDrawn="1"/>
        </p:nvPicPr>
        <p:blipFill rotWithShape="1">
          <a:blip r:embed="rId2">
            <a:grayscl/>
            <a:alphaModFix amt="84000"/>
          </a:blip>
          <a:srcRect t="10593" r="39101"/>
          <a:stretch/>
        </p:blipFill>
        <p:spPr>
          <a:xfrm>
            <a:off x="7337886" y="-1072901"/>
            <a:ext cx="5824131" cy="7930901"/>
          </a:xfrm>
          <a:prstGeom prst="rect">
            <a:avLst/>
          </a:prstGeom>
        </p:spPr>
      </p:pic>
      <p:sp>
        <p:nvSpPr>
          <p:cNvPr id="4" name="Photo Placeholder">
            <a:extLst>
              <a:ext uri="{FF2B5EF4-FFF2-40B4-BE49-F238E27FC236}">
                <a16:creationId xmlns:a16="http://schemas.microsoft.com/office/drawing/2014/main" id="{DA97894B-83ED-AF4E-9BAF-3858F4B4EC46}"/>
              </a:ext>
            </a:extLst>
          </p:cNvPr>
          <p:cNvSpPr>
            <a:spLocks noGrp="1"/>
          </p:cNvSpPr>
          <p:nvPr>
            <p:ph type="pic" sz="quarter" idx="10"/>
          </p:nvPr>
        </p:nvSpPr>
        <p:spPr>
          <a:xfrm>
            <a:off x="0" y="0"/>
            <a:ext cx="6082907" cy="6858000"/>
          </a:xfrm>
        </p:spPr>
        <p:txBody>
          <a:bodyPr/>
          <a:lstStyle/>
          <a:p>
            <a:endParaRPr lang="en-US"/>
          </a:p>
        </p:txBody>
      </p:sp>
      <p:sp>
        <p:nvSpPr>
          <p:cNvPr id="2" name="Title">
            <a:extLst>
              <a:ext uri="{FF2B5EF4-FFF2-40B4-BE49-F238E27FC236}">
                <a16:creationId xmlns:a16="http://schemas.microsoft.com/office/drawing/2014/main" id="{BD5AEF1A-704C-3D49-8293-7E542CDCC117}"/>
              </a:ext>
            </a:extLst>
          </p:cNvPr>
          <p:cNvSpPr>
            <a:spLocks noGrp="1"/>
          </p:cNvSpPr>
          <p:nvPr>
            <p:ph type="title" hasCustomPrompt="1"/>
          </p:nvPr>
        </p:nvSpPr>
        <p:spPr>
          <a:xfrm>
            <a:off x="6591207" y="2264303"/>
            <a:ext cx="4053350" cy="2329393"/>
          </a:xfr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99439013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ivider Slide Top Triangle">
    <p:spTree>
      <p:nvGrpSpPr>
        <p:cNvPr id="1" name=""/>
        <p:cNvGrpSpPr/>
        <p:nvPr/>
      </p:nvGrpSpPr>
      <p:grpSpPr>
        <a:xfrm>
          <a:off x="0" y="0"/>
          <a:ext cx="0" cy="0"/>
          <a:chOff x="0" y="0"/>
          <a:chExt cx="0" cy="0"/>
        </a:xfrm>
      </p:grpSpPr>
      <p:pic>
        <p:nvPicPr>
          <p:cNvPr id="6" name="Photo Background" descr="A picture containing photo, cellphone, sitting, open&#10;&#10;Description automatically generated">
            <a:extLst>
              <a:ext uri="{FF2B5EF4-FFF2-40B4-BE49-F238E27FC236}">
                <a16:creationId xmlns:a16="http://schemas.microsoft.com/office/drawing/2014/main" id="{1017CEC8-0910-6B44-AA68-555F95E2198E}"/>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39C75614-7F13-F445-AA5B-E4AC4115CDDB}"/>
              </a:ext>
            </a:extLst>
          </p:cNvPr>
          <p:cNvSpPr/>
          <p:nvPr userDrawn="1"/>
        </p:nvSpPr>
        <p:spPr>
          <a:xfrm rot="5400000" flipH="1" flipV="1">
            <a:off x="4690533" y="-4690535"/>
            <a:ext cx="2810933" cy="12192001"/>
          </a:xfrm>
          <a:prstGeom prst="triangle">
            <a:avLst>
              <a:gd name="adj" fmla="val 100000"/>
            </a:avLst>
          </a:prstGeom>
          <a:gradFill>
            <a:gsLst>
              <a:gs pos="26000">
                <a:schemeClr val="accent4">
                  <a:alpha val="59000"/>
                </a:schemeClr>
              </a:gs>
              <a:gs pos="100000">
                <a:schemeClr val="accent1"/>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3694D863-2A5D-1945-8289-8CB66E98966B}"/>
              </a:ext>
            </a:extLst>
          </p:cNvPr>
          <p:cNvSpPr/>
          <p:nvPr userDrawn="1"/>
        </p:nvSpPr>
        <p:spPr>
          <a:xfrm rot="5400000" flipH="1">
            <a:off x="2344971" y="-2362495"/>
            <a:ext cx="2184402" cy="690938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1392304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Divider Slide BW">
    <p:spTree>
      <p:nvGrpSpPr>
        <p:cNvPr id="1" name=""/>
        <p:cNvGrpSpPr/>
        <p:nvPr/>
      </p:nvGrpSpPr>
      <p:grpSpPr>
        <a:xfrm>
          <a:off x="0" y="0"/>
          <a:ext cx="0" cy="0"/>
          <a:chOff x="0" y="0"/>
          <a:chExt cx="0" cy="0"/>
        </a:xfrm>
      </p:grpSpPr>
      <p:pic>
        <p:nvPicPr>
          <p:cNvPr id="6" name="BW Photo Background" descr="A large desert landscape&#10;&#10;Description automatically generated">
            <a:extLst>
              <a:ext uri="{FF2B5EF4-FFF2-40B4-BE49-F238E27FC236}">
                <a16:creationId xmlns:a16="http://schemas.microsoft.com/office/drawing/2014/main" id="{BC6C4DA4-E31D-214D-BA33-302B9FA242D8}"/>
              </a:ext>
            </a:extLst>
          </p:cNvPr>
          <p:cNvPicPr>
            <a:picLocks noChangeAspect="1"/>
          </p:cNvPicPr>
          <p:nvPr userDrawn="1"/>
        </p:nvPicPr>
        <p:blipFill>
          <a:blip r:embed="rId2">
            <a:grayscl/>
          </a:blip>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7E40DD79-F0F8-7443-8BAE-E9358664A7CE}"/>
              </a:ext>
            </a:extLst>
          </p:cNvPr>
          <p:cNvSpPr/>
          <p:nvPr userDrawn="1"/>
        </p:nvSpPr>
        <p:spPr>
          <a:xfrm rot="16200000" flipH="1">
            <a:off x="4343770" y="-991886"/>
            <a:ext cx="3504459" cy="12192001"/>
          </a:xfrm>
          <a:prstGeom prst="triangle">
            <a:avLst>
              <a:gd name="adj" fmla="val 100000"/>
            </a:avLst>
          </a:prstGeom>
          <a:gradFill flip="none" rotWithShape="1">
            <a:gsLst>
              <a:gs pos="22000">
                <a:schemeClr val="accent3">
                  <a:alpha val="91000"/>
                </a:schemeClr>
              </a:gs>
              <a:gs pos="100000">
                <a:schemeClr val="accent5">
                  <a:alpha val="96000"/>
                </a:schemeClr>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6F9E3AE8-0A83-9645-A807-C7C0B55594E2}"/>
              </a:ext>
            </a:extLst>
          </p:cNvPr>
          <p:cNvSpPr/>
          <p:nvPr userDrawn="1"/>
        </p:nvSpPr>
        <p:spPr>
          <a:xfrm rot="16200000" flipH="1" flipV="1">
            <a:off x="3571102" y="593124"/>
            <a:ext cx="2693773" cy="9835977"/>
          </a:xfrm>
          <a:prstGeom prst="triangle">
            <a:avLst>
              <a:gd name="adj" fmla="val 100000"/>
            </a:avLst>
          </a:prstGeom>
          <a:gradFill flip="none" rotWithShape="1">
            <a:gsLst>
              <a:gs pos="19000">
                <a:schemeClr val="accent3"/>
              </a:gs>
              <a:gs pos="100000">
                <a:schemeClr val="accent1">
                  <a:alpha val="70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869814676"/>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eadshot Slide Dark">
    <p:spTree>
      <p:nvGrpSpPr>
        <p:cNvPr id="1" name=""/>
        <p:cNvGrpSpPr/>
        <p:nvPr/>
      </p:nvGrpSpPr>
      <p:grpSpPr>
        <a:xfrm>
          <a:off x="0" y="0"/>
          <a:ext cx="0" cy="0"/>
          <a:chOff x="0" y="0"/>
          <a:chExt cx="0" cy="0"/>
        </a:xfrm>
      </p:grpSpPr>
      <p:sp>
        <p:nvSpPr>
          <p:cNvPr id="93" name="GRADIENT">
            <a:extLst>
              <a:ext uri="{FF2B5EF4-FFF2-40B4-BE49-F238E27FC236}">
                <a16:creationId xmlns:a16="http://schemas.microsoft.com/office/drawing/2014/main" id="{514F944F-70A6-6B4A-849A-DD5E6CA85146}"/>
              </a:ext>
            </a:extLst>
          </p:cNvPr>
          <p:cNvSpPr/>
          <p:nvPr userDrawn="1"/>
        </p:nvSpPr>
        <p:spPr>
          <a:xfrm>
            <a:off x="-63260" y="-101600"/>
            <a:ext cx="12318521" cy="3454400"/>
          </a:xfrm>
          <a:prstGeom prst="rect">
            <a:avLst/>
          </a:prstGeom>
          <a:gradFill flip="none" rotWithShape="1">
            <a:gsLst>
              <a:gs pos="0">
                <a:srgbClr val="A5D867"/>
              </a:gs>
              <a:gs pos="100000">
                <a:srgbClr val="0097BA"/>
              </a:gs>
            </a:gsLst>
            <a:lin ang="18900000" scaled="1"/>
            <a:tileRect/>
          </a:gra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Arial" panose="020B0604020202020204"/>
              <a:ea typeface="+mn-ea"/>
              <a:cs typeface="+mn-cs"/>
            </a:endParaRPr>
          </a:p>
        </p:txBody>
      </p:sp>
      <p:grpSp>
        <p:nvGrpSpPr>
          <p:cNvPr id="137" name="MAP">
            <a:extLst>
              <a:ext uri="{FF2B5EF4-FFF2-40B4-BE49-F238E27FC236}">
                <a16:creationId xmlns:a16="http://schemas.microsoft.com/office/drawing/2014/main" id="{9A8B67DD-49B5-4E4C-AF64-E931B3B95F52}"/>
              </a:ext>
            </a:extLst>
          </p:cNvPr>
          <p:cNvGrpSpPr/>
          <p:nvPr userDrawn="1"/>
        </p:nvGrpSpPr>
        <p:grpSpPr>
          <a:xfrm>
            <a:off x="-845114" y="-4636789"/>
            <a:ext cx="14840962" cy="11642818"/>
            <a:chOff x="-845114" y="-4636789"/>
            <a:chExt cx="14840962" cy="11642818"/>
          </a:xfrm>
        </p:grpSpPr>
        <p:sp>
          <p:nvSpPr>
            <p:cNvPr id="96" name="Freeform: Shape 110">
              <a:extLst>
                <a:ext uri="{FF2B5EF4-FFF2-40B4-BE49-F238E27FC236}">
                  <a16:creationId xmlns:a16="http://schemas.microsoft.com/office/drawing/2014/main" id="{3A8748F5-6B0A-3143-80E7-CED7EE001250}"/>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113">
              <a:extLst>
                <a:ext uri="{FF2B5EF4-FFF2-40B4-BE49-F238E27FC236}">
                  <a16:creationId xmlns:a16="http://schemas.microsoft.com/office/drawing/2014/main" id="{40E422A0-624A-6647-8DFB-693DEA081458}"/>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8" name="Freeform: Shape 114">
              <a:extLst>
                <a:ext uri="{FF2B5EF4-FFF2-40B4-BE49-F238E27FC236}">
                  <a16:creationId xmlns:a16="http://schemas.microsoft.com/office/drawing/2014/main" id="{52A3BDF0-505E-4B44-AE38-ED29EC72A36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9" name="Freeform: Shape 116">
              <a:extLst>
                <a:ext uri="{FF2B5EF4-FFF2-40B4-BE49-F238E27FC236}">
                  <a16:creationId xmlns:a16="http://schemas.microsoft.com/office/drawing/2014/main" id="{BE40C2D5-05AC-2B43-AA63-52083C1D9736}"/>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0" name="Freeform: Shape 118">
              <a:extLst>
                <a:ext uri="{FF2B5EF4-FFF2-40B4-BE49-F238E27FC236}">
                  <a16:creationId xmlns:a16="http://schemas.microsoft.com/office/drawing/2014/main" id="{941B3E46-6570-0649-B29A-BB14A63DB4B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1" name="Freeform: Shape 120">
              <a:extLst>
                <a:ext uri="{FF2B5EF4-FFF2-40B4-BE49-F238E27FC236}">
                  <a16:creationId xmlns:a16="http://schemas.microsoft.com/office/drawing/2014/main" id="{9D138DCF-4520-C048-B1AD-491F000F8639}"/>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2" name="Freeform: Shape 121">
              <a:extLst>
                <a:ext uri="{FF2B5EF4-FFF2-40B4-BE49-F238E27FC236}">
                  <a16:creationId xmlns:a16="http://schemas.microsoft.com/office/drawing/2014/main" id="{00B8BD2A-0351-C343-A760-FB7A6F8A3E4E}"/>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3" name="Freeform: Shape 122">
              <a:extLst>
                <a:ext uri="{FF2B5EF4-FFF2-40B4-BE49-F238E27FC236}">
                  <a16:creationId xmlns:a16="http://schemas.microsoft.com/office/drawing/2014/main" id="{F540AD7C-E5A4-EA41-881D-EE12398E198E}"/>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4" name="Freeform: Shape 123">
              <a:extLst>
                <a:ext uri="{FF2B5EF4-FFF2-40B4-BE49-F238E27FC236}">
                  <a16:creationId xmlns:a16="http://schemas.microsoft.com/office/drawing/2014/main" id="{2C9F5B84-B461-A443-855F-1FBFA66077F4}"/>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124">
              <a:extLst>
                <a:ext uri="{FF2B5EF4-FFF2-40B4-BE49-F238E27FC236}">
                  <a16:creationId xmlns:a16="http://schemas.microsoft.com/office/drawing/2014/main" id="{76C822BB-A4F0-A049-BEA5-C1C784BEC25E}"/>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125">
              <a:extLst>
                <a:ext uri="{FF2B5EF4-FFF2-40B4-BE49-F238E27FC236}">
                  <a16:creationId xmlns:a16="http://schemas.microsoft.com/office/drawing/2014/main" id="{E8EF30E9-00E4-BD4A-B153-0B9C6C558035}"/>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126">
              <a:extLst>
                <a:ext uri="{FF2B5EF4-FFF2-40B4-BE49-F238E27FC236}">
                  <a16:creationId xmlns:a16="http://schemas.microsoft.com/office/drawing/2014/main" id="{96B9F2ED-4BFA-9F4B-8B39-F25C277634C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127">
              <a:extLst>
                <a:ext uri="{FF2B5EF4-FFF2-40B4-BE49-F238E27FC236}">
                  <a16:creationId xmlns:a16="http://schemas.microsoft.com/office/drawing/2014/main" id="{88EDCCB5-30BA-A648-85C1-DD2E54488C07}"/>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128">
              <a:extLst>
                <a:ext uri="{FF2B5EF4-FFF2-40B4-BE49-F238E27FC236}">
                  <a16:creationId xmlns:a16="http://schemas.microsoft.com/office/drawing/2014/main" id="{7B9D434F-FED6-5B48-B203-057549D9F8AF}"/>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130">
              <a:extLst>
                <a:ext uri="{FF2B5EF4-FFF2-40B4-BE49-F238E27FC236}">
                  <a16:creationId xmlns:a16="http://schemas.microsoft.com/office/drawing/2014/main" id="{970BFA87-EC93-5F47-A72F-451504CF7895}"/>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51">
              <a:extLst>
                <a:ext uri="{FF2B5EF4-FFF2-40B4-BE49-F238E27FC236}">
                  <a16:creationId xmlns:a16="http://schemas.microsoft.com/office/drawing/2014/main" id="{9B09CEE9-703B-9A48-88A3-A65E1D162B30}"/>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54">
              <a:extLst>
                <a:ext uri="{FF2B5EF4-FFF2-40B4-BE49-F238E27FC236}">
                  <a16:creationId xmlns:a16="http://schemas.microsoft.com/office/drawing/2014/main" id="{31207905-DA0E-A54D-8E59-DD1A2810CFFC}"/>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56">
              <a:extLst>
                <a:ext uri="{FF2B5EF4-FFF2-40B4-BE49-F238E27FC236}">
                  <a16:creationId xmlns:a16="http://schemas.microsoft.com/office/drawing/2014/main" id="{2806172B-AB8B-694D-8646-3EDA7F13B273}"/>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solidFill>
              <a:srgbClr val="FFFFFF">
                <a:alpha val="77000"/>
              </a:srgb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
        <p:nvSpPr>
          <p:cNvPr id="25" name="Title Placeholder 3">
            <a:extLst>
              <a:ext uri="{FF2B5EF4-FFF2-40B4-BE49-F238E27FC236}">
                <a16:creationId xmlns:a16="http://schemas.microsoft.com/office/drawing/2014/main" id="{4959DA5C-1714-B54E-9E68-8D1A09CBE198}"/>
              </a:ext>
            </a:extLst>
          </p:cNvPr>
          <p:cNvSpPr>
            <a:spLocks noGrp="1"/>
          </p:cNvSpPr>
          <p:nvPr>
            <p:ph type="body" sz="quarter" idx="18" hasCustomPrompt="1"/>
          </p:nvPr>
        </p:nvSpPr>
        <p:spPr>
          <a:xfrm>
            <a:off x="8398008" y="541282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6" name="Name Placholder 3">
            <a:extLst>
              <a:ext uri="{FF2B5EF4-FFF2-40B4-BE49-F238E27FC236}">
                <a16:creationId xmlns:a16="http://schemas.microsoft.com/office/drawing/2014/main" id="{E667FBC0-C947-8642-B4DF-AF993BB7D0A6}"/>
              </a:ext>
            </a:extLst>
          </p:cNvPr>
          <p:cNvSpPr>
            <a:spLocks noGrp="1"/>
          </p:cNvSpPr>
          <p:nvPr>
            <p:ph type="body" sz="quarter" idx="15" hasCustomPrompt="1"/>
          </p:nvPr>
        </p:nvSpPr>
        <p:spPr>
          <a:xfrm>
            <a:off x="8398008" y="4960387"/>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7" name="Title Placeholder 2">
            <a:extLst>
              <a:ext uri="{FF2B5EF4-FFF2-40B4-BE49-F238E27FC236}">
                <a16:creationId xmlns:a16="http://schemas.microsoft.com/office/drawing/2014/main" id="{EBB97F72-B19A-3C4B-B7F5-71498C850F5C}"/>
              </a:ext>
            </a:extLst>
          </p:cNvPr>
          <p:cNvSpPr>
            <a:spLocks noGrp="1"/>
          </p:cNvSpPr>
          <p:nvPr>
            <p:ph type="body" sz="quarter" idx="17" hasCustomPrompt="1"/>
          </p:nvPr>
        </p:nvSpPr>
        <p:spPr>
          <a:xfrm>
            <a:off x="4924775" y="5489659"/>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28" name="Name Placholder 2">
            <a:extLst>
              <a:ext uri="{FF2B5EF4-FFF2-40B4-BE49-F238E27FC236}">
                <a16:creationId xmlns:a16="http://schemas.microsoft.com/office/drawing/2014/main" id="{1CE76DBF-CC8A-D340-91A4-E164839676DD}"/>
              </a:ext>
            </a:extLst>
          </p:cNvPr>
          <p:cNvSpPr>
            <a:spLocks noGrp="1"/>
          </p:cNvSpPr>
          <p:nvPr>
            <p:ph type="body" sz="quarter" idx="14" hasCustomPrompt="1"/>
          </p:nvPr>
        </p:nvSpPr>
        <p:spPr>
          <a:xfrm>
            <a:off x="4924775" y="5002055"/>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29" name="Title Placeholder 1">
            <a:extLst>
              <a:ext uri="{FF2B5EF4-FFF2-40B4-BE49-F238E27FC236}">
                <a16:creationId xmlns:a16="http://schemas.microsoft.com/office/drawing/2014/main" id="{C7C0AEA4-6A86-3A4D-B2C6-5033597E6796}"/>
              </a:ext>
            </a:extLst>
          </p:cNvPr>
          <p:cNvSpPr>
            <a:spLocks noGrp="1"/>
          </p:cNvSpPr>
          <p:nvPr>
            <p:ph type="body" sz="quarter" idx="16" hasCustomPrompt="1"/>
          </p:nvPr>
        </p:nvSpPr>
        <p:spPr>
          <a:xfrm>
            <a:off x="1451542" y="5506062"/>
            <a:ext cx="2493963" cy="373063"/>
          </a:xfrm>
        </p:spPr>
        <p:txBody>
          <a:bodyPr anchor="ctr">
            <a:normAutofit/>
          </a:bodyPr>
          <a:lstStyle>
            <a:lvl1pPr marL="0" indent="0" algn="l">
              <a:buNone/>
              <a:defRPr sz="1800" b="0" i="0">
                <a:latin typeface="Arial" panose="020B0604020202020204" pitchFamily="34" charset="0"/>
                <a:cs typeface="Arial" panose="020B0604020202020204" pitchFamily="34" charset="0"/>
              </a:defRPr>
            </a:lvl1pPr>
          </a:lstStyle>
          <a:p>
            <a:pPr lvl="0"/>
            <a:r>
              <a:rPr lang="en-US" b="0" i="0">
                <a:latin typeface="Arial" panose="020B0604020202020204" pitchFamily="34" charset="0"/>
                <a:cs typeface="Arial" panose="020B0604020202020204" pitchFamily="34" charset="0"/>
              </a:rPr>
              <a:t>Title Here</a:t>
            </a:r>
            <a:endParaRPr lang="en-US"/>
          </a:p>
        </p:txBody>
      </p:sp>
      <p:sp>
        <p:nvSpPr>
          <p:cNvPr id="30" name="Name Placholder 1">
            <a:extLst>
              <a:ext uri="{FF2B5EF4-FFF2-40B4-BE49-F238E27FC236}">
                <a16:creationId xmlns:a16="http://schemas.microsoft.com/office/drawing/2014/main" id="{246D52B7-18F8-9240-A5C3-4BE630DB3E21}"/>
              </a:ext>
            </a:extLst>
          </p:cNvPr>
          <p:cNvSpPr>
            <a:spLocks noGrp="1"/>
          </p:cNvSpPr>
          <p:nvPr>
            <p:ph type="body" sz="quarter" idx="13" hasCustomPrompt="1"/>
          </p:nvPr>
        </p:nvSpPr>
        <p:spPr>
          <a:xfrm>
            <a:off x="1451542" y="5018458"/>
            <a:ext cx="1920875" cy="460375"/>
          </a:xfrm>
        </p:spPr>
        <p:txBody>
          <a:bodyPr anchor="ctr">
            <a:normAutofit/>
          </a:bodyPr>
          <a:lstStyle>
            <a:lvl1pPr marL="0" indent="0" algn="l">
              <a:buNone/>
              <a:defRPr sz="2000" b="1" i="0">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Full Name</a:t>
            </a:r>
          </a:p>
        </p:txBody>
      </p:sp>
      <p:sp>
        <p:nvSpPr>
          <p:cNvPr id="3" name="Picture Placeholder 2">
            <a:extLst>
              <a:ext uri="{FF2B5EF4-FFF2-40B4-BE49-F238E27FC236}">
                <a16:creationId xmlns:a16="http://schemas.microsoft.com/office/drawing/2014/main" id="{FCCA9C28-1862-DE42-B612-85AF2471A712}"/>
              </a:ext>
            </a:extLst>
          </p:cNvPr>
          <p:cNvSpPr>
            <a:spLocks noGrp="1"/>
          </p:cNvSpPr>
          <p:nvPr>
            <p:ph type="pic" sz="quarter" idx="19"/>
          </p:nvPr>
        </p:nvSpPr>
        <p:spPr>
          <a:xfrm>
            <a:off x="1401383"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3" name="Picture Placeholder 2">
            <a:extLst>
              <a:ext uri="{FF2B5EF4-FFF2-40B4-BE49-F238E27FC236}">
                <a16:creationId xmlns:a16="http://schemas.microsoft.com/office/drawing/2014/main" id="{96C0D0F9-E6B4-4148-8847-D6D01866D9FB}"/>
              </a:ext>
            </a:extLst>
          </p:cNvPr>
          <p:cNvSpPr>
            <a:spLocks noGrp="1"/>
          </p:cNvSpPr>
          <p:nvPr>
            <p:ph type="pic" sz="quarter" idx="20"/>
          </p:nvPr>
        </p:nvSpPr>
        <p:spPr>
          <a:xfrm>
            <a:off x="4850261"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
        <p:nvSpPr>
          <p:cNvPr id="34" name="Picture Placeholder 2">
            <a:extLst>
              <a:ext uri="{FF2B5EF4-FFF2-40B4-BE49-F238E27FC236}">
                <a16:creationId xmlns:a16="http://schemas.microsoft.com/office/drawing/2014/main" id="{7C8AD482-1AC0-6F4D-8E8F-F4EA6AE3C02D}"/>
              </a:ext>
            </a:extLst>
          </p:cNvPr>
          <p:cNvSpPr>
            <a:spLocks noGrp="1"/>
          </p:cNvSpPr>
          <p:nvPr>
            <p:ph type="pic" sz="quarter" idx="21"/>
          </p:nvPr>
        </p:nvSpPr>
        <p:spPr>
          <a:xfrm>
            <a:off x="8299139" y="2177773"/>
            <a:ext cx="2449477" cy="2523590"/>
          </a:xfrm>
          <a:prstGeom prst="roundRect">
            <a:avLst/>
          </a:prstGeom>
          <a:ln w="88900">
            <a:gradFill>
              <a:gsLst>
                <a:gs pos="0">
                  <a:schemeClr val="accent1"/>
                </a:gs>
                <a:gs pos="100000">
                  <a:schemeClr val="accent3">
                    <a:lumMod val="75000"/>
                  </a:schemeClr>
                </a:gs>
              </a:gsLst>
              <a:lin ang="5400000" scaled="1"/>
            </a:gradFill>
          </a:ln>
        </p:spPr>
        <p:txBody>
          <a:bodyPr/>
          <a:lstStyle/>
          <a:p>
            <a:endParaRPr lang="en-US"/>
          </a:p>
        </p:txBody>
      </p:sp>
    </p:spTree>
    <p:extLst>
      <p:ext uri="{BB962C8B-B14F-4D97-AF65-F5344CB8AC3E}">
        <p14:creationId xmlns:p14="http://schemas.microsoft.com/office/powerpoint/2010/main" val="264452997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Gradient Triangles and Map">
    <p:spTree>
      <p:nvGrpSpPr>
        <p:cNvPr id="1" name=""/>
        <p:cNvGrpSpPr/>
        <p:nvPr/>
      </p:nvGrpSpPr>
      <p:grpSpPr>
        <a:xfrm>
          <a:off x="0" y="0"/>
          <a:ext cx="0" cy="0"/>
          <a:chOff x="0" y="0"/>
          <a:chExt cx="0" cy="0"/>
        </a:xfrm>
      </p:grpSpPr>
      <p:pic>
        <p:nvPicPr>
          <p:cNvPr id="86" name="Picture 85" descr="Shape, background pattern&#10;&#10;Description automatically generated">
            <a:extLst>
              <a:ext uri="{FF2B5EF4-FFF2-40B4-BE49-F238E27FC236}">
                <a16:creationId xmlns:a16="http://schemas.microsoft.com/office/drawing/2014/main" id="{8EFB9CD8-0042-4C5D-AD94-A464137DA38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Triangle 2">
            <a:extLst>
              <a:ext uri="{FF2B5EF4-FFF2-40B4-BE49-F238E27FC236}">
                <a16:creationId xmlns:a16="http://schemas.microsoft.com/office/drawing/2014/main" id="{FA613BEC-021E-0D49-9F8B-6359C7339C84}"/>
              </a:ext>
            </a:extLst>
          </p:cNvPr>
          <p:cNvSpPr/>
          <p:nvPr userDrawn="1"/>
        </p:nvSpPr>
        <p:spPr>
          <a:xfrm flipH="1">
            <a:off x="-62061" y="681037"/>
            <a:ext cx="2490892" cy="6333830"/>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74564"/>
              <a:gd name="connsiteY0" fmla="*/ 6301173 h 6856344"/>
              <a:gd name="connsiteX1" fmla="*/ 2474564 w 2474564"/>
              <a:gd name="connsiteY1" fmla="*/ 0 h 6856344"/>
              <a:gd name="connsiteX2" fmla="*/ 2474564 w 2474564"/>
              <a:gd name="connsiteY2" fmla="*/ 6856344 h 6856344"/>
              <a:gd name="connsiteX3" fmla="*/ 0 w 2474564"/>
              <a:gd name="connsiteY3" fmla="*/ 6301173 h 6856344"/>
              <a:gd name="connsiteX0" fmla="*/ 0 w 2490892"/>
              <a:gd name="connsiteY0" fmla="*/ 6301173 h 6333830"/>
              <a:gd name="connsiteX1" fmla="*/ 2474564 w 2490892"/>
              <a:gd name="connsiteY1" fmla="*/ 0 h 6333830"/>
              <a:gd name="connsiteX2" fmla="*/ 2490892 w 2490892"/>
              <a:gd name="connsiteY2" fmla="*/ 6333830 h 6333830"/>
              <a:gd name="connsiteX3" fmla="*/ 0 w 2490892"/>
              <a:gd name="connsiteY3" fmla="*/ 6301173 h 6333830"/>
            </a:gdLst>
            <a:ahLst/>
            <a:cxnLst>
              <a:cxn ang="0">
                <a:pos x="connsiteX0" y="connsiteY0"/>
              </a:cxn>
              <a:cxn ang="0">
                <a:pos x="connsiteX1" y="connsiteY1"/>
              </a:cxn>
              <a:cxn ang="0">
                <a:pos x="connsiteX2" y="connsiteY2"/>
              </a:cxn>
              <a:cxn ang="0">
                <a:pos x="connsiteX3" y="connsiteY3"/>
              </a:cxn>
            </a:cxnLst>
            <a:rect l="l" t="t" r="r" b="b"/>
            <a:pathLst>
              <a:path w="2490892" h="6333830">
                <a:moveTo>
                  <a:pt x="0" y="6301173"/>
                </a:moveTo>
                <a:lnTo>
                  <a:pt x="2474564" y="0"/>
                </a:lnTo>
                <a:cubicBezTo>
                  <a:pt x="2480007" y="2111277"/>
                  <a:pt x="2485449" y="4222553"/>
                  <a:pt x="2490892" y="6333830"/>
                </a:cubicBezTo>
                <a:lnTo>
                  <a:pt x="0" y="6301173"/>
                </a:lnTo>
                <a:close/>
              </a:path>
            </a:pathLst>
          </a:custGeom>
          <a:gradFill>
            <a:gsLst>
              <a:gs pos="99000">
                <a:srgbClr val="001C22">
                  <a:alpha val="80000"/>
                </a:srgbClr>
              </a:gs>
              <a:gs pos="0">
                <a:schemeClr val="accent1">
                  <a:alpha val="54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Triangle 1">
            <a:extLst>
              <a:ext uri="{FF2B5EF4-FFF2-40B4-BE49-F238E27FC236}">
                <a16:creationId xmlns:a16="http://schemas.microsoft.com/office/drawing/2014/main" id="{CE78FB66-AEC5-5840-9D76-538F4ED59394}"/>
              </a:ext>
            </a:extLst>
          </p:cNvPr>
          <p:cNvSpPr/>
          <p:nvPr userDrawn="1"/>
        </p:nvSpPr>
        <p:spPr>
          <a:xfrm flipH="1" flipV="1">
            <a:off x="-45733" y="0"/>
            <a:ext cx="2007455" cy="6856344"/>
          </a:xfrm>
          <a:prstGeom prst="triangle">
            <a:avLst>
              <a:gd name="adj" fmla="val 100000"/>
            </a:avLst>
          </a:prstGeom>
          <a:gradFill flip="none" rotWithShape="1">
            <a:gsLst>
              <a:gs pos="13000">
                <a:schemeClr val="accent3"/>
              </a:gs>
              <a:gs pos="99000">
                <a:schemeClr val="accent1">
                  <a:alpha val="19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 name="MAP">
            <a:extLst>
              <a:ext uri="{FF2B5EF4-FFF2-40B4-BE49-F238E27FC236}">
                <a16:creationId xmlns:a16="http://schemas.microsoft.com/office/drawing/2014/main" id="{B70C7965-8788-D242-BFAC-6D52B819D282}"/>
              </a:ext>
            </a:extLst>
          </p:cNvPr>
          <p:cNvGrpSpPr/>
          <p:nvPr userDrawn="1"/>
        </p:nvGrpSpPr>
        <p:grpSpPr>
          <a:xfrm rot="3900756" flipV="1">
            <a:off x="1323783" y="-2122209"/>
            <a:ext cx="14884293" cy="8871870"/>
            <a:chOff x="0" y="-1142"/>
            <a:chExt cx="12191046" cy="7317389"/>
          </a:xfrm>
          <a:gradFill flip="none" rotWithShape="1">
            <a:gsLst>
              <a:gs pos="20000">
                <a:schemeClr val="accent6"/>
              </a:gs>
              <a:gs pos="47000">
                <a:schemeClr val="accent1">
                  <a:alpha val="30000"/>
                </a:schemeClr>
              </a:gs>
              <a:gs pos="100000">
                <a:srgbClr val="001C22">
                  <a:alpha val="20000"/>
                </a:srgbClr>
              </a:gs>
            </a:gsLst>
            <a:lin ang="13500000" scaled="1"/>
            <a:tileRect/>
          </a:gradFill>
        </p:grpSpPr>
        <p:sp>
          <p:nvSpPr>
            <p:cNvPr id="10" name="Freeform: Shape 6">
              <a:extLst>
                <a:ext uri="{FF2B5EF4-FFF2-40B4-BE49-F238E27FC236}">
                  <a16:creationId xmlns:a16="http://schemas.microsoft.com/office/drawing/2014/main" id="{444F4EC9-5B96-D344-842F-E9A63992809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Freeform: Shape 7">
              <a:extLst>
                <a:ext uri="{FF2B5EF4-FFF2-40B4-BE49-F238E27FC236}">
                  <a16:creationId xmlns:a16="http://schemas.microsoft.com/office/drawing/2014/main" id="{C545D3C8-1B7E-BF46-A857-360EBFBD9398}"/>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86">
              <a:extLst>
                <a:ext uri="{FF2B5EF4-FFF2-40B4-BE49-F238E27FC236}">
                  <a16:creationId xmlns:a16="http://schemas.microsoft.com/office/drawing/2014/main" id="{D62EB21F-E200-1441-894C-DE455BB0CB76}"/>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7">
              <a:extLst>
                <a:ext uri="{FF2B5EF4-FFF2-40B4-BE49-F238E27FC236}">
                  <a16:creationId xmlns:a16="http://schemas.microsoft.com/office/drawing/2014/main" id="{7316B4D9-80D6-7A42-A171-AFE1FB2CD04D}"/>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8">
              <a:extLst>
                <a:ext uri="{FF2B5EF4-FFF2-40B4-BE49-F238E27FC236}">
                  <a16:creationId xmlns:a16="http://schemas.microsoft.com/office/drawing/2014/main" id="{F32AB816-05A3-F346-B7AC-40615127065C}"/>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9">
              <a:extLst>
                <a:ext uri="{FF2B5EF4-FFF2-40B4-BE49-F238E27FC236}">
                  <a16:creationId xmlns:a16="http://schemas.microsoft.com/office/drawing/2014/main" id="{D9A86CF0-44E9-8440-9580-18A6CD1892A3}"/>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90">
              <a:extLst>
                <a:ext uri="{FF2B5EF4-FFF2-40B4-BE49-F238E27FC236}">
                  <a16:creationId xmlns:a16="http://schemas.microsoft.com/office/drawing/2014/main" id="{9DFC1BDE-8C20-E24F-8DF1-2CC0D3D91C62}"/>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1">
              <a:extLst>
                <a:ext uri="{FF2B5EF4-FFF2-40B4-BE49-F238E27FC236}">
                  <a16:creationId xmlns:a16="http://schemas.microsoft.com/office/drawing/2014/main" id="{83D1952D-52B4-434A-8EB8-75AD45A2031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2">
              <a:extLst>
                <a:ext uri="{FF2B5EF4-FFF2-40B4-BE49-F238E27FC236}">
                  <a16:creationId xmlns:a16="http://schemas.microsoft.com/office/drawing/2014/main" id="{DB173C45-A689-6647-BC2B-D7FCFB6224D7}"/>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3">
              <a:extLst>
                <a:ext uri="{FF2B5EF4-FFF2-40B4-BE49-F238E27FC236}">
                  <a16:creationId xmlns:a16="http://schemas.microsoft.com/office/drawing/2014/main" id="{6E2CA331-7914-E746-908D-431206E64FE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4">
              <a:extLst>
                <a:ext uri="{FF2B5EF4-FFF2-40B4-BE49-F238E27FC236}">
                  <a16:creationId xmlns:a16="http://schemas.microsoft.com/office/drawing/2014/main" id="{54002C85-0702-474E-8F2A-919A87CF3B53}"/>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5">
              <a:extLst>
                <a:ext uri="{FF2B5EF4-FFF2-40B4-BE49-F238E27FC236}">
                  <a16:creationId xmlns:a16="http://schemas.microsoft.com/office/drawing/2014/main" id="{23ADA8FF-EC44-1048-941C-E70509552871}"/>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6">
              <a:extLst>
                <a:ext uri="{FF2B5EF4-FFF2-40B4-BE49-F238E27FC236}">
                  <a16:creationId xmlns:a16="http://schemas.microsoft.com/office/drawing/2014/main" id="{A55E64B1-1374-1E40-8AAB-9E81D725E920}"/>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7">
              <a:extLst>
                <a:ext uri="{FF2B5EF4-FFF2-40B4-BE49-F238E27FC236}">
                  <a16:creationId xmlns:a16="http://schemas.microsoft.com/office/drawing/2014/main" id="{A719550C-9C1D-C14C-9F36-BD9111F7DBF2}"/>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8">
              <a:extLst>
                <a:ext uri="{FF2B5EF4-FFF2-40B4-BE49-F238E27FC236}">
                  <a16:creationId xmlns:a16="http://schemas.microsoft.com/office/drawing/2014/main" id="{A1C49A33-C75B-5D41-94FA-B94DD1010B4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9">
              <a:extLst>
                <a:ext uri="{FF2B5EF4-FFF2-40B4-BE49-F238E27FC236}">
                  <a16:creationId xmlns:a16="http://schemas.microsoft.com/office/drawing/2014/main" id="{94810928-0159-7347-B52C-9E10D8298AF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100">
              <a:extLst>
                <a:ext uri="{FF2B5EF4-FFF2-40B4-BE49-F238E27FC236}">
                  <a16:creationId xmlns:a16="http://schemas.microsoft.com/office/drawing/2014/main" id="{8B1C7CB0-711A-5B46-9653-833778A50939}"/>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1">
              <a:extLst>
                <a:ext uri="{FF2B5EF4-FFF2-40B4-BE49-F238E27FC236}">
                  <a16:creationId xmlns:a16="http://schemas.microsoft.com/office/drawing/2014/main" id="{93749DB3-2B9E-2746-90F6-4DA312F3CBBB}"/>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2">
              <a:extLst>
                <a:ext uri="{FF2B5EF4-FFF2-40B4-BE49-F238E27FC236}">
                  <a16:creationId xmlns:a16="http://schemas.microsoft.com/office/drawing/2014/main" id="{7806841E-84BB-6E48-B5F2-5081AF8E5E2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3">
              <a:extLst>
                <a:ext uri="{FF2B5EF4-FFF2-40B4-BE49-F238E27FC236}">
                  <a16:creationId xmlns:a16="http://schemas.microsoft.com/office/drawing/2014/main" id="{94AB10AA-5C94-B24C-886C-3B05A9F13058}"/>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4">
              <a:extLst>
                <a:ext uri="{FF2B5EF4-FFF2-40B4-BE49-F238E27FC236}">
                  <a16:creationId xmlns:a16="http://schemas.microsoft.com/office/drawing/2014/main" id="{C480577E-800B-5A46-AD58-5031A6B66EC2}"/>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5">
              <a:extLst>
                <a:ext uri="{FF2B5EF4-FFF2-40B4-BE49-F238E27FC236}">
                  <a16:creationId xmlns:a16="http://schemas.microsoft.com/office/drawing/2014/main" id="{3F73F4E8-DD89-6F4A-B407-B888A5AAAB4E}"/>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6">
              <a:extLst>
                <a:ext uri="{FF2B5EF4-FFF2-40B4-BE49-F238E27FC236}">
                  <a16:creationId xmlns:a16="http://schemas.microsoft.com/office/drawing/2014/main" id="{9372ED83-3FAE-604B-ACC4-FB54B53DDFD4}"/>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7">
              <a:extLst>
                <a:ext uri="{FF2B5EF4-FFF2-40B4-BE49-F238E27FC236}">
                  <a16:creationId xmlns:a16="http://schemas.microsoft.com/office/drawing/2014/main" id="{6B14CFDF-E7BA-E14E-8143-960937FF24C5}"/>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8">
              <a:extLst>
                <a:ext uri="{FF2B5EF4-FFF2-40B4-BE49-F238E27FC236}">
                  <a16:creationId xmlns:a16="http://schemas.microsoft.com/office/drawing/2014/main" id="{17ED547C-1115-D14A-B892-161157651878}"/>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9">
              <a:extLst>
                <a:ext uri="{FF2B5EF4-FFF2-40B4-BE49-F238E27FC236}">
                  <a16:creationId xmlns:a16="http://schemas.microsoft.com/office/drawing/2014/main" id="{A706E234-532F-0D47-89E6-0A812315D3FC}"/>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10">
              <a:extLst>
                <a:ext uri="{FF2B5EF4-FFF2-40B4-BE49-F238E27FC236}">
                  <a16:creationId xmlns:a16="http://schemas.microsoft.com/office/drawing/2014/main" id="{455ADF7A-0CAE-0547-8F93-2E4FA4B2B14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1">
              <a:extLst>
                <a:ext uri="{FF2B5EF4-FFF2-40B4-BE49-F238E27FC236}">
                  <a16:creationId xmlns:a16="http://schemas.microsoft.com/office/drawing/2014/main" id="{FBAB880C-215E-7849-98F8-605681BFE3B8}"/>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2">
              <a:extLst>
                <a:ext uri="{FF2B5EF4-FFF2-40B4-BE49-F238E27FC236}">
                  <a16:creationId xmlns:a16="http://schemas.microsoft.com/office/drawing/2014/main" id="{5AF7172D-1B34-EE40-A643-0F7C0B1008C0}"/>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3">
              <a:extLst>
                <a:ext uri="{FF2B5EF4-FFF2-40B4-BE49-F238E27FC236}">
                  <a16:creationId xmlns:a16="http://schemas.microsoft.com/office/drawing/2014/main" id="{CDA6787E-42BB-F841-A3A5-5C04734C924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4">
              <a:extLst>
                <a:ext uri="{FF2B5EF4-FFF2-40B4-BE49-F238E27FC236}">
                  <a16:creationId xmlns:a16="http://schemas.microsoft.com/office/drawing/2014/main" id="{AC50BC4F-7EF8-0E4C-A693-3169FB328A89}"/>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5">
              <a:extLst>
                <a:ext uri="{FF2B5EF4-FFF2-40B4-BE49-F238E27FC236}">
                  <a16:creationId xmlns:a16="http://schemas.microsoft.com/office/drawing/2014/main" id="{3F856BB0-FCA6-C04A-8F15-E0DBBE40E24B}"/>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6">
              <a:extLst>
                <a:ext uri="{FF2B5EF4-FFF2-40B4-BE49-F238E27FC236}">
                  <a16:creationId xmlns:a16="http://schemas.microsoft.com/office/drawing/2014/main" id="{B71D1E60-7106-BF4E-9C84-463263ACE3C1}"/>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7">
              <a:extLst>
                <a:ext uri="{FF2B5EF4-FFF2-40B4-BE49-F238E27FC236}">
                  <a16:creationId xmlns:a16="http://schemas.microsoft.com/office/drawing/2014/main" id="{E8B6FD96-F564-194E-9AB6-5FEF0F99386B}"/>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8">
              <a:extLst>
                <a:ext uri="{FF2B5EF4-FFF2-40B4-BE49-F238E27FC236}">
                  <a16:creationId xmlns:a16="http://schemas.microsoft.com/office/drawing/2014/main" id="{FE2FDBF5-B412-694E-BD26-386D258F0881}"/>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9">
              <a:extLst>
                <a:ext uri="{FF2B5EF4-FFF2-40B4-BE49-F238E27FC236}">
                  <a16:creationId xmlns:a16="http://schemas.microsoft.com/office/drawing/2014/main" id="{5928F076-5C25-604B-BAB9-02E8D48AE5B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20">
              <a:extLst>
                <a:ext uri="{FF2B5EF4-FFF2-40B4-BE49-F238E27FC236}">
                  <a16:creationId xmlns:a16="http://schemas.microsoft.com/office/drawing/2014/main" id="{D58E68FA-0C83-5E47-B5CB-8A5D3DB8E765}"/>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1">
              <a:extLst>
                <a:ext uri="{FF2B5EF4-FFF2-40B4-BE49-F238E27FC236}">
                  <a16:creationId xmlns:a16="http://schemas.microsoft.com/office/drawing/2014/main" id="{CEADCB90-3630-E849-BB07-D9802B28F1C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2">
              <a:extLst>
                <a:ext uri="{FF2B5EF4-FFF2-40B4-BE49-F238E27FC236}">
                  <a16:creationId xmlns:a16="http://schemas.microsoft.com/office/drawing/2014/main" id="{7ED62B43-2B46-1441-9CB7-E1F4AE1195FB}"/>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3">
              <a:extLst>
                <a:ext uri="{FF2B5EF4-FFF2-40B4-BE49-F238E27FC236}">
                  <a16:creationId xmlns:a16="http://schemas.microsoft.com/office/drawing/2014/main" id="{E01F0785-70DA-964A-A3AD-9A6A113A911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4">
              <a:extLst>
                <a:ext uri="{FF2B5EF4-FFF2-40B4-BE49-F238E27FC236}">
                  <a16:creationId xmlns:a16="http://schemas.microsoft.com/office/drawing/2014/main" id="{45EB68E8-7AB3-8548-8CB4-83718D43DBDD}"/>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5">
              <a:extLst>
                <a:ext uri="{FF2B5EF4-FFF2-40B4-BE49-F238E27FC236}">
                  <a16:creationId xmlns:a16="http://schemas.microsoft.com/office/drawing/2014/main" id="{C540623C-DE12-4345-8518-2342464CFC90}"/>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6">
              <a:extLst>
                <a:ext uri="{FF2B5EF4-FFF2-40B4-BE49-F238E27FC236}">
                  <a16:creationId xmlns:a16="http://schemas.microsoft.com/office/drawing/2014/main" id="{19F587DA-140C-CB41-884F-ADFD4E44DEC6}"/>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7">
              <a:extLst>
                <a:ext uri="{FF2B5EF4-FFF2-40B4-BE49-F238E27FC236}">
                  <a16:creationId xmlns:a16="http://schemas.microsoft.com/office/drawing/2014/main" id="{0F19E5A1-6DFE-CF4E-BE8E-03940E50C11B}"/>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8">
              <a:extLst>
                <a:ext uri="{FF2B5EF4-FFF2-40B4-BE49-F238E27FC236}">
                  <a16:creationId xmlns:a16="http://schemas.microsoft.com/office/drawing/2014/main" id="{B0C94581-BD95-F049-8CDE-8F64858A3D45}"/>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9">
              <a:extLst>
                <a:ext uri="{FF2B5EF4-FFF2-40B4-BE49-F238E27FC236}">
                  <a16:creationId xmlns:a16="http://schemas.microsoft.com/office/drawing/2014/main" id="{6CEF64BD-33A5-E249-A293-81D2F05A1269}"/>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30">
              <a:extLst>
                <a:ext uri="{FF2B5EF4-FFF2-40B4-BE49-F238E27FC236}">
                  <a16:creationId xmlns:a16="http://schemas.microsoft.com/office/drawing/2014/main" id="{025A0566-FE2A-BE43-ADAA-FF6F1E043664}"/>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1">
              <a:extLst>
                <a:ext uri="{FF2B5EF4-FFF2-40B4-BE49-F238E27FC236}">
                  <a16:creationId xmlns:a16="http://schemas.microsoft.com/office/drawing/2014/main" id="{33B9C5A4-9E43-0742-AC3D-78EC35933AB1}"/>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2">
              <a:extLst>
                <a:ext uri="{FF2B5EF4-FFF2-40B4-BE49-F238E27FC236}">
                  <a16:creationId xmlns:a16="http://schemas.microsoft.com/office/drawing/2014/main" id="{88B9FD2A-E35D-AF42-8181-8C15539869B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3">
              <a:extLst>
                <a:ext uri="{FF2B5EF4-FFF2-40B4-BE49-F238E27FC236}">
                  <a16:creationId xmlns:a16="http://schemas.microsoft.com/office/drawing/2014/main" id="{14096D07-BAAE-A240-89BD-A55BF873EC64}"/>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4">
              <a:extLst>
                <a:ext uri="{FF2B5EF4-FFF2-40B4-BE49-F238E27FC236}">
                  <a16:creationId xmlns:a16="http://schemas.microsoft.com/office/drawing/2014/main" id="{571AA5A4-08EF-B14F-99E5-C30504137341}"/>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5">
              <a:extLst>
                <a:ext uri="{FF2B5EF4-FFF2-40B4-BE49-F238E27FC236}">
                  <a16:creationId xmlns:a16="http://schemas.microsoft.com/office/drawing/2014/main" id="{BE281916-6915-FA47-99A4-59EF7D190371}"/>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6">
              <a:extLst>
                <a:ext uri="{FF2B5EF4-FFF2-40B4-BE49-F238E27FC236}">
                  <a16:creationId xmlns:a16="http://schemas.microsoft.com/office/drawing/2014/main" id="{8574183F-A5DB-854E-847D-15A3D82DC90B}"/>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7">
              <a:extLst>
                <a:ext uri="{FF2B5EF4-FFF2-40B4-BE49-F238E27FC236}">
                  <a16:creationId xmlns:a16="http://schemas.microsoft.com/office/drawing/2014/main" id="{0DBB1E4E-EBD4-0745-837F-8EBF8D4DC4A8}"/>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8">
              <a:extLst>
                <a:ext uri="{FF2B5EF4-FFF2-40B4-BE49-F238E27FC236}">
                  <a16:creationId xmlns:a16="http://schemas.microsoft.com/office/drawing/2014/main" id="{527DF27E-EC29-9A45-A7FF-D23BF93B212B}"/>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9">
              <a:extLst>
                <a:ext uri="{FF2B5EF4-FFF2-40B4-BE49-F238E27FC236}">
                  <a16:creationId xmlns:a16="http://schemas.microsoft.com/office/drawing/2014/main" id="{9FB00E82-FCB6-204C-B268-FB19EC322AAE}"/>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40">
              <a:extLst>
                <a:ext uri="{FF2B5EF4-FFF2-40B4-BE49-F238E27FC236}">
                  <a16:creationId xmlns:a16="http://schemas.microsoft.com/office/drawing/2014/main" id="{7597BC04-887D-5744-A0F2-8A85EE82C20D}"/>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1">
              <a:extLst>
                <a:ext uri="{FF2B5EF4-FFF2-40B4-BE49-F238E27FC236}">
                  <a16:creationId xmlns:a16="http://schemas.microsoft.com/office/drawing/2014/main" id="{C951C7D7-A7C6-2543-B079-49AB8A789E9E}"/>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2">
              <a:extLst>
                <a:ext uri="{FF2B5EF4-FFF2-40B4-BE49-F238E27FC236}">
                  <a16:creationId xmlns:a16="http://schemas.microsoft.com/office/drawing/2014/main" id="{5545D6CA-9EBC-3A47-B0E4-C2819BB9CEE1}"/>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3">
              <a:extLst>
                <a:ext uri="{FF2B5EF4-FFF2-40B4-BE49-F238E27FC236}">
                  <a16:creationId xmlns:a16="http://schemas.microsoft.com/office/drawing/2014/main" id="{06716CAF-020B-E649-BCE5-A8F5D34026DD}"/>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4">
              <a:extLst>
                <a:ext uri="{FF2B5EF4-FFF2-40B4-BE49-F238E27FC236}">
                  <a16:creationId xmlns:a16="http://schemas.microsoft.com/office/drawing/2014/main" id="{B5E723EA-87DA-F546-9432-36C8C7FD4E65}"/>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5">
              <a:extLst>
                <a:ext uri="{FF2B5EF4-FFF2-40B4-BE49-F238E27FC236}">
                  <a16:creationId xmlns:a16="http://schemas.microsoft.com/office/drawing/2014/main" id="{C1C03F0A-9EBE-0E4C-8269-ECA04FB44B08}"/>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6">
              <a:extLst>
                <a:ext uri="{FF2B5EF4-FFF2-40B4-BE49-F238E27FC236}">
                  <a16:creationId xmlns:a16="http://schemas.microsoft.com/office/drawing/2014/main" id="{3274ED47-F08A-F941-B36D-833733B2B3EB}"/>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7">
              <a:extLst>
                <a:ext uri="{FF2B5EF4-FFF2-40B4-BE49-F238E27FC236}">
                  <a16:creationId xmlns:a16="http://schemas.microsoft.com/office/drawing/2014/main" id="{2867551C-2A2A-E743-88A5-E904932D1331}"/>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8">
              <a:extLst>
                <a:ext uri="{FF2B5EF4-FFF2-40B4-BE49-F238E27FC236}">
                  <a16:creationId xmlns:a16="http://schemas.microsoft.com/office/drawing/2014/main" id="{78150751-7F78-1948-9549-AB36028710C8}"/>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9">
              <a:extLst>
                <a:ext uri="{FF2B5EF4-FFF2-40B4-BE49-F238E27FC236}">
                  <a16:creationId xmlns:a16="http://schemas.microsoft.com/office/drawing/2014/main" id="{74569F0E-0168-9C46-B369-44981DD4309D}"/>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50">
              <a:extLst>
                <a:ext uri="{FF2B5EF4-FFF2-40B4-BE49-F238E27FC236}">
                  <a16:creationId xmlns:a16="http://schemas.microsoft.com/office/drawing/2014/main" id="{52CEA3B9-5D79-BB40-B671-388099017AA2}"/>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1">
              <a:extLst>
                <a:ext uri="{FF2B5EF4-FFF2-40B4-BE49-F238E27FC236}">
                  <a16:creationId xmlns:a16="http://schemas.microsoft.com/office/drawing/2014/main" id="{8F709100-7DA8-6540-844D-776E78DC96F7}"/>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2">
              <a:extLst>
                <a:ext uri="{FF2B5EF4-FFF2-40B4-BE49-F238E27FC236}">
                  <a16:creationId xmlns:a16="http://schemas.microsoft.com/office/drawing/2014/main" id="{8C45A1D6-3B4D-5A41-9E50-AB68C6EB87E5}"/>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3">
              <a:extLst>
                <a:ext uri="{FF2B5EF4-FFF2-40B4-BE49-F238E27FC236}">
                  <a16:creationId xmlns:a16="http://schemas.microsoft.com/office/drawing/2014/main" id="{494C9BD5-9A3A-414C-835C-A438AC9E1228}"/>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4">
              <a:extLst>
                <a:ext uri="{FF2B5EF4-FFF2-40B4-BE49-F238E27FC236}">
                  <a16:creationId xmlns:a16="http://schemas.microsoft.com/office/drawing/2014/main" id="{B48890CE-6605-CD41-BFC5-DC5B9E4FD030}"/>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6">
              <a:extLst>
                <a:ext uri="{FF2B5EF4-FFF2-40B4-BE49-F238E27FC236}">
                  <a16:creationId xmlns:a16="http://schemas.microsoft.com/office/drawing/2014/main" id="{E0F60BE4-4BFF-FE40-AE0A-FB04597FBE9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7">
              <a:extLst>
                <a:ext uri="{FF2B5EF4-FFF2-40B4-BE49-F238E27FC236}">
                  <a16:creationId xmlns:a16="http://schemas.microsoft.com/office/drawing/2014/main" id="{B5A8F1F8-FB77-4242-B371-3426209F4500}"/>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8">
              <a:extLst>
                <a:ext uri="{FF2B5EF4-FFF2-40B4-BE49-F238E27FC236}">
                  <a16:creationId xmlns:a16="http://schemas.microsoft.com/office/drawing/2014/main" id="{F6947335-AB3D-634F-9003-23C13C7C718C}"/>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9">
              <a:extLst>
                <a:ext uri="{FF2B5EF4-FFF2-40B4-BE49-F238E27FC236}">
                  <a16:creationId xmlns:a16="http://schemas.microsoft.com/office/drawing/2014/main" id="{386A9660-3B19-CF45-BCEA-5791E2628FB4}"/>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60">
              <a:extLst>
                <a:ext uri="{FF2B5EF4-FFF2-40B4-BE49-F238E27FC236}">
                  <a16:creationId xmlns:a16="http://schemas.microsoft.com/office/drawing/2014/main" id="{DCA23BDF-C08B-D14C-B552-C9B534C1EE6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46359298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Paragraph Slide w Photo Placeholder">
    <p:spTree>
      <p:nvGrpSpPr>
        <p:cNvPr id="1" name=""/>
        <p:cNvGrpSpPr/>
        <p:nvPr/>
      </p:nvGrpSpPr>
      <p:grpSpPr>
        <a:xfrm>
          <a:off x="0" y="0"/>
          <a:ext cx="0" cy="0"/>
          <a:chOff x="0" y="0"/>
          <a:chExt cx="0" cy="0"/>
        </a:xfrm>
      </p:grpSpPr>
      <p:pic>
        <p:nvPicPr>
          <p:cNvPr id="8" name="Picture 7" descr="Shape, background pattern&#10;&#10;Description automatically generated">
            <a:extLst>
              <a:ext uri="{FF2B5EF4-FFF2-40B4-BE49-F238E27FC236}">
                <a16:creationId xmlns:a16="http://schemas.microsoft.com/office/drawing/2014/main" id="{F4BA170A-298D-4B6A-BE87-913CAE03C400}"/>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4" name="Picture Placeholder">
            <a:extLst>
              <a:ext uri="{FF2B5EF4-FFF2-40B4-BE49-F238E27FC236}">
                <a16:creationId xmlns:a16="http://schemas.microsoft.com/office/drawing/2014/main" id="{7CD0C246-80D2-9241-8E5E-EAB72BD30864}"/>
              </a:ext>
            </a:extLst>
          </p:cNvPr>
          <p:cNvSpPr>
            <a:spLocks noGrp="1"/>
          </p:cNvSpPr>
          <p:nvPr>
            <p:ph type="pic" sz="quarter" idx="11"/>
          </p:nvPr>
        </p:nvSpPr>
        <p:spPr>
          <a:xfrm>
            <a:off x="6699250" y="0"/>
            <a:ext cx="5492750" cy="6869113"/>
          </a:xfrm>
        </p:spPr>
        <p:txBody>
          <a:bodyPr/>
          <a:lstStyle/>
          <a:p>
            <a:endParaRPr lang="en-US"/>
          </a:p>
        </p:txBody>
      </p:sp>
      <p:sp>
        <p:nvSpPr>
          <p:cNvPr id="9" name="Triangle 2">
            <a:extLst>
              <a:ext uri="{FF2B5EF4-FFF2-40B4-BE49-F238E27FC236}">
                <a16:creationId xmlns:a16="http://schemas.microsoft.com/office/drawing/2014/main" id="{FA079A6E-5CFC-4549-B935-0C6F7B971A67}"/>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5605DA72-AEE2-7048-A238-E754EDA09C2E}"/>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
        <p:nvSpPr>
          <p:cNvPr id="7" name="Body Text Placeholder">
            <a:extLst>
              <a:ext uri="{FF2B5EF4-FFF2-40B4-BE49-F238E27FC236}">
                <a16:creationId xmlns:a16="http://schemas.microsoft.com/office/drawing/2014/main" id="{2A57EB66-B892-A645-852E-59D51BB5B1E2}"/>
              </a:ext>
            </a:extLst>
          </p:cNvPr>
          <p:cNvSpPr>
            <a:spLocks noGrp="1"/>
          </p:cNvSpPr>
          <p:nvPr>
            <p:ph type="body" sz="quarter" idx="10"/>
          </p:nvPr>
        </p:nvSpPr>
        <p:spPr>
          <a:xfrm>
            <a:off x="1254125" y="2514600"/>
            <a:ext cx="4267200" cy="2616200"/>
          </a:xfrm>
        </p:spPr>
        <p:txBody>
          <a:bodyPr>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7472558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Paragraph Slide w Angle Photo Placeholder">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87ED1D10-26A2-491C-BEEC-122C4EC6EEAB}"/>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6" name="Picture Placeholder">
            <a:extLst>
              <a:ext uri="{FF2B5EF4-FFF2-40B4-BE49-F238E27FC236}">
                <a16:creationId xmlns:a16="http://schemas.microsoft.com/office/drawing/2014/main" id="{AD015424-454B-E04E-B5EE-48B476C6EAF7}"/>
              </a:ext>
            </a:extLst>
          </p:cNvPr>
          <p:cNvSpPr>
            <a:spLocks noGrp="1"/>
          </p:cNvSpPr>
          <p:nvPr>
            <p:ph type="pic" sz="quarter" idx="11"/>
          </p:nvPr>
        </p:nvSpPr>
        <p:spPr>
          <a:xfrm>
            <a:off x="5298463" y="10277"/>
            <a:ext cx="6911467" cy="6888644"/>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8644 h 6888644"/>
              <a:gd name="connsiteX1" fmla="*/ 2581456 w 7592785"/>
              <a:gd name="connsiteY1" fmla="*/ 0 h 6888644"/>
              <a:gd name="connsiteX2" fmla="*/ 7592785 w 7592785"/>
              <a:gd name="connsiteY2" fmla="*/ 3204 h 6888644"/>
              <a:gd name="connsiteX3" fmla="*/ 7568715 w 7592785"/>
              <a:gd name="connsiteY3" fmla="*/ 6855988 h 6888644"/>
              <a:gd name="connsiteX4" fmla="*/ 0 w 7592785"/>
              <a:gd name="connsiteY4" fmla="*/ 6888644 h 6888644"/>
              <a:gd name="connsiteX0" fmla="*/ 0 w 6947326"/>
              <a:gd name="connsiteY0" fmla="*/ 6906574 h 6906574"/>
              <a:gd name="connsiteX1" fmla="*/ 1935997 w 6947326"/>
              <a:gd name="connsiteY1" fmla="*/ 0 h 6906574"/>
              <a:gd name="connsiteX2" fmla="*/ 6947326 w 6947326"/>
              <a:gd name="connsiteY2" fmla="*/ 3204 h 6906574"/>
              <a:gd name="connsiteX3" fmla="*/ 6923256 w 6947326"/>
              <a:gd name="connsiteY3" fmla="*/ 6855988 h 6906574"/>
              <a:gd name="connsiteX4" fmla="*/ 0 w 6947326"/>
              <a:gd name="connsiteY4" fmla="*/ 6906574 h 6906574"/>
              <a:gd name="connsiteX0" fmla="*/ 0 w 7001114"/>
              <a:gd name="connsiteY0" fmla="*/ 6906574 h 6906574"/>
              <a:gd name="connsiteX1" fmla="*/ 1989785 w 7001114"/>
              <a:gd name="connsiteY1" fmla="*/ 0 h 6906574"/>
              <a:gd name="connsiteX2" fmla="*/ 7001114 w 7001114"/>
              <a:gd name="connsiteY2" fmla="*/ 3204 h 6906574"/>
              <a:gd name="connsiteX3" fmla="*/ 6977044 w 7001114"/>
              <a:gd name="connsiteY3" fmla="*/ 6855988 h 6906574"/>
              <a:gd name="connsiteX4" fmla="*/ 0 w 7001114"/>
              <a:gd name="connsiteY4" fmla="*/ 6906574 h 6906574"/>
              <a:gd name="connsiteX0" fmla="*/ 0 w 6911467"/>
              <a:gd name="connsiteY0" fmla="*/ 6924503 h 6924503"/>
              <a:gd name="connsiteX1" fmla="*/ 1900138 w 6911467"/>
              <a:gd name="connsiteY1" fmla="*/ 0 h 6924503"/>
              <a:gd name="connsiteX2" fmla="*/ 6911467 w 6911467"/>
              <a:gd name="connsiteY2" fmla="*/ 3204 h 6924503"/>
              <a:gd name="connsiteX3" fmla="*/ 6887397 w 6911467"/>
              <a:gd name="connsiteY3" fmla="*/ 6855988 h 6924503"/>
              <a:gd name="connsiteX4" fmla="*/ 0 w 6911467"/>
              <a:gd name="connsiteY4" fmla="*/ 6924503 h 6924503"/>
              <a:gd name="connsiteX0" fmla="*/ 0 w 6911467"/>
              <a:gd name="connsiteY0" fmla="*/ 6888644 h 6888644"/>
              <a:gd name="connsiteX1" fmla="*/ 1900138 w 6911467"/>
              <a:gd name="connsiteY1" fmla="*/ 0 h 6888644"/>
              <a:gd name="connsiteX2" fmla="*/ 6911467 w 6911467"/>
              <a:gd name="connsiteY2" fmla="*/ 3204 h 6888644"/>
              <a:gd name="connsiteX3" fmla="*/ 6887397 w 6911467"/>
              <a:gd name="connsiteY3" fmla="*/ 6855988 h 6888644"/>
              <a:gd name="connsiteX4" fmla="*/ 0 w 6911467"/>
              <a:gd name="connsiteY4" fmla="*/ 6888644 h 6888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911467" h="6888644">
                <a:moveTo>
                  <a:pt x="0" y="6888644"/>
                </a:moveTo>
                <a:lnTo>
                  <a:pt x="1900138" y="0"/>
                </a:lnTo>
                <a:lnTo>
                  <a:pt x="6911467" y="3204"/>
                </a:lnTo>
                <a:cubicBezTo>
                  <a:pt x="6903444" y="2287465"/>
                  <a:pt x="6895420" y="4571727"/>
                  <a:pt x="6887397" y="6855988"/>
                </a:cubicBezTo>
                <a:lnTo>
                  <a:pt x="0" y="6888644"/>
                </a:lnTo>
                <a:close/>
              </a:path>
            </a:pathLst>
          </a:custGeom>
        </p:spPr>
        <p:txBody>
          <a:bodyPr/>
          <a:lstStyle>
            <a:lvl1pPr marL="0" indent="0" algn="r">
              <a:buNone/>
              <a:defRPr/>
            </a:lvl1pPr>
          </a:lstStyle>
          <a:p>
            <a:endParaRPr lang="en-US"/>
          </a:p>
        </p:txBody>
      </p:sp>
      <p:sp>
        <p:nvSpPr>
          <p:cNvPr id="10" name="Triangle">
            <a:extLst>
              <a:ext uri="{FF2B5EF4-FFF2-40B4-BE49-F238E27FC236}">
                <a16:creationId xmlns:a16="http://schemas.microsoft.com/office/drawing/2014/main" id="{0BBD5B23-9532-EB42-9D58-AC0676672B6B}"/>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Body Text Placeholder">
            <a:extLst>
              <a:ext uri="{FF2B5EF4-FFF2-40B4-BE49-F238E27FC236}">
                <a16:creationId xmlns:a16="http://schemas.microsoft.com/office/drawing/2014/main" id="{38DD9215-3D4E-664D-968B-30A7674F23BF}"/>
              </a:ext>
            </a:extLst>
          </p:cNvPr>
          <p:cNvSpPr>
            <a:spLocks noGrp="1"/>
          </p:cNvSpPr>
          <p:nvPr>
            <p:ph type="body" sz="quarter" idx="10"/>
          </p:nvPr>
        </p:nvSpPr>
        <p:spPr>
          <a:xfrm>
            <a:off x="1254125" y="2514600"/>
            <a:ext cx="4267200" cy="2616200"/>
          </a:xfrm>
        </p:spPr>
        <p:txBody>
          <a:bodyPr anchor="t">
            <a:normAutofit/>
          </a:bodyPr>
          <a:lstStyle>
            <a:lvl1pPr marL="0" indent="0">
              <a:lnSpc>
                <a:spcPct val="100000"/>
              </a:lnSpc>
              <a:buNone/>
              <a:defRPr sz="1800" b="0" i="0">
                <a:latin typeface="Arial" panose="020B0604020202020204" pitchFamily="34" charset="0"/>
                <a:cs typeface="Arial" panose="020B0604020202020204" pitchFamily="34" charset="0"/>
              </a:defRPr>
            </a:lvl1pPr>
            <a:lvl2pPr marL="457200" indent="0">
              <a:lnSpc>
                <a:spcPct val="100000"/>
              </a:lnSpc>
              <a:buNone/>
              <a:defRPr sz="1800" b="0" i="0">
                <a:latin typeface="Arial" panose="020B0604020202020204" pitchFamily="34" charset="0"/>
                <a:cs typeface="Arial" panose="020B0604020202020204" pitchFamily="34" charset="0"/>
              </a:defRPr>
            </a:lvl2pPr>
            <a:lvl3pPr marL="914400" indent="0">
              <a:lnSpc>
                <a:spcPct val="100000"/>
              </a:lnSpc>
              <a:buNone/>
              <a:defRPr sz="1800" b="0" i="0">
                <a:latin typeface="Arial" panose="020B0604020202020204" pitchFamily="34" charset="0"/>
                <a:cs typeface="Arial" panose="020B0604020202020204" pitchFamily="34" charset="0"/>
              </a:defRPr>
            </a:lvl3pPr>
            <a:lvl4pPr marL="1371600" indent="0">
              <a:lnSpc>
                <a:spcPct val="100000"/>
              </a:lnSpc>
              <a:buNone/>
              <a:defRPr sz="1800" b="0" i="0">
                <a:latin typeface="Arial" panose="020B0604020202020204" pitchFamily="34" charset="0"/>
                <a:cs typeface="Arial" panose="020B0604020202020204" pitchFamily="34" charset="0"/>
              </a:defRPr>
            </a:lvl4pPr>
            <a:lvl5pPr marL="1828800" indent="0">
              <a:lnSpc>
                <a:spcPct val="100000"/>
              </a:lnSpc>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a:extLst>
              <a:ext uri="{FF2B5EF4-FFF2-40B4-BE49-F238E27FC236}">
                <a16:creationId xmlns:a16="http://schemas.microsoft.com/office/drawing/2014/main" id="{4BD128E7-E0D7-AA45-BDEE-FBB5D15A3523}"/>
              </a:ext>
            </a:extLst>
          </p:cNvPr>
          <p:cNvSpPr>
            <a:spLocks noGrp="1"/>
          </p:cNvSpPr>
          <p:nvPr>
            <p:ph type="title" hasCustomPrompt="1"/>
          </p:nvPr>
        </p:nvSpPr>
        <p:spPr>
          <a:xfrm>
            <a:off x="1253649" y="959015"/>
            <a:ext cx="4267452" cy="1325563"/>
          </a:xfrm>
        </p:spPr>
        <p:txBody>
          <a:bodyPr>
            <a:normAutofit/>
          </a:bodyPr>
          <a:lstStyle>
            <a:lvl1pPr>
              <a:defRPr sz="2800" b="1" i="0">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42896404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2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1C8EA3AF-89AB-A74F-8A5F-ACD3F60448F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8116224A-A10D-2A43-AFED-7226BB9EDDA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6350"/>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381312394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ark Garadient Map, Top Triangles">
    <p:spTree>
      <p:nvGrpSpPr>
        <p:cNvPr id="1" name=""/>
        <p:cNvGrpSpPr/>
        <p:nvPr/>
      </p:nvGrpSpPr>
      <p:grpSpPr>
        <a:xfrm>
          <a:off x="0" y="0"/>
          <a:ext cx="0" cy="0"/>
          <a:chOff x="0" y="0"/>
          <a:chExt cx="0" cy="0"/>
        </a:xfrm>
      </p:grpSpPr>
      <p:pic>
        <p:nvPicPr>
          <p:cNvPr id="4" name="Picture 3" descr="Shape, background pattern&#10;&#10;Description automatically generated">
            <a:extLst>
              <a:ext uri="{FF2B5EF4-FFF2-40B4-BE49-F238E27FC236}">
                <a16:creationId xmlns:a16="http://schemas.microsoft.com/office/drawing/2014/main" id="{096CB25D-0D36-41B8-97FC-9605A115B6C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9244456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3 Icons Slide Dark">
    <p:spTree>
      <p:nvGrpSpPr>
        <p:cNvPr id="1" name=""/>
        <p:cNvGrpSpPr/>
        <p:nvPr/>
      </p:nvGrpSpPr>
      <p:grpSpPr>
        <a:xfrm>
          <a:off x="0" y="0"/>
          <a:ext cx="0" cy="0"/>
          <a:chOff x="0" y="0"/>
          <a:chExt cx="0" cy="0"/>
        </a:xfrm>
      </p:grpSpPr>
      <p:pic>
        <p:nvPicPr>
          <p:cNvPr id="104" name="Picture 103" descr="Shape, background pattern&#10;&#10;Description automatically generated">
            <a:extLst>
              <a:ext uri="{FF2B5EF4-FFF2-40B4-BE49-F238E27FC236}">
                <a16:creationId xmlns:a16="http://schemas.microsoft.com/office/drawing/2014/main" id="{005DC25E-CEB7-49F1-85F4-AB0A227FD8D7}"/>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10" name="MAP">
            <a:extLst>
              <a:ext uri="{FF2B5EF4-FFF2-40B4-BE49-F238E27FC236}">
                <a16:creationId xmlns:a16="http://schemas.microsoft.com/office/drawing/2014/main" id="{C4B28FCE-F9D8-B445-A949-FD8E8B1F82B5}"/>
              </a:ext>
            </a:extLst>
          </p:cNvPr>
          <p:cNvGrpSpPr/>
          <p:nvPr userDrawn="1"/>
        </p:nvGrpSpPr>
        <p:grpSpPr>
          <a:xfrm flipV="1">
            <a:off x="-1985833" y="-840976"/>
            <a:ext cx="14737825" cy="8784567"/>
            <a:chOff x="0" y="-1142"/>
            <a:chExt cx="12191046" cy="7317389"/>
          </a:xfrm>
          <a:solidFill>
            <a:schemeClr val="bg2">
              <a:alpha val="47000"/>
            </a:schemeClr>
          </a:solidFill>
        </p:grpSpPr>
        <p:sp>
          <p:nvSpPr>
            <p:cNvPr id="11" name="Freeform: Shape 6">
              <a:extLst>
                <a:ext uri="{FF2B5EF4-FFF2-40B4-BE49-F238E27FC236}">
                  <a16:creationId xmlns:a16="http://schemas.microsoft.com/office/drawing/2014/main" id="{F4A54BD0-1A15-2947-A1B1-ED92F0F7824B}"/>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Freeform: Shape 7">
              <a:extLst>
                <a:ext uri="{FF2B5EF4-FFF2-40B4-BE49-F238E27FC236}">
                  <a16:creationId xmlns:a16="http://schemas.microsoft.com/office/drawing/2014/main" id="{81581876-2812-EF44-9E67-B282BD829262}"/>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Freeform: Shape 86">
              <a:extLst>
                <a:ext uri="{FF2B5EF4-FFF2-40B4-BE49-F238E27FC236}">
                  <a16:creationId xmlns:a16="http://schemas.microsoft.com/office/drawing/2014/main" id="{C4831AED-26E9-3741-A216-5F288428B2B3}"/>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Freeform: Shape 87">
              <a:extLst>
                <a:ext uri="{FF2B5EF4-FFF2-40B4-BE49-F238E27FC236}">
                  <a16:creationId xmlns:a16="http://schemas.microsoft.com/office/drawing/2014/main" id="{2A931583-0B5D-734F-8CEB-E3DE328C2A39}"/>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5" name="Freeform: Shape 88">
              <a:extLst>
                <a:ext uri="{FF2B5EF4-FFF2-40B4-BE49-F238E27FC236}">
                  <a16:creationId xmlns:a16="http://schemas.microsoft.com/office/drawing/2014/main" id="{12EF9844-C7E9-F047-AC8C-7DDC3A9A430B}"/>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6" name="Freeform: Shape 89">
              <a:extLst>
                <a:ext uri="{FF2B5EF4-FFF2-40B4-BE49-F238E27FC236}">
                  <a16:creationId xmlns:a16="http://schemas.microsoft.com/office/drawing/2014/main" id="{703CDE93-FDDF-E440-80AA-FB6794FC4F65}"/>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7" name="Freeform: Shape 90">
              <a:extLst>
                <a:ext uri="{FF2B5EF4-FFF2-40B4-BE49-F238E27FC236}">
                  <a16:creationId xmlns:a16="http://schemas.microsoft.com/office/drawing/2014/main" id="{AC179DDF-3FB1-3243-A814-E14D62F2459D}"/>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8" name="Freeform: Shape 91">
              <a:extLst>
                <a:ext uri="{FF2B5EF4-FFF2-40B4-BE49-F238E27FC236}">
                  <a16:creationId xmlns:a16="http://schemas.microsoft.com/office/drawing/2014/main" id="{284C503E-C25E-DB49-820A-B97E50CCAEF3}"/>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9" name="Freeform: Shape 92">
              <a:extLst>
                <a:ext uri="{FF2B5EF4-FFF2-40B4-BE49-F238E27FC236}">
                  <a16:creationId xmlns:a16="http://schemas.microsoft.com/office/drawing/2014/main" id="{A98AE3C8-E36D-4B44-A9BC-577EBDE4B92D}"/>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0" name="Freeform: Shape 93">
              <a:extLst>
                <a:ext uri="{FF2B5EF4-FFF2-40B4-BE49-F238E27FC236}">
                  <a16:creationId xmlns:a16="http://schemas.microsoft.com/office/drawing/2014/main" id="{BF3AB3AA-2CDC-B841-8E4E-86D394F0000C}"/>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1" name="Freeform: Shape 94">
              <a:extLst>
                <a:ext uri="{FF2B5EF4-FFF2-40B4-BE49-F238E27FC236}">
                  <a16:creationId xmlns:a16="http://schemas.microsoft.com/office/drawing/2014/main" id="{FFA3B8C3-340A-2A48-AAC0-9C2C317E154A}"/>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2" name="Freeform: Shape 95">
              <a:extLst>
                <a:ext uri="{FF2B5EF4-FFF2-40B4-BE49-F238E27FC236}">
                  <a16:creationId xmlns:a16="http://schemas.microsoft.com/office/drawing/2014/main" id="{3ECA382F-BD46-4A41-919C-272A0FEAC54E}"/>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3" name="Freeform: Shape 96">
              <a:extLst>
                <a:ext uri="{FF2B5EF4-FFF2-40B4-BE49-F238E27FC236}">
                  <a16:creationId xmlns:a16="http://schemas.microsoft.com/office/drawing/2014/main" id="{5819FD99-38F5-6B4C-96B2-5E7CE1C8A7CC}"/>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4" name="Freeform: Shape 97">
              <a:extLst>
                <a:ext uri="{FF2B5EF4-FFF2-40B4-BE49-F238E27FC236}">
                  <a16:creationId xmlns:a16="http://schemas.microsoft.com/office/drawing/2014/main" id="{DCFDAA73-F42E-CC41-9B63-D77166346BB0}"/>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5" name="Freeform: Shape 98">
              <a:extLst>
                <a:ext uri="{FF2B5EF4-FFF2-40B4-BE49-F238E27FC236}">
                  <a16:creationId xmlns:a16="http://schemas.microsoft.com/office/drawing/2014/main" id="{80AEDD8D-E3AC-C544-B6DB-ED67FB3BEF4B}"/>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6" name="Freeform: Shape 99">
              <a:extLst>
                <a:ext uri="{FF2B5EF4-FFF2-40B4-BE49-F238E27FC236}">
                  <a16:creationId xmlns:a16="http://schemas.microsoft.com/office/drawing/2014/main" id="{F724532A-DFA9-C641-AE81-4B83CAA702A2}"/>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7" name="Freeform: Shape 100">
              <a:extLst>
                <a:ext uri="{FF2B5EF4-FFF2-40B4-BE49-F238E27FC236}">
                  <a16:creationId xmlns:a16="http://schemas.microsoft.com/office/drawing/2014/main" id="{8E7FD8BC-DBE3-7D46-83AD-786C5906A4F5}"/>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8" name="Freeform: Shape 101">
              <a:extLst>
                <a:ext uri="{FF2B5EF4-FFF2-40B4-BE49-F238E27FC236}">
                  <a16:creationId xmlns:a16="http://schemas.microsoft.com/office/drawing/2014/main" id="{8B335997-C143-CD41-A5B3-4DFFA36F2ED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9" name="Freeform: Shape 102">
              <a:extLst>
                <a:ext uri="{FF2B5EF4-FFF2-40B4-BE49-F238E27FC236}">
                  <a16:creationId xmlns:a16="http://schemas.microsoft.com/office/drawing/2014/main" id="{D472EFB8-36B5-EF42-930F-270F3A147B37}"/>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0" name="Freeform: Shape 103">
              <a:extLst>
                <a:ext uri="{FF2B5EF4-FFF2-40B4-BE49-F238E27FC236}">
                  <a16:creationId xmlns:a16="http://schemas.microsoft.com/office/drawing/2014/main" id="{DE6A729F-FF52-B24B-810C-8495C96206F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Freeform: Shape 104">
              <a:extLst>
                <a:ext uri="{FF2B5EF4-FFF2-40B4-BE49-F238E27FC236}">
                  <a16:creationId xmlns:a16="http://schemas.microsoft.com/office/drawing/2014/main" id="{D736A6E0-8897-074B-9FAE-2B82A6F13178}"/>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2" name="Freeform: Shape 105">
              <a:extLst>
                <a:ext uri="{FF2B5EF4-FFF2-40B4-BE49-F238E27FC236}">
                  <a16:creationId xmlns:a16="http://schemas.microsoft.com/office/drawing/2014/main" id="{A1DE4F01-B1D8-0344-86FF-3AEFF9C2BE44}"/>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3" name="Freeform: Shape 106">
              <a:extLst>
                <a:ext uri="{FF2B5EF4-FFF2-40B4-BE49-F238E27FC236}">
                  <a16:creationId xmlns:a16="http://schemas.microsoft.com/office/drawing/2014/main" id="{3F5E0FEC-6143-9B4E-BE59-C073349A1CB0}"/>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4" name="Freeform: Shape 107">
              <a:extLst>
                <a:ext uri="{FF2B5EF4-FFF2-40B4-BE49-F238E27FC236}">
                  <a16:creationId xmlns:a16="http://schemas.microsoft.com/office/drawing/2014/main" id="{5033FEF5-0C94-6E49-BF4B-4C8DFFFFCDC3}"/>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5" name="Freeform: Shape 108">
              <a:extLst>
                <a:ext uri="{FF2B5EF4-FFF2-40B4-BE49-F238E27FC236}">
                  <a16:creationId xmlns:a16="http://schemas.microsoft.com/office/drawing/2014/main" id="{3EB74773-BB34-5745-93D7-D4D0E781C4F0}"/>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6" name="Freeform: Shape 109">
              <a:extLst>
                <a:ext uri="{FF2B5EF4-FFF2-40B4-BE49-F238E27FC236}">
                  <a16:creationId xmlns:a16="http://schemas.microsoft.com/office/drawing/2014/main" id="{5AAA1DCD-6C55-B44D-AC8D-68A4A987D57A}"/>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7" name="Freeform: Shape 110">
              <a:extLst>
                <a:ext uri="{FF2B5EF4-FFF2-40B4-BE49-F238E27FC236}">
                  <a16:creationId xmlns:a16="http://schemas.microsoft.com/office/drawing/2014/main" id="{5FDEFEAD-8A86-904A-9982-D9544C290D3C}"/>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8" name="Freeform: Shape 111">
              <a:extLst>
                <a:ext uri="{FF2B5EF4-FFF2-40B4-BE49-F238E27FC236}">
                  <a16:creationId xmlns:a16="http://schemas.microsoft.com/office/drawing/2014/main" id="{B4EEEC09-3032-FA40-8406-862C53A1069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9" name="Freeform: Shape 112">
              <a:extLst>
                <a:ext uri="{FF2B5EF4-FFF2-40B4-BE49-F238E27FC236}">
                  <a16:creationId xmlns:a16="http://schemas.microsoft.com/office/drawing/2014/main" id="{0E4BDE74-1967-DC4E-8336-2D385FFEB041}"/>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0" name="Freeform: Shape 113">
              <a:extLst>
                <a:ext uri="{FF2B5EF4-FFF2-40B4-BE49-F238E27FC236}">
                  <a16:creationId xmlns:a16="http://schemas.microsoft.com/office/drawing/2014/main" id="{47C5A818-6C5A-3B42-878E-6514ED646A79}"/>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1" name="Freeform: Shape 114">
              <a:extLst>
                <a:ext uri="{FF2B5EF4-FFF2-40B4-BE49-F238E27FC236}">
                  <a16:creationId xmlns:a16="http://schemas.microsoft.com/office/drawing/2014/main" id="{A037260D-3640-1046-83C9-307C739DD0AD}"/>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2" name="Freeform: Shape 115">
              <a:extLst>
                <a:ext uri="{FF2B5EF4-FFF2-40B4-BE49-F238E27FC236}">
                  <a16:creationId xmlns:a16="http://schemas.microsoft.com/office/drawing/2014/main" id="{82755668-A5D2-A844-B52E-A5A76FC19BC8}"/>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3" name="Freeform: Shape 116">
              <a:extLst>
                <a:ext uri="{FF2B5EF4-FFF2-40B4-BE49-F238E27FC236}">
                  <a16:creationId xmlns:a16="http://schemas.microsoft.com/office/drawing/2014/main" id="{7BBE6050-2B1E-2B4E-8D57-B53CE48D894C}"/>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4" name="Freeform: Shape 117">
              <a:extLst>
                <a:ext uri="{FF2B5EF4-FFF2-40B4-BE49-F238E27FC236}">
                  <a16:creationId xmlns:a16="http://schemas.microsoft.com/office/drawing/2014/main" id="{AA476E70-2227-E342-9300-D54C11CC5DEE}"/>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5" name="Freeform: Shape 118">
              <a:extLst>
                <a:ext uri="{FF2B5EF4-FFF2-40B4-BE49-F238E27FC236}">
                  <a16:creationId xmlns:a16="http://schemas.microsoft.com/office/drawing/2014/main" id="{6C3A843A-BDCA-304C-AA61-EB878D87B69E}"/>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6" name="Freeform: Shape 119">
              <a:extLst>
                <a:ext uri="{FF2B5EF4-FFF2-40B4-BE49-F238E27FC236}">
                  <a16:creationId xmlns:a16="http://schemas.microsoft.com/office/drawing/2014/main" id="{684CE384-6B02-5D4F-96AA-A9F5D3187FF3}"/>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7" name="Freeform: Shape 120">
              <a:extLst>
                <a:ext uri="{FF2B5EF4-FFF2-40B4-BE49-F238E27FC236}">
                  <a16:creationId xmlns:a16="http://schemas.microsoft.com/office/drawing/2014/main" id="{5012DA49-9244-FC4E-A6E0-500ED76444E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Freeform: Shape 121">
              <a:extLst>
                <a:ext uri="{FF2B5EF4-FFF2-40B4-BE49-F238E27FC236}">
                  <a16:creationId xmlns:a16="http://schemas.microsoft.com/office/drawing/2014/main" id="{65BDD322-808C-CB41-A2F2-FDA45F8B3324}"/>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9" name="Freeform: Shape 122">
              <a:extLst>
                <a:ext uri="{FF2B5EF4-FFF2-40B4-BE49-F238E27FC236}">
                  <a16:creationId xmlns:a16="http://schemas.microsoft.com/office/drawing/2014/main" id="{00A677AA-FB07-AB48-9C93-0F329D5056ED}"/>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0" name="Freeform: Shape 123">
              <a:extLst>
                <a:ext uri="{FF2B5EF4-FFF2-40B4-BE49-F238E27FC236}">
                  <a16:creationId xmlns:a16="http://schemas.microsoft.com/office/drawing/2014/main" id="{4B8B5003-7602-B944-87BC-0278801B2EED}"/>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1" name="Freeform: Shape 124">
              <a:extLst>
                <a:ext uri="{FF2B5EF4-FFF2-40B4-BE49-F238E27FC236}">
                  <a16:creationId xmlns:a16="http://schemas.microsoft.com/office/drawing/2014/main" id="{16C552CD-385F-8149-95FA-3E6E0E97D852}"/>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Freeform: Shape 125">
              <a:extLst>
                <a:ext uri="{FF2B5EF4-FFF2-40B4-BE49-F238E27FC236}">
                  <a16:creationId xmlns:a16="http://schemas.microsoft.com/office/drawing/2014/main" id="{2A55FE72-A7AD-2A44-A420-EC4D6C90A98D}"/>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Freeform: Shape 126">
              <a:extLst>
                <a:ext uri="{FF2B5EF4-FFF2-40B4-BE49-F238E27FC236}">
                  <a16:creationId xmlns:a16="http://schemas.microsoft.com/office/drawing/2014/main" id="{CA6F4BA3-BDBA-7841-B52C-0F19B89DF233}"/>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4" name="Freeform: Shape 127">
              <a:extLst>
                <a:ext uri="{FF2B5EF4-FFF2-40B4-BE49-F238E27FC236}">
                  <a16:creationId xmlns:a16="http://schemas.microsoft.com/office/drawing/2014/main" id="{AC191992-7653-EA48-9285-6CEDB0F6DFB3}"/>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Freeform: Shape 128">
              <a:extLst>
                <a:ext uri="{FF2B5EF4-FFF2-40B4-BE49-F238E27FC236}">
                  <a16:creationId xmlns:a16="http://schemas.microsoft.com/office/drawing/2014/main" id="{E8C20E85-01FC-BF4D-AFED-C336F1D92562}"/>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6" name="Freeform: Shape 129">
              <a:extLst>
                <a:ext uri="{FF2B5EF4-FFF2-40B4-BE49-F238E27FC236}">
                  <a16:creationId xmlns:a16="http://schemas.microsoft.com/office/drawing/2014/main" id="{CC5F9995-B29E-9B4F-91BE-EC2A177F980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7" name="Freeform: Shape 130">
              <a:extLst>
                <a:ext uri="{FF2B5EF4-FFF2-40B4-BE49-F238E27FC236}">
                  <a16:creationId xmlns:a16="http://schemas.microsoft.com/office/drawing/2014/main" id="{2266F23E-645F-B84D-8388-FF459CB8E6F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8" name="Freeform: Shape 131">
              <a:extLst>
                <a:ext uri="{FF2B5EF4-FFF2-40B4-BE49-F238E27FC236}">
                  <a16:creationId xmlns:a16="http://schemas.microsoft.com/office/drawing/2014/main" id="{C8DBCFB8-5C8B-8144-8635-843CC85D0BD5}"/>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9" name="Freeform: Shape 132">
              <a:extLst>
                <a:ext uri="{FF2B5EF4-FFF2-40B4-BE49-F238E27FC236}">
                  <a16:creationId xmlns:a16="http://schemas.microsoft.com/office/drawing/2014/main" id="{AFD2BDEC-0859-654A-8F16-3BB77799B83A}"/>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0" name="Freeform: Shape 133">
              <a:extLst>
                <a:ext uri="{FF2B5EF4-FFF2-40B4-BE49-F238E27FC236}">
                  <a16:creationId xmlns:a16="http://schemas.microsoft.com/office/drawing/2014/main" id="{E4C06DEB-49C9-5B40-A898-A60685404FE3}"/>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1" name="Freeform: Shape 134">
              <a:extLst>
                <a:ext uri="{FF2B5EF4-FFF2-40B4-BE49-F238E27FC236}">
                  <a16:creationId xmlns:a16="http://schemas.microsoft.com/office/drawing/2014/main" id="{0E257F8E-E38C-A845-A207-FDCAF8948D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2" name="Freeform: Shape 135">
              <a:extLst>
                <a:ext uri="{FF2B5EF4-FFF2-40B4-BE49-F238E27FC236}">
                  <a16:creationId xmlns:a16="http://schemas.microsoft.com/office/drawing/2014/main" id="{9201B79B-7112-6C41-8EC8-76E03B5DA812}"/>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3" name="Freeform: Shape 136">
              <a:extLst>
                <a:ext uri="{FF2B5EF4-FFF2-40B4-BE49-F238E27FC236}">
                  <a16:creationId xmlns:a16="http://schemas.microsoft.com/office/drawing/2014/main" id="{695E67E6-28CD-6847-A033-F4A4B2E427B2}"/>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4" name="Freeform: Shape 137">
              <a:extLst>
                <a:ext uri="{FF2B5EF4-FFF2-40B4-BE49-F238E27FC236}">
                  <a16:creationId xmlns:a16="http://schemas.microsoft.com/office/drawing/2014/main" id="{A4C52699-6CE3-9C46-9A64-5B83BAC72056}"/>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5" name="Freeform: Shape 138">
              <a:extLst>
                <a:ext uri="{FF2B5EF4-FFF2-40B4-BE49-F238E27FC236}">
                  <a16:creationId xmlns:a16="http://schemas.microsoft.com/office/drawing/2014/main" id="{E1EB2913-A54F-B84E-B27B-6F9BC9910379}"/>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6" name="Freeform: Shape 139">
              <a:extLst>
                <a:ext uri="{FF2B5EF4-FFF2-40B4-BE49-F238E27FC236}">
                  <a16:creationId xmlns:a16="http://schemas.microsoft.com/office/drawing/2014/main" id="{0EA1E081-DABA-9F41-923C-45A354E6CC1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7" name="Freeform: Shape 140">
              <a:extLst>
                <a:ext uri="{FF2B5EF4-FFF2-40B4-BE49-F238E27FC236}">
                  <a16:creationId xmlns:a16="http://schemas.microsoft.com/office/drawing/2014/main" id="{4CB0E634-FD5F-DE4C-BFCE-7942F2EF84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8" name="Freeform: Shape 141">
              <a:extLst>
                <a:ext uri="{FF2B5EF4-FFF2-40B4-BE49-F238E27FC236}">
                  <a16:creationId xmlns:a16="http://schemas.microsoft.com/office/drawing/2014/main" id="{44AA31CF-443B-9347-B09A-70EE462F4E74}"/>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9" name="Freeform: Shape 142">
              <a:extLst>
                <a:ext uri="{FF2B5EF4-FFF2-40B4-BE49-F238E27FC236}">
                  <a16:creationId xmlns:a16="http://schemas.microsoft.com/office/drawing/2014/main" id="{E99A0364-9A0A-3843-8516-EA929291575E}"/>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0" name="Freeform: Shape 143">
              <a:extLst>
                <a:ext uri="{FF2B5EF4-FFF2-40B4-BE49-F238E27FC236}">
                  <a16:creationId xmlns:a16="http://schemas.microsoft.com/office/drawing/2014/main" id="{76D662E9-40DA-804D-A232-B69D2B5953E5}"/>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1" name="Freeform: Shape 144">
              <a:extLst>
                <a:ext uri="{FF2B5EF4-FFF2-40B4-BE49-F238E27FC236}">
                  <a16:creationId xmlns:a16="http://schemas.microsoft.com/office/drawing/2014/main" id="{42E416F3-177B-D44F-AD26-871B708AD6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2" name="Freeform: Shape 145">
              <a:extLst>
                <a:ext uri="{FF2B5EF4-FFF2-40B4-BE49-F238E27FC236}">
                  <a16:creationId xmlns:a16="http://schemas.microsoft.com/office/drawing/2014/main" id="{D08BA817-3199-DD4C-9F58-73241E34C546}"/>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3" name="Freeform: Shape 146">
              <a:extLst>
                <a:ext uri="{FF2B5EF4-FFF2-40B4-BE49-F238E27FC236}">
                  <a16:creationId xmlns:a16="http://schemas.microsoft.com/office/drawing/2014/main" id="{F45B4F24-33E9-104F-AEA4-F2A1FF06B8E2}"/>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4" name="Freeform: Shape 147">
              <a:extLst>
                <a:ext uri="{FF2B5EF4-FFF2-40B4-BE49-F238E27FC236}">
                  <a16:creationId xmlns:a16="http://schemas.microsoft.com/office/drawing/2014/main" id="{C3DD615E-5983-964F-A85E-880F82A0890A}"/>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5" name="Freeform: Shape 148">
              <a:extLst>
                <a:ext uri="{FF2B5EF4-FFF2-40B4-BE49-F238E27FC236}">
                  <a16:creationId xmlns:a16="http://schemas.microsoft.com/office/drawing/2014/main" id="{1107ABCE-F942-C547-A7EA-3BB7B41F0B3C}"/>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6" name="Freeform: Shape 149">
              <a:extLst>
                <a:ext uri="{FF2B5EF4-FFF2-40B4-BE49-F238E27FC236}">
                  <a16:creationId xmlns:a16="http://schemas.microsoft.com/office/drawing/2014/main" id="{71347755-6566-824B-97F1-03EDAE7FAC36}"/>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7" name="Freeform: Shape 150">
              <a:extLst>
                <a:ext uri="{FF2B5EF4-FFF2-40B4-BE49-F238E27FC236}">
                  <a16:creationId xmlns:a16="http://schemas.microsoft.com/office/drawing/2014/main" id="{065B2A11-E224-144C-A52D-25FCCA0502D9}"/>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8" name="Freeform: Shape 151">
              <a:extLst>
                <a:ext uri="{FF2B5EF4-FFF2-40B4-BE49-F238E27FC236}">
                  <a16:creationId xmlns:a16="http://schemas.microsoft.com/office/drawing/2014/main" id="{8785C0D0-7AC7-2741-BD0F-39894BF34C8F}"/>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9" name="Freeform: Shape 152">
              <a:extLst>
                <a:ext uri="{FF2B5EF4-FFF2-40B4-BE49-F238E27FC236}">
                  <a16:creationId xmlns:a16="http://schemas.microsoft.com/office/drawing/2014/main" id="{62017FDF-332D-C442-AB14-3468B6B1753C}"/>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0" name="Freeform: Shape 153">
              <a:extLst>
                <a:ext uri="{FF2B5EF4-FFF2-40B4-BE49-F238E27FC236}">
                  <a16:creationId xmlns:a16="http://schemas.microsoft.com/office/drawing/2014/main" id="{640FA476-6680-514F-9CBF-14811144CD9F}"/>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1" name="Freeform: Shape 154">
              <a:extLst>
                <a:ext uri="{FF2B5EF4-FFF2-40B4-BE49-F238E27FC236}">
                  <a16:creationId xmlns:a16="http://schemas.microsoft.com/office/drawing/2014/main" id="{AFD05827-D94C-494E-8E3A-276586507832}"/>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2" name="Freeform: Shape 156">
              <a:extLst>
                <a:ext uri="{FF2B5EF4-FFF2-40B4-BE49-F238E27FC236}">
                  <a16:creationId xmlns:a16="http://schemas.microsoft.com/office/drawing/2014/main" id="{70D56114-3F27-344A-90CA-E9F0FCCCAE4A}"/>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Freeform: Shape 157">
              <a:extLst>
                <a:ext uri="{FF2B5EF4-FFF2-40B4-BE49-F238E27FC236}">
                  <a16:creationId xmlns:a16="http://schemas.microsoft.com/office/drawing/2014/main" id="{E920B6CE-161F-2349-B1EC-CDC521D1DB9C}"/>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4" name="Freeform: Shape 158">
              <a:extLst>
                <a:ext uri="{FF2B5EF4-FFF2-40B4-BE49-F238E27FC236}">
                  <a16:creationId xmlns:a16="http://schemas.microsoft.com/office/drawing/2014/main" id="{A03FE6D9-D0C1-5645-8A10-6E43B5887B29}"/>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5" name="Freeform: Shape 159">
              <a:extLst>
                <a:ext uri="{FF2B5EF4-FFF2-40B4-BE49-F238E27FC236}">
                  <a16:creationId xmlns:a16="http://schemas.microsoft.com/office/drawing/2014/main" id="{621E65C4-7D35-344B-AAC2-89D8B580A46C}"/>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Freeform: Shape 160">
              <a:extLst>
                <a:ext uri="{FF2B5EF4-FFF2-40B4-BE49-F238E27FC236}">
                  <a16:creationId xmlns:a16="http://schemas.microsoft.com/office/drawing/2014/main" id="{B8C7C84B-8C91-7F45-821F-B30AC224D906}"/>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748AA6D4-872F-CC4E-A345-8D1C289C3480}"/>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8" name="Triangle 1">
            <a:extLst>
              <a:ext uri="{FF2B5EF4-FFF2-40B4-BE49-F238E27FC236}">
                <a16:creationId xmlns:a16="http://schemas.microsoft.com/office/drawing/2014/main" id="{63F3C7DC-BBB9-2B40-B738-301879676F4A}"/>
              </a:ext>
            </a:extLst>
          </p:cNvPr>
          <p:cNvSpPr/>
          <p:nvPr userDrawn="1"/>
        </p:nvSpPr>
        <p:spPr>
          <a:xfrm rot="5400000" flipH="1">
            <a:off x="3110610" y="-331903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Rounded Rectangle 3">
            <a:extLst>
              <a:ext uri="{FF2B5EF4-FFF2-40B4-BE49-F238E27FC236}">
                <a16:creationId xmlns:a16="http://schemas.microsoft.com/office/drawing/2014/main" id="{3CEC4F86-7A04-9B40-AE0D-C5772DF1CCD5}"/>
              </a:ext>
            </a:extLst>
          </p:cNvPr>
          <p:cNvSpPr/>
          <p:nvPr userDrawn="1"/>
        </p:nvSpPr>
        <p:spPr>
          <a:xfrm>
            <a:off x="8060103"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0" name="OVAL 3">
            <a:extLst>
              <a:ext uri="{FF2B5EF4-FFF2-40B4-BE49-F238E27FC236}">
                <a16:creationId xmlns:a16="http://schemas.microsoft.com/office/drawing/2014/main" id="{7E24E6FE-5E93-8748-8035-232EED65F6B2}"/>
              </a:ext>
            </a:extLst>
          </p:cNvPr>
          <p:cNvSpPr/>
          <p:nvPr userDrawn="1"/>
        </p:nvSpPr>
        <p:spPr>
          <a:xfrm>
            <a:off x="8832749" y="1942622"/>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0D5B8E92-5EDA-DB49-A851-C2817DDE974A}"/>
              </a:ext>
            </a:extLst>
          </p:cNvPr>
          <p:cNvSpPr/>
          <p:nvPr userDrawn="1"/>
        </p:nvSpPr>
        <p:spPr>
          <a:xfrm>
            <a:off x="4491955"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92" name="OVAL 2">
            <a:extLst>
              <a:ext uri="{FF2B5EF4-FFF2-40B4-BE49-F238E27FC236}">
                <a16:creationId xmlns:a16="http://schemas.microsoft.com/office/drawing/2014/main" id="{15360BC8-4487-CF4F-B88A-F9F97DE7F528}"/>
              </a:ext>
            </a:extLst>
          </p:cNvPr>
          <p:cNvSpPr/>
          <p:nvPr userDrawn="1"/>
        </p:nvSpPr>
        <p:spPr>
          <a:xfrm>
            <a:off x="5264601" y="1863108"/>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Rounded Rectangle 1">
            <a:extLst>
              <a:ext uri="{FF2B5EF4-FFF2-40B4-BE49-F238E27FC236}">
                <a16:creationId xmlns:a16="http://schemas.microsoft.com/office/drawing/2014/main" id="{6A2E4790-994F-4D42-9F5B-B8AA864BD7BE}"/>
              </a:ext>
            </a:extLst>
          </p:cNvPr>
          <p:cNvSpPr/>
          <p:nvPr userDrawn="1"/>
        </p:nvSpPr>
        <p:spPr>
          <a:xfrm>
            <a:off x="923807" y="3022607"/>
            <a:ext cx="3192905" cy="3268687"/>
          </a:xfrm>
          <a:prstGeom prst="round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4" name="OVAL 1">
            <a:extLst>
              <a:ext uri="{FF2B5EF4-FFF2-40B4-BE49-F238E27FC236}">
                <a16:creationId xmlns:a16="http://schemas.microsoft.com/office/drawing/2014/main" id="{5C945C9B-EB6B-9649-AA12-C5FEB4239F59}"/>
              </a:ext>
            </a:extLst>
          </p:cNvPr>
          <p:cNvSpPr/>
          <p:nvPr userDrawn="1"/>
        </p:nvSpPr>
        <p:spPr>
          <a:xfrm>
            <a:off x="1696453" y="1843231"/>
            <a:ext cx="1647613" cy="1647613"/>
          </a:xfrm>
          <a:prstGeom prst="ellipse">
            <a:avLst/>
          </a:prstGeom>
          <a:solidFill>
            <a:schemeClr val="tx1">
              <a:lumMod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5" name="Text Placeholder 2">
            <a:extLst>
              <a:ext uri="{FF2B5EF4-FFF2-40B4-BE49-F238E27FC236}">
                <a16:creationId xmlns:a16="http://schemas.microsoft.com/office/drawing/2014/main" id="{74B310C9-9A0E-C940-AAFC-CD29D25733F9}"/>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6" name="Text Placeholder 2">
            <a:extLst>
              <a:ext uri="{FF2B5EF4-FFF2-40B4-BE49-F238E27FC236}">
                <a16:creationId xmlns:a16="http://schemas.microsoft.com/office/drawing/2014/main" id="{B0329EE4-6EEE-184A-A41F-ECA7EB2CB1C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7" name="Text Placeholder 2">
            <a:extLst>
              <a:ext uri="{FF2B5EF4-FFF2-40B4-BE49-F238E27FC236}">
                <a16:creationId xmlns:a16="http://schemas.microsoft.com/office/drawing/2014/main" id="{A7AD022D-38C1-304B-922D-CB5644AD55B3}"/>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98" name="Text Placeholder 4">
            <a:extLst>
              <a:ext uri="{FF2B5EF4-FFF2-40B4-BE49-F238E27FC236}">
                <a16:creationId xmlns:a16="http://schemas.microsoft.com/office/drawing/2014/main" id="{990AF01E-7016-CC43-9F52-CD9041B10898}"/>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99" name="Text Placeholder 4">
            <a:extLst>
              <a:ext uri="{FF2B5EF4-FFF2-40B4-BE49-F238E27FC236}">
                <a16:creationId xmlns:a16="http://schemas.microsoft.com/office/drawing/2014/main" id="{D394ADCA-2847-8143-A93E-A1C6A02946DC}"/>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0" name="Text Placeholder 4">
            <a:extLst>
              <a:ext uri="{FF2B5EF4-FFF2-40B4-BE49-F238E27FC236}">
                <a16:creationId xmlns:a16="http://schemas.microsoft.com/office/drawing/2014/main" id="{EA7D7BD5-28B3-B840-BAEE-81C8F6783453}"/>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1" name="Picture Placeholder 108">
            <a:extLst>
              <a:ext uri="{FF2B5EF4-FFF2-40B4-BE49-F238E27FC236}">
                <a16:creationId xmlns:a16="http://schemas.microsoft.com/office/drawing/2014/main" id="{4DE21AE2-FAE2-A443-954E-FAFBB695BAF7}"/>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02" name="Picture Placeholder 108">
            <a:extLst>
              <a:ext uri="{FF2B5EF4-FFF2-40B4-BE49-F238E27FC236}">
                <a16:creationId xmlns:a16="http://schemas.microsoft.com/office/drawing/2014/main" id="{9A7311A3-B08C-7B4F-894A-F643B07B4D9E}"/>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03" name="Picture Placeholder 108">
            <a:extLst>
              <a:ext uri="{FF2B5EF4-FFF2-40B4-BE49-F238E27FC236}">
                <a16:creationId xmlns:a16="http://schemas.microsoft.com/office/drawing/2014/main" id="{CD2CFACF-9C53-994D-9910-B2B1D5B0EEF8}"/>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183894618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Gradient Triangle w Text">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15" name="Picture 14" descr="Shape, background pattern&#10;&#10;Description automatically generated">
            <a:extLst>
              <a:ext uri="{FF2B5EF4-FFF2-40B4-BE49-F238E27FC236}">
                <a16:creationId xmlns:a16="http://schemas.microsoft.com/office/drawing/2014/main" id="{2692918B-AFEF-47C8-81BC-ACD11B527751}"/>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8" name="Orange Lines">
            <a:extLst>
              <a:ext uri="{FF2B5EF4-FFF2-40B4-BE49-F238E27FC236}">
                <a16:creationId xmlns:a16="http://schemas.microsoft.com/office/drawing/2014/main" id="{133A3E69-EBEB-2642-B039-0744B8D4BF74}"/>
              </a:ext>
            </a:extLst>
          </p:cNvPr>
          <p:cNvGrpSpPr/>
          <p:nvPr userDrawn="1"/>
        </p:nvGrpSpPr>
        <p:grpSpPr>
          <a:xfrm>
            <a:off x="-63260" y="1154194"/>
            <a:ext cx="12318521" cy="3289314"/>
            <a:chOff x="-63260" y="1154194"/>
            <a:chExt cx="12318521" cy="3289314"/>
          </a:xfrm>
        </p:grpSpPr>
        <p:cxnSp>
          <p:nvCxnSpPr>
            <p:cNvPr id="9" name="Straight Connector 8">
              <a:extLst>
                <a:ext uri="{FF2B5EF4-FFF2-40B4-BE49-F238E27FC236}">
                  <a16:creationId xmlns:a16="http://schemas.microsoft.com/office/drawing/2014/main" id="{3F3B56B5-5EC4-C74E-A0DC-949BB25506CC}"/>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FEDF1F3B-4D2E-0640-A37C-96CFA5EB4960}"/>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5A596CD8-D916-0E4B-AB23-D82A990951E9}"/>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Body Text Placeholder">
            <a:extLst>
              <a:ext uri="{FF2B5EF4-FFF2-40B4-BE49-F238E27FC236}">
                <a16:creationId xmlns:a16="http://schemas.microsoft.com/office/drawing/2014/main" id="{0C415543-708B-3848-B411-7D3C57708889}"/>
              </a:ext>
            </a:extLst>
          </p:cNvPr>
          <p:cNvSpPr>
            <a:spLocks noGrp="1"/>
          </p:cNvSpPr>
          <p:nvPr>
            <p:ph type="body" sz="quarter" idx="10" hasCustomPrompt="1"/>
          </p:nvPr>
        </p:nvSpPr>
        <p:spPr>
          <a:xfrm>
            <a:off x="4633789" y="4966709"/>
            <a:ext cx="6561769" cy="1489606"/>
          </a:xfrm>
        </p:spPr>
        <p:txBody>
          <a:bodyPr>
            <a:norm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600" b="0" i="0">
                <a:latin typeface="Arial" panose="020B0604020202020204" pitchFamily="34" charset="0"/>
                <a:cs typeface="Arial" panose="020B0604020202020204" pitchFamily="34" charset="0"/>
              </a:defRPr>
            </a:lvl1pPr>
            <a:lvl2pPr marL="457200" indent="0">
              <a:buNone/>
              <a:defRPr sz="1600" b="0" i="0">
                <a:latin typeface="Arial" panose="020B0604020202020204" pitchFamily="34" charset="0"/>
                <a:cs typeface="Arial" panose="020B0604020202020204" pitchFamily="34" charset="0"/>
              </a:defRPr>
            </a:lvl2pPr>
            <a:lvl3pPr marL="914400" indent="0">
              <a:buNone/>
              <a:defRPr sz="1600" b="0" i="0">
                <a:latin typeface="Arial" panose="020B0604020202020204" pitchFamily="34" charset="0"/>
                <a:cs typeface="Arial" panose="020B0604020202020204" pitchFamily="34" charset="0"/>
              </a:defRPr>
            </a:lvl3pPr>
            <a:lvl4pPr marL="1371600" indent="0">
              <a:buNone/>
              <a:defRPr sz="1600" b="0" i="0">
                <a:latin typeface="Arial" panose="020B0604020202020204" pitchFamily="34" charset="0"/>
                <a:cs typeface="Arial" panose="020B0604020202020204" pitchFamily="34" charset="0"/>
              </a:defRPr>
            </a:lvl4pPr>
            <a:lvl5pPr marL="1828800" indent="0">
              <a:buNone/>
              <a:defRPr sz="16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600"/>
              <a:t>Paragraph text is Arial Regular, 16 p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r>
              <a:rPr lang="en-US" sz="1600"/>
              <a:t> </a:t>
            </a:r>
            <a:r>
              <a:rPr lang="en-US" sz="1600" err="1"/>
              <a:t>labore</a:t>
            </a:r>
            <a:r>
              <a:rPr lang="en-US" sz="1600"/>
              <a:t> et dolore magna.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Lorem ipsum dolor sit </a:t>
            </a:r>
            <a:r>
              <a:rPr lang="en-US" sz="1600" err="1"/>
              <a:t>amet</a:t>
            </a:r>
            <a:r>
              <a:rPr lang="en-US" sz="1600"/>
              <a:t>, </a:t>
            </a:r>
            <a:r>
              <a:rPr lang="en-US" sz="1600" err="1"/>
              <a:t>consectetur</a:t>
            </a:r>
            <a:r>
              <a:rPr lang="en-US" sz="1600"/>
              <a:t> </a:t>
            </a:r>
            <a:r>
              <a:rPr lang="en-US" sz="1600" err="1"/>
              <a:t>adipiscing</a:t>
            </a:r>
            <a:r>
              <a:rPr lang="en-US" sz="1600"/>
              <a:t> </a:t>
            </a:r>
            <a:r>
              <a:rPr lang="en-US" sz="1600" err="1"/>
              <a:t>elit</a:t>
            </a:r>
            <a:r>
              <a:rPr lang="en-US" sz="1600"/>
              <a:t>, sed do </a:t>
            </a:r>
            <a:r>
              <a:rPr lang="en-US" sz="1600" err="1"/>
              <a:t>eiusmod</a:t>
            </a:r>
            <a:r>
              <a:rPr lang="en-US" sz="1600"/>
              <a:t> </a:t>
            </a:r>
            <a:r>
              <a:rPr lang="en-US" sz="1600" err="1"/>
              <a:t>tempor</a:t>
            </a:r>
            <a:r>
              <a:rPr lang="en-US" sz="1600"/>
              <a:t> </a:t>
            </a:r>
            <a:r>
              <a:rPr lang="en-US" sz="1600" err="1"/>
              <a:t>incididunt</a:t>
            </a:r>
            <a:r>
              <a:rPr lang="en-US" sz="1600"/>
              <a:t> </a:t>
            </a:r>
            <a:r>
              <a:rPr lang="en-US" sz="1600" err="1"/>
              <a:t>ut</a:t>
            </a:r>
            <a:endParaRPr lang="en-US"/>
          </a:p>
        </p:txBody>
      </p:sp>
      <p:sp>
        <p:nvSpPr>
          <p:cNvPr id="12" name="Subtitle">
            <a:extLst>
              <a:ext uri="{FF2B5EF4-FFF2-40B4-BE49-F238E27FC236}">
                <a16:creationId xmlns:a16="http://schemas.microsoft.com/office/drawing/2014/main" id="{D40FA5EA-7D33-F94F-BBD3-B41C61B9D119}"/>
              </a:ext>
            </a:extLst>
          </p:cNvPr>
          <p:cNvSpPr>
            <a:spLocks noGrp="1"/>
          </p:cNvSpPr>
          <p:nvPr>
            <p:ph type="body" idx="1" hasCustomPrompt="1"/>
          </p:nvPr>
        </p:nvSpPr>
        <p:spPr>
          <a:xfrm>
            <a:off x="996442" y="5830644"/>
            <a:ext cx="2771040" cy="595968"/>
          </a:xfrm>
        </p:spPr>
        <p:txBody>
          <a:bodyPr anchor="b">
            <a:normAutofit/>
          </a:bodyPr>
          <a:lstStyle>
            <a:lvl1pPr marL="0" indent="0">
              <a:buNone/>
              <a:defRPr sz="2000" b="0" i="0">
                <a:latin typeface="Arial" panose="020B0604020202020204" pitchFamily="34" charset="0"/>
                <a:cs typeface="Arial" panose="020B0604020202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 text goes here</a:t>
            </a:r>
          </a:p>
        </p:txBody>
      </p:sp>
      <p:sp>
        <p:nvSpPr>
          <p:cNvPr id="11" name="Title ">
            <a:extLst>
              <a:ext uri="{FF2B5EF4-FFF2-40B4-BE49-F238E27FC236}">
                <a16:creationId xmlns:a16="http://schemas.microsoft.com/office/drawing/2014/main" id="{235418D3-1688-9B4C-B342-B781BBFFF7AE}"/>
              </a:ext>
            </a:extLst>
          </p:cNvPr>
          <p:cNvSpPr>
            <a:spLocks noGrp="1"/>
          </p:cNvSpPr>
          <p:nvPr>
            <p:ph type="title" hasCustomPrompt="1"/>
          </p:nvPr>
        </p:nvSpPr>
        <p:spPr>
          <a:xfrm>
            <a:off x="996442" y="5217962"/>
            <a:ext cx="2771040"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814047152"/>
      </p:ext>
    </p:extLst>
  </p:cSld>
  <p:clrMapOvr>
    <a:overrideClrMapping bg1="dk1" tx1="lt1" bg2="dk2" tx2="lt2" accent1="accent1" accent2="accent2" accent3="accent3" accent4="accent4" accent5="accent5" accent6="accent6" hlink="hlink" folHlink="folHlink"/>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Gradient Triangle Backgroun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6" name="Picture 5" descr="Shape, background pattern&#10;&#10;Description automatically generated">
            <a:extLst>
              <a:ext uri="{FF2B5EF4-FFF2-40B4-BE49-F238E27FC236}">
                <a16:creationId xmlns:a16="http://schemas.microsoft.com/office/drawing/2014/main" id="{C74D4906-4549-4C6C-BB61-506D97F40B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4" name="Orange Lines">
            <a:extLst>
              <a:ext uri="{FF2B5EF4-FFF2-40B4-BE49-F238E27FC236}">
                <a16:creationId xmlns:a16="http://schemas.microsoft.com/office/drawing/2014/main" id="{522E05B0-1F55-B64E-A133-C6B6253C6BA0}"/>
              </a:ext>
            </a:extLst>
          </p:cNvPr>
          <p:cNvGrpSpPr/>
          <p:nvPr userDrawn="1"/>
        </p:nvGrpSpPr>
        <p:grpSpPr>
          <a:xfrm>
            <a:off x="-63260" y="1154194"/>
            <a:ext cx="12318521" cy="3289314"/>
            <a:chOff x="-63260" y="1154194"/>
            <a:chExt cx="12318521" cy="3289314"/>
          </a:xfrm>
        </p:grpSpPr>
        <p:cxnSp>
          <p:nvCxnSpPr>
            <p:cNvPr id="5" name="Straight Connector 4">
              <a:extLst>
                <a:ext uri="{FF2B5EF4-FFF2-40B4-BE49-F238E27FC236}">
                  <a16:creationId xmlns:a16="http://schemas.microsoft.com/office/drawing/2014/main" id="{FB05715A-FBA3-6642-AF04-936706C19735}"/>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4C22413F-6A76-4049-AEDD-1CE3966FCC9D}"/>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9" name="Gradient Triangle">
            <a:extLst>
              <a:ext uri="{FF2B5EF4-FFF2-40B4-BE49-F238E27FC236}">
                <a16:creationId xmlns:a16="http://schemas.microsoft.com/office/drawing/2014/main" id="{E9917F52-67AB-8B4A-9747-69034F9A3998}"/>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970139035"/>
      </p:ext>
    </p:extLst>
  </p:cSld>
  <p:clrMapOvr>
    <a:overrideClrMapping bg1="dk1" tx1="lt1" bg2="dk2" tx2="lt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Gradient Triangle Three Paragraph Slide w Placeholder">
    <p:spTree>
      <p:nvGrpSpPr>
        <p:cNvPr id="1" name=""/>
        <p:cNvGrpSpPr/>
        <p:nvPr/>
      </p:nvGrpSpPr>
      <p:grpSpPr>
        <a:xfrm>
          <a:off x="0" y="0"/>
          <a:ext cx="0" cy="0"/>
          <a:chOff x="0" y="0"/>
          <a:chExt cx="0" cy="0"/>
        </a:xfrm>
      </p:grpSpPr>
      <p:pic>
        <p:nvPicPr>
          <p:cNvPr id="11" name="Picture 10" descr="Shape, background pattern&#10;&#10;Description automatically generated">
            <a:extLst>
              <a:ext uri="{FF2B5EF4-FFF2-40B4-BE49-F238E27FC236}">
                <a16:creationId xmlns:a16="http://schemas.microsoft.com/office/drawing/2014/main" id="{28E4C1C9-C62E-49D7-B55E-7B264DDF204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2" name="Right Triangle 1">
            <a:extLst>
              <a:ext uri="{FF2B5EF4-FFF2-40B4-BE49-F238E27FC236}">
                <a16:creationId xmlns:a16="http://schemas.microsoft.com/office/drawing/2014/main" id="{074116BF-FE69-1C4E-B3CC-E9BA5DDD25AB}"/>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gradFill>
            <a:gsLst>
              <a:gs pos="95000">
                <a:schemeClr val="accent4">
                  <a:alpha val="69000"/>
                </a:schemeClr>
              </a:gs>
              <a:gs pos="21000">
                <a:srgbClr val="001C22">
                  <a:alpha val="59000"/>
                </a:srgb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Right Triangle 1">
            <a:extLst>
              <a:ext uri="{FF2B5EF4-FFF2-40B4-BE49-F238E27FC236}">
                <a16:creationId xmlns:a16="http://schemas.microsoft.com/office/drawing/2014/main" id="{FE885D24-2F65-4E40-9C01-FD3BAE3106D5}"/>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gradFill>
            <a:gsLst>
              <a:gs pos="96000">
                <a:schemeClr val="accent4"/>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Photo Placeholder">
            <a:extLst>
              <a:ext uri="{FF2B5EF4-FFF2-40B4-BE49-F238E27FC236}">
                <a16:creationId xmlns:a16="http://schemas.microsoft.com/office/drawing/2014/main" id="{037D1ACD-BABC-CF46-9B17-4FDD9656A93B}"/>
              </a:ext>
            </a:extLst>
          </p:cNvPr>
          <p:cNvSpPr>
            <a:spLocks noGrp="1"/>
          </p:cNvSpPr>
          <p:nvPr>
            <p:ph type="pic" sz="quarter" idx="15"/>
          </p:nvPr>
        </p:nvSpPr>
        <p:spPr>
          <a:xfrm>
            <a:off x="1063625" y="641350"/>
            <a:ext cx="4175125" cy="5575300"/>
          </a:xfrm>
        </p:spPr>
        <p:txBody>
          <a:bodyPr/>
          <a:lstStyle/>
          <a:p>
            <a:endParaRPr lang="en-US"/>
          </a:p>
        </p:txBody>
      </p:sp>
      <p:sp>
        <p:nvSpPr>
          <p:cNvPr id="7" name="Body Paragraph 3">
            <a:extLst>
              <a:ext uri="{FF2B5EF4-FFF2-40B4-BE49-F238E27FC236}">
                <a16:creationId xmlns:a16="http://schemas.microsoft.com/office/drawing/2014/main" id="{D85F4A82-1284-014F-B865-3F951EC2DA00}"/>
              </a:ext>
            </a:extLst>
          </p:cNvPr>
          <p:cNvSpPr>
            <a:spLocks noGrp="1"/>
          </p:cNvSpPr>
          <p:nvPr>
            <p:ph type="body" sz="quarter" idx="11" hasCustomPrompt="1"/>
          </p:nvPr>
        </p:nvSpPr>
        <p:spPr>
          <a:xfrm>
            <a:off x="6042975" y="5149256"/>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10" name="Title 3">
            <a:extLst>
              <a:ext uri="{FF2B5EF4-FFF2-40B4-BE49-F238E27FC236}">
                <a16:creationId xmlns:a16="http://schemas.microsoft.com/office/drawing/2014/main" id="{416E94D7-A097-C04F-9528-C721D283765D}"/>
              </a:ext>
            </a:extLst>
          </p:cNvPr>
          <p:cNvSpPr>
            <a:spLocks noGrp="1"/>
          </p:cNvSpPr>
          <p:nvPr>
            <p:ph type="body" sz="quarter" idx="14" hasCustomPrompt="1"/>
          </p:nvPr>
        </p:nvSpPr>
        <p:spPr>
          <a:xfrm>
            <a:off x="6042975" y="4485869"/>
            <a:ext cx="2937801" cy="757237"/>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6" name="Body Paragraphy 2">
            <a:extLst>
              <a:ext uri="{FF2B5EF4-FFF2-40B4-BE49-F238E27FC236}">
                <a16:creationId xmlns:a16="http://schemas.microsoft.com/office/drawing/2014/main" id="{76C5C253-97A7-714F-A6DF-5C1754EEB047}"/>
              </a:ext>
            </a:extLst>
          </p:cNvPr>
          <p:cNvSpPr>
            <a:spLocks noGrp="1"/>
          </p:cNvSpPr>
          <p:nvPr>
            <p:ph type="body" sz="quarter" idx="10" hasCustomPrompt="1"/>
          </p:nvPr>
        </p:nvSpPr>
        <p:spPr>
          <a:xfrm>
            <a:off x="6042975" y="3171600"/>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9" name="Title 2">
            <a:extLst>
              <a:ext uri="{FF2B5EF4-FFF2-40B4-BE49-F238E27FC236}">
                <a16:creationId xmlns:a16="http://schemas.microsoft.com/office/drawing/2014/main" id="{7D78900C-F34E-FC4C-BE7E-17F17C5EAF50}"/>
              </a:ext>
            </a:extLst>
          </p:cNvPr>
          <p:cNvSpPr>
            <a:spLocks noGrp="1"/>
          </p:cNvSpPr>
          <p:nvPr>
            <p:ph type="body" sz="quarter" idx="13" hasCustomPrompt="1"/>
          </p:nvPr>
        </p:nvSpPr>
        <p:spPr>
          <a:xfrm>
            <a:off x="6042975" y="2529479"/>
            <a:ext cx="2937801" cy="790976"/>
          </a:xfrm>
        </p:spPr>
        <p:txBody>
          <a:bodyPr anchor="ctr">
            <a:normAutofit/>
          </a:bodyPr>
          <a:lstStyle>
            <a:lvl1pPr marL="0" indent="0">
              <a:buNone/>
              <a:defRPr sz="2000" b="1" i="0">
                <a:latin typeface="Arial" panose="020B0604020202020204" pitchFamily="34" charset="0"/>
                <a:cs typeface="Arial" panose="020B0604020202020204" pitchFamily="34" charset="0"/>
              </a:defRPr>
            </a:lvl1pPr>
          </a:lstStyle>
          <a:p>
            <a:pPr lvl="0"/>
            <a:r>
              <a:rPr lang="en-US"/>
              <a:t>Section title goes here</a:t>
            </a:r>
          </a:p>
        </p:txBody>
      </p:sp>
      <p:sp>
        <p:nvSpPr>
          <p:cNvPr id="8" name="Body Paragraph 1">
            <a:extLst>
              <a:ext uri="{FF2B5EF4-FFF2-40B4-BE49-F238E27FC236}">
                <a16:creationId xmlns:a16="http://schemas.microsoft.com/office/drawing/2014/main" id="{64463BC6-E327-EE42-BEB7-E0BD0B4A478A}"/>
              </a:ext>
            </a:extLst>
          </p:cNvPr>
          <p:cNvSpPr>
            <a:spLocks noGrp="1"/>
          </p:cNvSpPr>
          <p:nvPr>
            <p:ph type="body" sz="quarter" idx="12" hasCustomPrompt="1"/>
          </p:nvPr>
        </p:nvSpPr>
        <p:spPr>
          <a:xfrm>
            <a:off x="6042975" y="1257739"/>
            <a:ext cx="5364912" cy="1156586"/>
          </a:xfrm>
        </p:spPr>
        <p:txBody>
          <a:bodyPr>
            <a:noAutofit/>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0" i="0">
                <a:latin typeface="Arial" panose="020B0604020202020204" pitchFamily="34" charset="0"/>
                <a:cs typeface="Arial" panose="020B0604020202020204" pitchFamily="34" charset="0"/>
              </a:defRPr>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400"/>
              <a:t>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Lorem ipsum dolor sit </a:t>
            </a:r>
            <a:r>
              <a:rPr lang="en-US" sz="1400" err="1"/>
              <a:t>amet</a:t>
            </a:r>
            <a:r>
              <a:rPr lang="en-US" sz="1400"/>
              <a:t>, </a:t>
            </a:r>
            <a:r>
              <a:rPr lang="en-US" sz="1400" err="1"/>
              <a:t>consectetur</a:t>
            </a:r>
            <a:r>
              <a:rPr lang="en-US" sz="1400"/>
              <a:t> </a:t>
            </a:r>
            <a:r>
              <a:rPr lang="en-US" sz="1400" err="1"/>
              <a:t>adipiscing</a:t>
            </a:r>
            <a:r>
              <a:rPr lang="en-US" sz="1400"/>
              <a:t> </a:t>
            </a:r>
            <a:r>
              <a:rPr lang="en-US" sz="1400" err="1"/>
              <a:t>elit</a:t>
            </a:r>
            <a:r>
              <a:rPr lang="en-US" sz="1400"/>
              <a:t>, sed do </a:t>
            </a:r>
            <a:r>
              <a:rPr lang="en-US" sz="1400" err="1"/>
              <a:t>eiusmod</a:t>
            </a:r>
            <a:r>
              <a:rPr lang="en-US" sz="1400"/>
              <a:t> </a:t>
            </a:r>
            <a:r>
              <a:rPr lang="en-US" sz="1400" err="1"/>
              <a:t>tempor</a:t>
            </a:r>
            <a:r>
              <a:rPr lang="en-US" sz="1400"/>
              <a:t> </a:t>
            </a:r>
            <a:r>
              <a:rPr lang="en-US" sz="1400" err="1"/>
              <a:t>incididunt</a:t>
            </a:r>
            <a:r>
              <a:rPr lang="en-US" sz="1400"/>
              <a:t> </a:t>
            </a:r>
            <a:r>
              <a:rPr lang="en-US" sz="1400" err="1"/>
              <a:t>ut</a:t>
            </a:r>
            <a:r>
              <a:rPr lang="en-US" sz="1400"/>
              <a:t> </a:t>
            </a:r>
            <a:r>
              <a:rPr lang="en-US" sz="1400" err="1"/>
              <a:t>labore</a:t>
            </a:r>
            <a:r>
              <a:rPr lang="en-US" sz="1400"/>
              <a:t> et dolore magna.</a:t>
            </a:r>
          </a:p>
        </p:txBody>
      </p:sp>
      <p:sp>
        <p:nvSpPr>
          <p:cNvPr id="5" name="Title 1">
            <a:extLst>
              <a:ext uri="{FF2B5EF4-FFF2-40B4-BE49-F238E27FC236}">
                <a16:creationId xmlns:a16="http://schemas.microsoft.com/office/drawing/2014/main" id="{6CA0D837-4471-D34A-A73C-65FAB2C5C430}"/>
              </a:ext>
            </a:extLst>
          </p:cNvPr>
          <p:cNvSpPr>
            <a:spLocks noGrp="1"/>
          </p:cNvSpPr>
          <p:nvPr>
            <p:ph type="title" hasCustomPrompt="1"/>
          </p:nvPr>
        </p:nvSpPr>
        <p:spPr>
          <a:xfrm>
            <a:off x="6042975" y="537242"/>
            <a:ext cx="2990826" cy="750458"/>
          </a:xfrm>
        </p:spPr>
        <p:txBody>
          <a:bodyPr>
            <a:normAutofit/>
          </a:bodyPr>
          <a:lstStyle>
            <a:lvl1pPr>
              <a:defRPr sz="2000" b="1" i="0">
                <a:latin typeface="Arial" panose="020B0604020202020204" pitchFamily="34" charset="0"/>
                <a:cs typeface="Arial" panose="020B0604020202020204" pitchFamily="34" charset="0"/>
              </a:defRPr>
            </a:lvl1pPr>
          </a:lstStyle>
          <a:p>
            <a:r>
              <a:rPr lang="en-US"/>
              <a:t>Section title goes here</a:t>
            </a:r>
          </a:p>
        </p:txBody>
      </p:sp>
    </p:spTree>
    <p:extLst>
      <p:ext uri="{BB962C8B-B14F-4D97-AF65-F5344CB8AC3E}">
        <p14:creationId xmlns:p14="http://schemas.microsoft.com/office/powerpoint/2010/main" val="1389849700"/>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Dark Quote Layout">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6" name="Photo Background" descr="A group of people performing on a counter&#10;&#10;Description automatically generated">
            <a:extLst>
              <a:ext uri="{FF2B5EF4-FFF2-40B4-BE49-F238E27FC236}">
                <a16:creationId xmlns:a16="http://schemas.microsoft.com/office/drawing/2014/main" id="{50DF19CB-BC03-8744-9A84-336E4602A46F}"/>
              </a:ext>
            </a:extLst>
          </p:cNvPr>
          <p:cNvPicPr>
            <a:picLocks noChangeAspect="1"/>
          </p:cNvPicPr>
          <p:nvPr userDrawn="1"/>
        </p:nvPicPr>
        <p:blipFill rotWithShape="1">
          <a:blip r:embed="rId2"/>
          <a:srcRect b="4562"/>
          <a:stretch/>
        </p:blipFill>
        <p:spPr>
          <a:xfrm>
            <a:off x="705493" y="541854"/>
            <a:ext cx="10756146" cy="5774292"/>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29042988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Dark Quote Layout 2">
    <p:bg>
      <p:bgPr>
        <a:solidFill>
          <a:schemeClr val="bg1"/>
        </a:solidFill>
        <a:effectLst/>
      </p:bgPr>
    </p:bg>
    <p:spTree>
      <p:nvGrpSpPr>
        <p:cNvPr id="1" name=""/>
        <p:cNvGrpSpPr/>
        <p:nvPr/>
      </p:nvGrpSpPr>
      <p:grpSpPr>
        <a:xfrm>
          <a:off x="0" y="0"/>
          <a:ext cx="0" cy="0"/>
          <a:chOff x="0" y="0"/>
          <a:chExt cx="0" cy="0"/>
        </a:xfrm>
      </p:grpSpPr>
      <p:sp>
        <p:nvSpPr>
          <p:cNvPr id="10" name="White Background">
            <a:extLst>
              <a:ext uri="{FF2B5EF4-FFF2-40B4-BE49-F238E27FC236}">
                <a16:creationId xmlns:a16="http://schemas.microsoft.com/office/drawing/2014/main" id="{67FB6CD2-8734-CF48-9EA1-CABB5F863FE9}"/>
              </a:ext>
            </a:extLst>
          </p:cNvPr>
          <p:cNvSpPr/>
          <p:nvPr userDrawn="1"/>
        </p:nvSpPr>
        <p:spPr>
          <a:xfrm>
            <a:off x="0" y="-13318"/>
            <a:ext cx="12192000" cy="6871317"/>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3" name="Picture 2">
            <a:extLst>
              <a:ext uri="{FF2B5EF4-FFF2-40B4-BE49-F238E27FC236}">
                <a16:creationId xmlns:a16="http://schemas.microsoft.com/office/drawing/2014/main" id="{C57CCF96-06FB-BE4B-BC8F-473A34455968}"/>
              </a:ext>
            </a:extLst>
          </p:cNvPr>
          <p:cNvPicPr>
            <a:picLocks noChangeAspect="1"/>
          </p:cNvPicPr>
          <p:nvPr userDrawn="1"/>
        </p:nvPicPr>
        <p:blipFill rotWithShape="1">
          <a:blip r:embed="rId2">
            <a:grayscl/>
          </a:blip>
          <a:srcRect b="20178"/>
          <a:stretch/>
        </p:blipFill>
        <p:spPr>
          <a:xfrm>
            <a:off x="705492" y="555171"/>
            <a:ext cx="10781293" cy="5760976"/>
          </a:xfrm>
          <a:prstGeom prst="rect">
            <a:avLst/>
          </a:prstGeom>
        </p:spPr>
      </p:pic>
      <p:sp>
        <p:nvSpPr>
          <p:cNvPr id="7" name="Blue Overlay">
            <a:extLst>
              <a:ext uri="{FF2B5EF4-FFF2-40B4-BE49-F238E27FC236}">
                <a16:creationId xmlns:a16="http://schemas.microsoft.com/office/drawing/2014/main" id="{C3138BFC-5B50-C64E-894B-2498A77B86C2}"/>
              </a:ext>
            </a:extLst>
          </p:cNvPr>
          <p:cNvSpPr/>
          <p:nvPr userDrawn="1"/>
        </p:nvSpPr>
        <p:spPr>
          <a:xfrm>
            <a:off x="705494" y="541854"/>
            <a:ext cx="10781013" cy="5774292"/>
          </a:xfrm>
          <a:prstGeom prst="rect">
            <a:avLst/>
          </a:prstGeom>
          <a:solidFill>
            <a:schemeClr val="accent4">
              <a:alpha val="51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Quote Text Placeholder">
            <a:extLst>
              <a:ext uri="{FF2B5EF4-FFF2-40B4-BE49-F238E27FC236}">
                <a16:creationId xmlns:a16="http://schemas.microsoft.com/office/drawing/2014/main" id="{F6B62DFF-500F-264B-83FD-BA8AA79D714D}"/>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tx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72185442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Split Layout green/blue">
    <p:bg>
      <p:bgRef idx="1001">
        <a:schemeClr val="bg1"/>
      </p:bgRef>
    </p:bg>
    <p:spTree>
      <p:nvGrpSpPr>
        <p:cNvPr id="1" name=""/>
        <p:cNvGrpSpPr/>
        <p:nvPr/>
      </p:nvGrpSpPr>
      <p:grpSpPr>
        <a:xfrm>
          <a:off x="0" y="0"/>
          <a:ext cx="0" cy="0"/>
          <a:chOff x="0" y="0"/>
          <a:chExt cx="0" cy="0"/>
        </a:xfrm>
      </p:grpSpPr>
      <p:sp>
        <p:nvSpPr>
          <p:cNvPr id="47" name="Right Rectangle">
            <a:extLst>
              <a:ext uri="{FF2B5EF4-FFF2-40B4-BE49-F238E27FC236}">
                <a16:creationId xmlns:a16="http://schemas.microsoft.com/office/drawing/2014/main" id="{51676892-13C3-0D4E-B336-D0F76B520CA5}"/>
              </a:ext>
            </a:extLst>
          </p:cNvPr>
          <p:cNvSpPr/>
          <p:nvPr userDrawn="1"/>
        </p:nvSpPr>
        <p:spPr>
          <a:xfrm>
            <a:off x="6096000" y="0"/>
            <a:ext cx="6096000" cy="6858000"/>
          </a:xfrm>
          <a:prstGeom prst="rect">
            <a:avLst/>
          </a:prstGeom>
          <a:gradFill flip="none" rotWithShape="1">
            <a:gsLst>
              <a:gs pos="99000">
                <a:schemeClr val="accent5"/>
              </a:gs>
              <a:gs pos="49000">
                <a:schemeClr val="accent4"/>
              </a:gs>
              <a:gs pos="8000">
                <a:schemeClr val="accent4">
                  <a:lumMod val="50000"/>
                </a:schemeClr>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8" name="Left Rectangle">
            <a:extLst>
              <a:ext uri="{FF2B5EF4-FFF2-40B4-BE49-F238E27FC236}">
                <a16:creationId xmlns:a16="http://schemas.microsoft.com/office/drawing/2014/main" id="{7CEE05EE-BD65-8C47-A795-A8B891DEA189}"/>
              </a:ext>
            </a:extLst>
          </p:cNvPr>
          <p:cNvSpPr/>
          <p:nvPr userDrawn="1"/>
        </p:nvSpPr>
        <p:spPr>
          <a:xfrm>
            <a:off x="0" y="0"/>
            <a:ext cx="6096000" cy="6858000"/>
          </a:xfrm>
          <a:prstGeom prst="rect">
            <a:avLst/>
          </a:prstGeom>
          <a:gradFill flip="none" rotWithShape="1">
            <a:gsLst>
              <a:gs pos="0">
                <a:schemeClr val="accent4">
                  <a:lumMod val="50000"/>
                </a:schemeClr>
              </a:gs>
              <a:gs pos="50000">
                <a:schemeClr val="accent4"/>
              </a:gs>
              <a:gs pos="100000">
                <a:schemeClr val="accent5"/>
              </a:gs>
            </a:gsLst>
            <a:lin ang="135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49" name="MAP">
            <a:extLst>
              <a:ext uri="{FF2B5EF4-FFF2-40B4-BE49-F238E27FC236}">
                <a16:creationId xmlns:a16="http://schemas.microsoft.com/office/drawing/2014/main" id="{C0C0C36F-2029-1E4B-8DC2-42ABB8FEF0B4}"/>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50" name="Freeform: Shape 109">
              <a:extLst>
                <a:ext uri="{FF2B5EF4-FFF2-40B4-BE49-F238E27FC236}">
                  <a16:creationId xmlns:a16="http://schemas.microsoft.com/office/drawing/2014/main" id="{23585A23-0B34-C74D-AACC-B56D8C408777}"/>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10">
              <a:extLst>
                <a:ext uri="{FF2B5EF4-FFF2-40B4-BE49-F238E27FC236}">
                  <a16:creationId xmlns:a16="http://schemas.microsoft.com/office/drawing/2014/main" id="{13844A52-3F90-5E4E-82E4-82011249770F}"/>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13">
              <a:extLst>
                <a:ext uri="{FF2B5EF4-FFF2-40B4-BE49-F238E27FC236}">
                  <a16:creationId xmlns:a16="http://schemas.microsoft.com/office/drawing/2014/main" id="{D4BC77AA-815F-D14F-A2DE-FE4FB79E60FA}"/>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14">
              <a:extLst>
                <a:ext uri="{FF2B5EF4-FFF2-40B4-BE49-F238E27FC236}">
                  <a16:creationId xmlns:a16="http://schemas.microsoft.com/office/drawing/2014/main" id="{31BDD74F-5847-C144-B6ED-9CF5121A33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16">
              <a:extLst>
                <a:ext uri="{FF2B5EF4-FFF2-40B4-BE49-F238E27FC236}">
                  <a16:creationId xmlns:a16="http://schemas.microsoft.com/office/drawing/2014/main" id="{7B979395-E7A2-F34D-9B5B-E366C8523DC8}"/>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18">
              <a:extLst>
                <a:ext uri="{FF2B5EF4-FFF2-40B4-BE49-F238E27FC236}">
                  <a16:creationId xmlns:a16="http://schemas.microsoft.com/office/drawing/2014/main" id="{A0C28DE7-F76A-DF4A-8C76-FC58AEF230BA}"/>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20">
              <a:extLst>
                <a:ext uri="{FF2B5EF4-FFF2-40B4-BE49-F238E27FC236}">
                  <a16:creationId xmlns:a16="http://schemas.microsoft.com/office/drawing/2014/main" id="{06787FD3-CD08-9B41-B21F-BCD20073137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21">
              <a:extLst>
                <a:ext uri="{FF2B5EF4-FFF2-40B4-BE49-F238E27FC236}">
                  <a16:creationId xmlns:a16="http://schemas.microsoft.com/office/drawing/2014/main" id="{F289F160-7F79-6C44-8EDF-F1865032179C}"/>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22">
              <a:extLst>
                <a:ext uri="{FF2B5EF4-FFF2-40B4-BE49-F238E27FC236}">
                  <a16:creationId xmlns:a16="http://schemas.microsoft.com/office/drawing/2014/main" id="{65D73807-1055-7D45-912C-F17D9E54187A}"/>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23">
              <a:extLst>
                <a:ext uri="{FF2B5EF4-FFF2-40B4-BE49-F238E27FC236}">
                  <a16:creationId xmlns:a16="http://schemas.microsoft.com/office/drawing/2014/main" id="{2E6B76C0-C737-AF4E-ADFA-90AA68CD6F3F}"/>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24">
              <a:extLst>
                <a:ext uri="{FF2B5EF4-FFF2-40B4-BE49-F238E27FC236}">
                  <a16:creationId xmlns:a16="http://schemas.microsoft.com/office/drawing/2014/main" id="{3210BD67-CBD2-5343-BB31-4735540E7EC7}"/>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25">
              <a:extLst>
                <a:ext uri="{FF2B5EF4-FFF2-40B4-BE49-F238E27FC236}">
                  <a16:creationId xmlns:a16="http://schemas.microsoft.com/office/drawing/2014/main" id="{975DB14C-68F5-1847-9C4C-4C365BFC63E0}"/>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26">
              <a:extLst>
                <a:ext uri="{FF2B5EF4-FFF2-40B4-BE49-F238E27FC236}">
                  <a16:creationId xmlns:a16="http://schemas.microsoft.com/office/drawing/2014/main" id="{58F582C2-92BA-FC4A-AB98-E1DE7B49EBE1}"/>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27">
              <a:extLst>
                <a:ext uri="{FF2B5EF4-FFF2-40B4-BE49-F238E27FC236}">
                  <a16:creationId xmlns:a16="http://schemas.microsoft.com/office/drawing/2014/main" id="{49E5867C-0DF1-7F41-BC6A-48120E7BCA76}"/>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28">
              <a:extLst>
                <a:ext uri="{FF2B5EF4-FFF2-40B4-BE49-F238E27FC236}">
                  <a16:creationId xmlns:a16="http://schemas.microsoft.com/office/drawing/2014/main" id="{C4C426DA-7F29-C144-AF93-B4442A195760}"/>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29">
              <a:extLst>
                <a:ext uri="{FF2B5EF4-FFF2-40B4-BE49-F238E27FC236}">
                  <a16:creationId xmlns:a16="http://schemas.microsoft.com/office/drawing/2014/main" id="{D0592E7C-03A2-4F4B-8F7F-1F69FCD42ACA}"/>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30">
              <a:extLst>
                <a:ext uri="{FF2B5EF4-FFF2-40B4-BE49-F238E27FC236}">
                  <a16:creationId xmlns:a16="http://schemas.microsoft.com/office/drawing/2014/main" id="{B54A2CD3-96AA-E14E-BE93-86237DC0DF66}"/>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31">
              <a:extLst>
                <a:ext uri="{FF2B5EF4-FFF2-40B4-BE49-F238E27FC236}">
                  <a16:creationId xmlns:a16="http://schemas.microsoft.com/office/drawing/2014/main" id="{69ECFD58-D98A-8349-B2D3-377B60437599}"/>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32">
              <a:extLst>
                <a:ext uri="{FF2B5EF4-FFF2-40B4-BE49-F238E27FC236}">
                  <a16:creationId xmlns:a16="http://schemas.microsoft.com/office/drawing/2014/main" id="{709CEF3A-2119-4440-8EC3-759CE25953B9}"/>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33">
              <a:extLst>
                <a:ext uri="{FF2B5EF4-FFF2-40B4-BE49-F238E27FC236}">
                  <a16:creationId xmlns:a16="http://schemas.microsoft.com/office/drawing/2014/main" id="{D80F82A0-0BAE-B644-9878-986F2B5FFD38}"/>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34">
              <a:extLst>
                <a:ext uri="{FF2B5EF4-FFF2-40B4-BE49-F238E27FC236}">
                  <a16:creationId xmlns:a16="http://schemas.microsoft.com/office/drawing/2014/main" id="{4BE9DDAD-A338-7542-B962-C3283E33CA00}"/>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35">
              <a:extLst>
                <a:ext uri="{FF2B5EF4-FFF2-40B4-BE49-F238E27FC236}">
                  <a16:creationId xmlns:a16="http://schemas.microsoft.com/office/drawing/2014/main" id="{38F245BC-F31F-E141-A1F3-41D88C1C94BA}"/>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36">
              <a:extLst>
                <a:ext uri="{FF2B5EF4-FFF2-40B4-BE49-F238E27FC236}">
                  <a16:creationId xmlns:a16="http://schemas.microsoft.com/office/drawing/2014/main" id="{3CC90B4F-529A-7442-9BCD-202E530AB64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37">
              <a:extLst>
                <a:ext uri="{FF2B5EF4-FFF2-40B4-BE49-F238E27FC236}">
                  <a16:creationId xmlns:a16="http://schemas.microsoft.com/office/drawing/2014/main" id="{82F99218-05B7-FA4D-A3D4-7E7509F1615C}"/>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38">
              <a:extLst>
                <a:ext uri="{FF2B5EF4-FFF2-40B4-BE49-F238E27FC236}">
                  <a16:creationId xmlns:a16="http://schemas.microsoft.com/office/drawing/2014/main" id="{D8ACA191-B271-3547-AC7B-907F332F7BEA}"/>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39">
              <a:extLst>
                <a:ext uri="{FF2B5EF4-FFF2-40B4-BE49-F238E27FC236}">
                  <a16:creationId xmlns:a16="http://schemas.microsoft.com/office/drawing/2014/main" id="{36E77365-61EC-1042-A1EE-27AD5E44A50B}"/>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40">
              <a:extLst>
                <a:ext uri="{FF2B5EF4-FFF2-40B4-BE49-F238E27FC236}">
                  <a16:creationId xmlns:a16="http://schemas.microsoft.com/office/drawing/2014/main" id="{2860B6AD-2DE3-A34E-A58A-606028D2F629}"/>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41">
              <a:extLst>
                <a:ext uri="{FF2B5EF4-FFF2-40B4-BE49-F238E27FC236}">
                  <a16:creationId xmlns:a16="http://schemas.microsoft.com/office/drawing/2014/main" id="{1DA823D8-88CD-D34D-811F-162CCA340ADD}"/>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42">
              <a:extLst>
                <a:ext uri="{FF2B5EF4-FFF2-40B4-BE49-F238E27FC236}">
                  <a16:creationId xmlns:a16="http://schemas.microsoft.com/office/drawing/2014/main" id="{93E6066E-F4DB-A149-9D26-B4878F1B797A}"/>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43">
              <a:extLst>
                <a:ext uri="{FF2B5EF4-FFF2-40B4-BE49-F238E27FC236}">
                  <a16:creationId xmlns:a16="http://schemas.microsoft.com/office/drawing/2014/main" id="{F912589A-91A8-3B42-8254-EA994F5653DE}"/>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44">
              <a:extLst>
                <a:ext uri="{FF2B5EF4-FFF2-40B4-BE49-F238E27FC236}">
                  <a16:creationId xmlns:a16="http://schemas.microsoft.com/office/drawing/2014/main" id="{76474DE4-D9F2-3D44-98A1-BF3CA50E5A74}"/>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45">
              <a:extLst>
                <a:ext uri="{FF2B5EF4-FFF2-40B4-BE49-F238E27FC236}">
                  <a16:creationId xmlns:a16="http://schemas.microsoft.com/office/drawing/2014/main" id="{5FA59D6F-07D5-8C43-B1A3-AC1D88A961CD}"/>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46">
              <a:extLst>
                <a:ext uri="{FF2B5EF4-FFF2-40B4-BE49-F238E27FC236}">
                  <a16:creationId xmlns:a16="http://schemas.microsoft.com/office/drawing/2014/main" id="{29519A6A-735A-514D-953B-6902FC037836}"/>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3" name="Freeform: Shape 147">
              <a:extLst>
                <a:ext uri="{FF2B5EF4-FFF2-40B4-BE49-F238E27FC236}">
                  <a16:creationId xmlns:a16="http://schemas.microsoft.com/office/drawing/2014/main" id="{783E6003-9DA0-8346-8B7C-70A2C15EDDE7}"/>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4" name="Freeform: Shape 151">
              <a:extLst>
                <a:ext uri="{FF2B5EF4-FFF2-40B4-BE49-F238E27FC236}">
                  <a16:creationId xmlns:a16="http://schemas.microsoft.com/office/drawing/2014/main" id="{3CE707B0-FC51-F548-9C3F-8E25F9B6CE62}"/>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5" name="Freeform: Shape 154">
              <a:extLst>
                <a:ext uri="{FF2B5EF4-FFF2-40B4-BE49-F238E27FC236}">
                  <a16:creationId xmlns:a16="http://schemas.microsoft.com/office/drawing/2014/main" id="{A9328389-7C6B-F244-83DA-D0300BF4E94C}"/>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6" name="Freeform: Shape 156">
              <a:extLst>
                <a:ext uri="{FF2B5EF4-FFF2-40B4-BE49-F238E27FC236}">
                  <a16:creationId xmlns:a16="http://schemas.microsoft.com/office/drawing/2014/main" id="{BBF99018-0D9B-6E41-8F60-59AA71FCA4A3}"/>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7" name="Freeform: Shape 157">
              <a:extLst>
                <a:ext uri="{FF2B5EF4-FFF2-40B4-BE49-F238E27FC236}">
                  <a16:creationId xmlns:a16="http://schemas.microsoft.com/office/drawing/2014/main" id="{47D91214-2FF1-ED4C-95FE-B1D293696244}"/>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8" name="Freeform: Shape 158">
              <a:extLst>
                <a:ext uri="{FF2B5EF4-FFF2-40B4-BE49-F238E27FC236}">
                  <a16:creationId xmlns:a16="http://schemas.microsoft.com/office/drawing/2014/main" id="{01D6962D-B894-8442-B913-8A4FCF369A96}"/>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9" name="Freeform: Shape 159">
              <a:extLst>
                <a:ext uri="{FF2B5EF4-FFF2-40B4-BE49-F238E27FC236}">
                  <a16:creationId xmlns:a16="http://schemas.microsoft.com/office/drawing/2014/main" id="{BC531ACC-7BC2-6C4B-AAFF-727EDF016DBB}"/>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0" name="Freeform: Shape 160">
              <a:extLst>
                <a:ext uri="{FF2B5EF4-FFF2-40B4-BE49-F238E27FC236}">
                  <a16:creationId xmlns:a16="http://schemas.microsoft.com/office/drawing/2014/main" id="{E57620D9-08EF-574B-A7C4-583C5677B3F5}"/>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91" name="White Background">
            <a:extLst>
              <a:ext uri="{FF2B5EF4-FFF2-40B4-BE49-F238E27FC236}">
                <a16:creationId xmlns:a16="http://schemas.microsoft.com/office/drawing/2014/main" id="{08C3BD60-17A7-A84D-A40A-FB6236F80951}"/>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3" name="Text Placeholder ">
            <a:extLst>
              <a:ext uri="{FF2B5EF4-FFF2-40B4-BE49-F238E27FC236}">
                <a16:creationId xmlns:a16="http://schemas.microsoft.com/office/drawing/2014/main" id="{F21C4FAA-AD84-3646-828F-CA6364BC19B0}"/>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2" name="Title">
            <a:extLst>
              <a:ext uri="{FF2B5EF4-FFF2-40B4-BE49-F238E27FC236}">
                <a16:creationId xmlns:a16="http://schemas.microsoft.com/office/drawing/2014/main" id="{EC6B2509-E31A-6E47-8301-17B22CD89870}"/>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1559517747"/>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Split Layout Blue">
    <p:bg>
      <p:bgRef idx="1001">
        <a:schemeClr val="bg1"/>
      </p:bgRef>
    </p:bg>
    <p:spTree>
      <p:nvGrpSpPr>
        <p:cNvPr id="1" name=""/>
        <p:cNvGrpSpPr/>
        <p:nvPr/>
      </p:nvGrpSpPr>
      <p:grpSpPr>
        <a:xfrm>
          <a:off x="0" y="0"/>
          <a:ext cx="0" cy="0"/>
          <a:chOff x="0" y="0"/>
          <a:chExt cx="0" cy="0"/>
        </a:xfrm>
      </p:grpSpPr>
      <p:grpSp>
        <p:nvGrpSpPr>
          <p:cNvPr id="2" name="Background">
            <a:extLst>
              <a:ext uri="{FF2B5EF4-FFF2-40B4-BE49-F238E27FC236}">
                <a16:creationId xmlns:a16="http://schemas.microsoft.com/office/drawing/2014/main" id="{A3C40C19-5F48-2A4B-8D85-88FB91CA5041}"/>
              </a:ext>
            </a:extLst>
          </p:cNvPr>
          <p:cNvGrpSpPr/>
          <p:nvPr userDrawn="1"/>
        </p:nvGrpSpPr>
        <p:grpSpPr>
          <a:xfrm>
            <a:off x="0" y="0"/>
            <a:ext cx="12192000" cy="6858000"/>
            <a:chOff x="0" y="0"/>
            <a:chExt cx="12192000" cy="6858000"/>
          </a:xfrm>
        </p:grpSpPr>
        <p:sp>
          <p:nvSpPr>
            <p:cNvPr id="8" name="Rectangle 7">
              <a:extLst>
                <a:ext uri="{FF2B5EF4-FFF2-40B4-BE49-F238E27FC236}">
                  <a16:creationId xmlns:a16="http://schemas.microsoft.com/office/drawing/2014/main" id="{6733E70D-C45F-3143-9EB7-9777026C5D85}"/>
                </a:ext>
              </a:extLst>
            </p:cNvPr>
            <p:cNvSpPr/>
            <p:nvPr userDrawn="1"/>
          </p:nvSpPr>
          <p:spPr>
            <a:xfrm>
              <a:off x="6096000" y="0"/>
              <a:ext cx="609600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5881DA6A-1B75-9140-A0FD-07B4C2A84320}"/>
                </a:ext>
              </a:extLst>
            </p:cNvPr>
            <p:cNvSpPr/>
            <p:nvPr userDrawn="1"/>
          </p:nvSpPr>
          <p:spPr>
            <a:xfrm>
              <a:off x="0" y="0"/>
              <a:ext cx="60960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5" name="Text Placeholder ">
            <a:extLst>
              <a:ext uri="{FF2B5EF4-FFF2-40B4-BE49-F238E27FC236}">
                <a16:creationId xmlns:a16="http://schemas.microsoft.com/office/drawing/2014/main" id="{65D4EE28-04EC-F645-8599-50A04EFCD897}"/>
              </a:ext>
            </a:extLst>
          </p:cNvPr>
          <p:cNvSpPr>
            <a:spLocks noGrp="1"/>
          </p:cNvSpPr>
          <p:nvPr>
            <p:ph type="body" sz="quarter" idx="10"/>
          </p:nvPr>
        </p:nvSpPr>
        <p:spPr>
          <a:xfrm>
            <a:off x="1249341" y="2105925"/>
            <a:ext cx="4731992" cy="325437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6" name="Title">
            <a:extLst>
              <a:ext uri="{FF2B5EF4-FFF2-40B4-BE49-F238E27FC236}">
                <a16:creationId xmlns:a16="http://schemas.microsoft.com/office/drawing/2014/main" id="{4F64B940-C36B-5A43-B476-3A0BA5227682}"/>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275414969"/>
      </p:ext>
    </p:extLst>
  </p:cSld>
  <p:clrMapOvr>
    <a:overrideClrMapping bg1="lt1" tx1="dk1" bg2="lt2" tx2="dk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Blue Gadient Layout">
    <p:bg>
      <p:bgPr>
        <a:solidFill>
          <a:schemeClr val="bg1"/>
        </a:solidFill>
        <a:effectLst/>
      </p:bgPr>
    </p:bg>
    <p:spTree>
      <p:nvGrpSpPr>
        <p:cNvPr id="1" name=""/>
        <p:cNvGrpSpPr/>
        <p:nvPr/>
      </p:nvGrpSpPr>
      <p:grpSpPr>
        <a:xfrm>
          <a:off x="0" y="0"/>
          <a:ext cx="0" cy="0"/>
          <a:chOff x="0" y="0"/>
          <a:chExt cx="0" cy="0"/>
        </a:xfrm>
      </p:grpSpPr>
      <p:sp>
        <p:nvSpPr>
          <p:cNvPr id="53" name="Background">
            <a:extLst>
              <a:ext uri="{FF2B5EF4-FFF2-40B4-BE49-F238E27FC236}">
                <a16:creationId xmlns:a16="http://schemas.microsoft.com/office/drawing/2014/main" id="{B812F08D-9C40-4F49-A158-6E66DC1D2A52}"/>
              </a:ext>
            </a:extLst>
          </p:cNvPr>
          <p:cNvSpPr/>
          <p:nvPr userDrawn="1"/>
        </p:nvSpPr>
        <p:spPr>
          <a:xfrm>
            <a:off x="-37849" y="-51041"/>
            <a:ext cx="12267698" cy="6960082"/>
          </a:xfrm>
          <a:prstGeom prst="rect">
            <a:avLst/>
          </a:prstGeom>
          <a:gradFill>
            <a:gsLst>
              <a:gs pos="96000">
                <a:schemeClr val="accent4">
                  <a:lumMod val="75000"/>
                </a:schemeClr>
              </a:gs>
              <a:gs pos="0">
                <a:schemeClr val="accent2">
                  <a:alpha val="75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524681876"/>
      </p:ext>
    </p:extLst>
  </p:cSld>
  <p:clrMapOvr>
    <a:overrideClrMapping bg1="lt1" tx1="dk1" bg2="lt2" tx2="dk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3A39D9E-FEBC-A546-B283-04E1E5CB708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Graphic 4">
            <a:extLst>
              <a:ext uri="{FF2B5EF4-FFF2-40B4-BE49-F238E27FC236}">
                <a16:creationId xmlns:a16="http://schemas.microsoft.com/office/drawing/2014/main" id="{87B80B9E-E90A-F446-B05E-E8D3827924D3}"/>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8"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9" name="Text Placeholder 6"/>
          <p:cNvSpPr>
            <a:spLocks noGrp="1"/>
          </p:cNvSpPr>
          <p:nvPr>
            <p:ph type="body" sz="quarter" idx="11"/>
          </p:nvPr>
        </p:nvSpPr>
        <p:spPr>
          <a:xfrm>
            <a:off x="7003915" y="3707691"/>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3858771579"/>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Dark Split Layout">
    <p:bg>
      <p:bgRef idx="1001">
        <a:schemeClr val="bg1"/>
      </p:bgRef>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6733E70D-C45F-3143-9EB7-9777026C5D85}"/>
              </a:ext>
            </a:extLst>
          </p:cNvPr>
          <p:cNvSpPr/>
          <p:nvPr userDrawn="1"/>
        </p:nvSpPr>
        <p:spPr>
          <a:xfrm>
            <a:off x="-37849" y="-51041"/>
            <a:ext cx="12267698" cy="6960082"/>
          </a:xfrm>
          <a:prstGeom prst="rect">
            <a:avLst/>
          </a:prstGeom>
          <a:solidFill>
            <a:schemeClr val="accent4">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34C0A4E4-6805-6442-AC7C-F090EAA84123}"/>
              </a:ext>
            </a:extLst>
          </p:cNvPr>
          <p:cNvGrpSpPr/>
          <p:nvPr userDrawn="1"/>
        </p:nvGrpSpPr>
        <p:grpSpPr>
          <a:xfrm rot="17341682">
            <a:off x="-303572" y="-4253536"/>
            <a:ext cx="13374319" cy="12544235"/>
            <a:chOff x="2636867" y="-1669717"/>
            <a:chExt cx="10006864" cy="8871870"/>
          </a:xfrm>
          <a:solidFill>
            <a:schemeClr val="bg1">
              <a:alpha val="77000"/>
            </a:schemeClr>
          </a:solidFill>
        </p:grpSpPr>
        <p:sp>
          <p:nvSpPr>
            <p:cNvPr id="11" name="Freeform: Shape 109">
              <a:extLst>
                <a:ext uri="{FF2B5EF4-FFF2-40B4-BE49-F238E27FC236}">
                  <a16:creationId xmlns:a16="http://schemas.microsoft.com/office/drawing/2014/main" id="{66AC9D8D-F733-354E-8E45-4CA0B67071D4}"/>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0">
              <a:extLst>
                <a:ext uri="{FF2B5EF4-FFF2-40B4-BE49-F238E27FC236}">
                  <a16:creationId xmlns:a16="http://schemas.microsoft.com/office/drawing/2014/main" id="{6BBBD647-9542-6E4F-80B0-84AF961EDC0E}"/>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13">
              <a:extLst>
                <a:ext uri="{FF2B5EF4-FFF2-40B4-BE49-F238E27FC236}">
                  <a16:creationId xmlns:a16="http://schemas.microsoft.com/office/drawing/2014/main" id="{817E3743-079B-2245-A757-69E80C975DDD}"/>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14">
              <a:extLst>
                <a:ext uri="{FF2B5EF4-FFF2-40B4-BE49-F238E27FC236}">
                  <a16:creationId xmlns:a16="http://schemas.microsoft.com/office/drawing/2014/main" id="{828487A5-8553-8D4F-8D95-B9207A8AA975}"/>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16">
              <a:extLst>
                <a:ext uri="{FF2B5EF4-FFF2-40B4-BE49-F238E27FC236}">
                  <a16:creationId xmlns:a16="http://schemas.microsoft.com/office/drawing/2014/main" id="{E5EC164D-D35B-2946-8CA1-17850CEC8639}"/>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18">
              <a:extLst>
                <a:ext uri="{FF2B5EF4-FFF2-40B4-BE49-F238E27FC236}">
                  <a16:creationId xmlns:a16="http://schemas.microsoft.com/office/drawing/2014/main" id="{567F8925-B743-DC45-ADF8-2AAC83DC2004}"/>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0">
              <a:extLst>
                <a:ext uri="{FF2B5EF4-FFF2-40B4-BE49-F238E27FC236}">
                  <a16:creationId xmlns:a16="http://schemas.microsoft.com/office/drawing/2014/main" id="{051F9156-2D3E-B042-8050-DB16AECAB05B}"/>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1">
              <a:extLst>
                <a:ext uri="{FF2B5EF4-FFF2-40B4-BE49-F238E27FC236}">
                  <a16:creationId xmlns:a16="http://schemas.microsoft.com/office/drawing/2014/main" id="{042AEA60-E3BB-7F42-9414-B0683F9D0F68}"/>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2">
              <a:extLst>
                <a:ext uri="{FF2B5EF4-FFF2-40B4-BE49-F238E27FC236}">
                  <a16:creationId xmlns:a16="http://schemas.microsoft.com/office/drawing/2014/main" id="{7340C2AE-34D0-0243-A274-B10DFFA4DC08}"/>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3">
              <a:extLst>
                <a:ext uri="{FF2B5EF4-FFF2-40B4-BE49-F238E27FC236}">
                  <a16:creationId xmlns:a16="http://schemas.microsoft.com/office/drawing/2014/main" id="{15E6620D-8E92-0041-A374-15559CF7907C}"/>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4">
              <a:extLst>
                <a:ext uri="{FF2B5EF4-FFF2-40B4-BE49-F238E27FC236}">
                  <a16:creationId xmlns:a16="http://schemas.microsoft.com/office/drawing/2014/main" id="{01288CB5-BBB8-A64A-8A71-73930604E6FD}"/>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5">
              <a:extLst>
                <a:ext uri="{FF2B5EF4-FFF2-40B4-BE49-F238E27FC236}">
                  <a16:creationId xmlns:a16="http://schemas.microsoft.com/office/drawing/2014/main" id="{45490A98-4E68-1044-933B-DC08659EDDFC}"/>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26">
              <a:extLst>
                <a:ext uri="{FF2B5EF4-FFF2-40B4-BE49-F238E27FC236}">
                  <a16:creationId xmlns:a16="http://schemas.microsoft.com/office/drawing/2014/main" id="{ABA9FEE6-94B0-AF48-8E0A-B5B51D42340D}"/>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27">
              <a:extLst>
                <a:ext uri="{FF2B5EF4-FFF2-40B4-BE49-F238E27FC236}">
                  <a16:creationId xmlns:a16="http://schemas.microsoft.com/office/drawing/2014/main" id="{20D13AF0-7E61-E943-AD9C-87E5B9549A84}"/>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28">
              <a:extLst>
                <a:ext uri="{FF2B5EF4-FFF2-40B4-BE49-F238E27FC236}">
                  <a16:creationId xmlns:a16="http://schemas.microsoft.com/office/drawing/2014/main" id="{9A8C46E5-F372-0246-ACFD-8A639DF02F8E}"/>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29">
              <a:extLst>
                <a:ext uri="{FF2B5EF4-FFF2-40B4-BE49-F238E27FC236}">
                  <a16:creationId xmlns:a16="http://schemas.microsoft.com/office/drawing/2014/main" id="{1F93ECF2-3BC6-4046-A15B-811DB914781C}"/>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0">
              <a:extLst>
                <a:ext uri="{FF2B5EF4-FFF2-40B4-BE49-F238E27FC236}">
                  <a16:creationId xmlns:a16="http://schemas.microsoft.com/office/drawing/2014/main" id="{BA73671A-780F-0049-B0F3-C9936C8A792A}"/>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1">
              <a:extLst>
                <a:ext uri="{FF2B5EF4-FFF2-40B4-BE49-F238E27FC236}">
                  <a16:creationId xmlns:a16="http://schemas.microsoft.com/office/drawing/2014/main" id="{6BFCE1E2-70E9-8148-8115-CDBE72D31D2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2">
              <a:extLst>
                <a:ext uri="{FF2B5EF4-FFF2-40B4-BE49-F238E27FC236}">
                  <a16:creationId xmlns:a16="http://schemas.microsoft.com/office/drawing/2014/main" id="{A45B904C-3602-3B45-935C-90EDB547FC6B}"/>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3">
              <a:extLst>
                <a:ext uri="{FF2B5EF4-FFF2-40B4-BE49-F238E27FC236}">
                  <a16:creationId xmlns:a16="http://schemas.microsoft.com/office/drawing/2014/main" id="{FD525C3F-AD39-9447-9CB5-52BEECB7434D}"/>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4">
              <a:extLst>
                <a:ext uri="{FF2B5EF4-FFF2-40B4-BE49-F238E27FC236}">
                  <a16:creationId xmlns:a16="http://schemas.microsoft.com/office/drawing/2014/main" id="{6E89C758-4DBA-9D46-991B-9EE796D1BAEC}"/>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5">
              <a:extLst>
                <a:ext uri="{FF2B5EF4-FFF2-40B4-BE49-F238E27FC236}">
                  <a16:creationId xmlns:a16="http://schemas.microsoft.com/office/drawing/2014/main" id="{713ECB85-355C-B645-BC60-20751D60654E}"/>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36">
              <a:extLst>
                <a:ext uri="{FF2B5EF4-FFF2-40B4-BE49-F238E27FC236}">
                  <a16:creationId xmlns:a16="http://schemas.microsoft.com/office/drawing/2014/main" id="{E35AAD14-C75A-2941-9294-79D6D1A1029D}"/>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37">
              <a:extLst>
                <a:ext uri="{FF2B5EF4-FFF2-40B4-BE49-F238E27FC236}">
                  <a16:creationId xmlns:a16="http://schemas.microsoft.com/office/drawing/2014/main" id="{B56CB8DF-55CA-A744-9304-659CCE843265}"/>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38">
              <a:extLst>
                <a:ext uri="{FF2B5EF4-FFF2-40B4-BE49-F238E27FC236}">
                  <a16:creationId xmlns:a16="http://schemas.microsoft.com/office/drawing/2014/main" id="{F5B12EF6-B4E6-DB44-97DE-432D29C3AE2D}"/>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9">
              <a:extLst>
                <a:ext uri="{FF2B5EF4-FFF2-40B4-BE49-F238E27FC236}">
                  <a16:creationId xmlns:a16="http://schemas.microsoft.com/office/drawing/2014/main" id="{4F3F635C-5E02-EA46-A579-DACDC5CDC9E0}"/>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0">
              <a:extLst>
                <a:ext uri="{FF2B5EF4-FFF2-40B4-BE49-F238E27FC236}">
                  <a16:creationId xmlns:a16="http://schemas.microsoft.com/office/drawing/2014/main" id="{4706241B-BF5F-3E4F-A19B-8704FB5B7EBC}"/>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1">
              <a:extLst>
                <a:ext uri="{FF2B5EF4-FFF2-40B4-BE49-F238E27FC236}">
                  <a16:creationId xmlns:a16="http://schemas.microsoft.com/office/drawing/2014/main" id="{029F769C-99B5-784C-A7F5-B635EF793EB8}"/>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2">
              <a:extLst>
                <a:ext uri="{FF2B5EF4-FFF2-40B4-BE49-F238E27FC236}">
                  <a16:creationId xmlns:a16="http://schemas.microsoft.com/office/drawing/2014/main" id="{29F589CF-B8D4-8346-8BB6-9740881FD909}"/>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3">
              <a:extLst>
                <a:ext uri="{FF2B5EF4-FFF2-40B4-BE49-F238E27FC236}">
                  <a16:creationId xmlns:a16="http://schemas.microsoft.com/office/drawing/2014/main" id="{59D02D16-15B8-2946-BB0E-C0751F900B7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4">
              <a:extLst>
                <a:ext uri="{FF2B5EF4-FFF2-40B4-BE49-F238E27FC236}">
                  <a16:creationId xmlns:a16="http://schemas.microsoft.com/office/drawing/2014/main" id="{D894DE29-82E6-9D41-A5CB-69E7F5E8E1EB}"/>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45">
              <a:extLst>
                <a:ext uri="{FF2B5EF4-FFF2-40B4-BE49-F238E27FC236}">
                  <a16:creationId xmlns:a16="http://schemas.microsoft.com/office/drawing/2014/main" id="{0C3B59FC-47D3-734D-BA97-3ADEA62D8C68}"/>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46">
              <a:extLst>
                <a:ext uri="{FF2B5EF4-FFF2-40B4-BE49-F238E27FC236}">
                  <a16:creationId xmlns:a16="http://schemas.microsoft.com/office/drawing/2014/main" id="{90D0FD10-A19B-C642-A45B-0DD3B1090F3E}"/>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47">
              <a:extLst>
                <a:ext uri="{FF2B5EF4-FFF2-40B4-BE49-F238E27FC236}">
                  <a16:creationId xmlns:a16="http://schemas.microsoft.com/office/drawing/2014/main" id="{03754257-B99A-1A41-8836-8721332F3849}"/>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1">
              <a:extLst>
                <a:ext uri="{FF2B5EF4-FFF2-40B4-BE49-F238E27FC236}">
                  <a16:creationId xmlns:a16="http://schemas.microsoft.com/office/drawing/2014/main" id="{4E7DCD20-C34F-A14B-80E0-95354064DF0E}"/>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4">
              <a:extLst>
                <a:ext uri="{FF2B5EF4-FFF2-40B4-BE49-F238E27FC236}">
                  <a16:creationId xmlns:a16="http://schemas.microsoft.com/office/drawing/2014/main" id="{9D3698B6-E711-1A49-B4AE-719C105029B4}"/>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6">
              <a:extLst>
                <a:ext uri="{FF2B5EF4-FFF2-40B4-BE49-F238E27FC236}">
                  <a16:creationId xmlns:a16="http://schemas.microsoft.com/office/drawing/2014/main" id="{FD72F24F-BB22-014E-B52C-097D0D9C54B4}"/>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7">
              <a:extLst>
                <a:ext uri="{FF2B5EF4-FFF2-40B4-BE49-F238E27FC236}">
                  <a16:creationId xmlns:a16="http://schemas.microsoft.com/office/drawing/2014/main" id="{0392263D-E81B-E24B-AB94-873514ABAE8B}"/>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58">
              <a:extLst>
                <a:ext uri="{FF2B5EF4-FFF2-40B4-BE49-F238E27FC236}">
                  <a16:creationId xmlns:a16="http://schemas.microsoft.com/office/drawing/2014/main" id="{20895FC5-D4DC-D64A-B334-8142C861CD27}"/>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59">
              <a:extLst>
                <a:ext uri="{FF2B5EF4-FFF2-40B4-BE49-F238E27FC236}">
                  <a16:creationId xmlns:a16="http://schemas.microsoft.com/office/drawing/2014/main" id="{8092CF46-10CF-B64D-8A6C-9C2509DF57F6}"/>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60">
              <a:extLst>
                <a:ext uri="{FF2B5EF4-FFF2-40B4-BE49-F238E27FC236}">
                  <a16:creationId xmlns:a16="http://schemas.microsoft.com/office/drawing/2014/main" id="{A815DCA0-1AA0-A941-A0F5-6299E8A02BBB}"/>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52" name="White Rectangle">
            <a:extLst>
              <a:ext uri="{FF2B5EF4-FFF2-40B4-BE49-F238E27FC236}">
                <a16:creationId xmlns:a16="http://schemas.microsoft.com/office/drawing/2014/main" id="{C1A55FD5-5171-A045-92DE-96ACB16E4C73}"/>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3" name="Text Placeholder ">
            <a:extLst>
              <a:ext uri="{FF2B5EF4-FFF2-40B4-BE49-F238E27FC236}">
                <a16:creationId xmlns:a16="http://schemas.microsoft.com/office/drawing/2014/main" id="{A496BD70-4DED-5F48-AEA2-EC249667D115}"/>
              </a:ext>
            </a:extLst>
          </p:cNvPr>
          <p:cNvSpPr>
            <a:spLocks noGrp="1"/>
          </p:cNvSpPr>
          <p:nvPr>
            <p:ph type="body" sz="quarter" idx="10"/>
          </p:nvPr>
        </p:nvSpPr>
        <p:spPr>
          <a:xfrm>
            <a:off x="1249341" y="2105925"/>
            <a:ext cx="7518910" cy="1585395"/>
          </a:xfrm>
        </p:spPr>
        <p:txBody>
          <a:bodyPr>
            <a:normAutofit/>
          </a:bodyPr>
          <a:lstStyle>
            <a:lvl1pPr marL="0" indent="0" algn="l">
              <a:buClr>
                <a:schemeClr val="bg1"/>
              </a:buClr>
              <a:buFont typeface="System Font Regular"/>
              <a:buNone/>
              <a:defRPr sz="1800" b="0" i="0">
                <a:solidFill>
                  <a:schemeClr val="tx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tx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4" name="Title">
            <a:extLst>
              <a:ext uri="{FF2B5EF4-FFF2-40B4-BE49-F238E27FC236}">
                <a16:creationId xmlns:a16="http://schemas.microsoft.com/office/drawing/2014/main" id="{C5FF22E5-E22B-1D49-8540-1207C323209B}"/>
              </a:ext>
            </a:extLst>
          </p:cNvPr>
          <p:cNvSpPr>
            <a:spLocks noGrp="1"/>
          </p:cNvSpPr>
          <p:nvPr>
            <p:ph type="title"/>
          </p:nvPr>
        </p:nvSpPr>
        <p:spPr>
          <a:xfrm>
            <a:off x="1205232" y="1258112"/>
            <a:ext cx="5118101" cy="750458"/>
          </a:xfrm>
        </p:spPr>
        <p:txBody>
          <a:bodyPr>
            <a:normAutofit/>
          </a:bodyPr>
          <a:lstStyle>
            <a:lvl1pPr>
              <a:defRPr sz="2800" b="1" i="0">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325803231"/>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4 Slide BlueGreen">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FE83459A-1D2B-48A9-84E2-4F30ECADC7EC}"/>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2543056534"/>
      </p:ext>
    </p:extLst>
  </p:cSld>
  <p:clrMapOvr>
    <a:overrideClrMapping bg1="lt1" tx1="dk1" bg2="lt2" tx2="dk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3/4 Slide Navy">
    <p:bg>
      <p:bgRef idx="1001">
        <a:schemeClr val="bg1"/>
      </p:bgRef>
    </p:bg>
    <p:spTree>
      <p:nvGrpSpPr>
        <p:cNvPr id="1" name=""/>
        <p:cNvGrpSpPr/>
        <p:nvPr/>
      </p:nvGrpSpPr>
      <p:grpSpPr>
        <a:xfrm>
          <a:off x="0" y="0"/>
          <a:ext cx="0" cy="0"/>
          <a:chOff x="0" y="0"/>
          <a:chExt cx="0" cy="0"/>
        </a:xfrm>
      </p:grpSpPr>
      <p:pic>
        <p:nvPicPr>
          <p:cNvPr id="47" name="Picture 46" descr="Shape, background pattern&#10;&#10;Description automatically generated">
            <a:extLst>
              <a:ext uri="{FF2B5EF4-FFF2-40B4-BE49-F238E27FC236}">
                <a16:creationId xmlns:a16="http://schemas.microsoft.com/office/drawing/2014/main" id="{548913A3-EA62-42C3-9D95-F8F7DEC291C6}"/>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8" name="Background">
            <a:extLst>
              <a:ext uri="{FF2B5EF4-FFF2-40B4-BE49-F238E27FC236}">
                <a16:creationId xmlns:a16="http://schemas.microsoft.com/office/drawing/2014/main" id="{9A7C80C2-3F90-EE4A-B66C-7BDBAC2A4AB1}"/>
              </a:ext>
            </a:extLst>
          </p:cNvPr>
          <p:cNvSpPr/>
          <p:nvPr userDrawn="1"/>
        </p:nvSpPr>
        <p:spPr>
          <a:xfrm>
            <a:off x="1" y="0"/>
            <a:ext cx="9868617" cy="6858000"/>
          </a:xfrm>
          <a:prstGeom prst="rect">
            <a:avLst/>
          </a:prstGeom>
          <a:solidFill>
            <a:schemeClr val="accent4">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0" name="MAP">
            <a:extLst>
              <a:ext uri="{FF2B5EF4-FFF2-40B4-BE49-F238E27FC236}">
                <a16:creationId xmlns:a16="http://schemas.microsoft.com/office/drawing/2014/main" id="{671BC2C0-6840-1C49-8989-6AF3518D78EF}"/>
              </a:ext>
            </a:extLst>
          </p:cNvPr>
          <p:cNvGrpSpPr/>
          <p:nvPr userDrawn="1"/>
        </p:nvGrpSpPr>
        <p:grpSpPr>
          <a:xfrm>
            <a:off x="-4574512" y="-3383280"/>
            <a:ext cx="14443130" cy="10241280"/>
            <a:chOff x="-5170597" y="-3383280"/>
            <a:chExt cx="14443130" cy="10241280"/>
          </a:xfrm>
          <a:gradFill>
            <a:gsLst>
              <a:gs pos="20000">
                <a:schemeClr val="accent3">
                  <a:alpha val="57000"/>
                </a:schemeClr>
              </a:gs>
              <a:gs pos="47000">
                <a:schemeClr val="accent1">
                  <a:alpha val="24000"/>
                </a:schemeClr>
              </a:gs>
              <a:gs pos="100000">
                <a:srgbClr val="001C22">
                  <a:alpha val="48000"/>
                </a:srgbClr>
              </a:gs>
            </a:gsLst>
            <a:lin ang="13500000" scaled="1"/>
          </a:gradFill>
        </p:grpSpPr>
        <p:sp>
          <p:nvSpPr>
            <p:cNvPr id="13" name="Freeform: Shape 6">
              <a:extLst>
                <a:ext uri="{FF2B5EF4-FFF2-40B4-BE49-F238E27FC236}">
                  <a16:creationId xmlns:a16="http://schemas.microsoft.com/office/drawing/2014/main" id="{EC401740-ED1F-A649-A4A2-2A14AD6830EE}"/>
                </a:ext>
              </a:extLst>
            </p:cNvPr>
            <p:cNvSpPr/>
            <p:nvPr/>
          </p:nvSpPr>
          <p:spPr>
            <a:xfrm>
              <a:off x="-4910244" y="-1706032"/>
              <a:ext cx="8104758" cy="8562299"/>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86">
              <a:extLst>
                <a:ext uri="{FF2B5EF4-FFF2-40B4-BE49-F238E27FC236}">
                  <a16:creationId xmlns:a16="http://schemas.microsoft.com/office/drawing/2014/main" id="{A0AE613D-463A-1D49-8703-1D9CF9905CEC}"/>
                </a:ext>
              </a:extLst>
            </p:cNvPr>
            <p:cNvSpPr/>
            <p:nvPr/>
          </p:nvSpPr>
          <p:spPr>
            <a:xfrm>
              <a:off x="-1972779" y="988804"/>
              <a:ext cx="4897645" cy="586772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87">
              <a:extLst>
                <a:ext uri="{FF2B5EF4-FFF2-40B4-BE49-F238E27FC236}">
                  <a16:creationId xmlns:a16="http://schemas.microsoft.com/office/drawing/2014/main" id="{5E5F62C0-7E09-9040-954B-DD38321BAD6A}"/>
                </a:ext>
              </a:extLst>
            </p:cNvPr>
            <p:cNvSpPr/>
            <p:nvPr/>
          </p:nvSpPr>
          <p:spPr>
            <a:xfrm>
              <a:off x="-1785025" y="1347500"/>
              <a:ext cx="4604594" cy="5509033"/>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88">
              <a:extLst>
                <a:ext uri="{FF2B5EF4-FFF2-40B4-BE49-F238E27FC236}">
                  <a16:creationId xmlns:a16="http://schemas.microsoft.com/office/drawing/2014/main" id="{86DEB4EB-C1B3-214B-9D6D-49AE9CBD9D2A}"/>
                </a:ext>
              </a:extLst>
            </p:cNvPr>
            <p:cNvSpPr/>
            <p:nvPr/>
          </p:nvSpPr>
          <p:spPr>
            <a:xfrm>
              <a:off x="-94817" y="6633143"/>
              <a:ext cx="1109780" cy="223390"/>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89">
              <a:extLst>
                <a:ext uri="{FF2B5EF4-FFF2-40B4-BE49-F238E27FC236}">
                  <a16:creationId xmlns:a16="http://schemas.microsoft.com/office/drawing/2014/main" id="{C708D5EF-E867-7D4F-A619-42066D6F0A2B}"/>
                </a:ext>
              </a:extLst>
            </p:cNvPr>
            <p:cNvSpPr/>
            <p:nvPr/>
          </p:nvSpPr>
          <p:spPr>
            <a:xfrm>
              <a:off x="-1248278" y="1910450"/>
              <a:ext cx="3893421" cy="4947284"/>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0">
              <a:extLst>
                <a:ext uri="{FF2B5EF4-FFF2-40B4-BE49-F238E27FC236}">
                  <a16:creationId xmlns:a16="http://schemas.microsoft.com/office/drawing/2014/main" id="{F6E65241-CE4D-CD42-A2D3-432B3D6CD193}"/>
                </a:ext>
              </a:extLst>
            </p:cNvPr>
            <p:cNvSpPr/>
            <p:nvPr/>
          </p:nvSpPr>
          <p:spPr>
            <a:xfrm>
              <a:off x="-1063610" y="2165835"/>
              <a:ext cx="3587052" cy="469043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1">
              <a:extLst>
                <a:ext uri="{FF2B5EF4-FFF2-40B4-BE49-F238E27FC236}">
                  <a16:creationId xmlns:a16="http://schemas.microsoft.com/office/drawing/2014/main" id="{552E3D93-9658-3F4E-81F5-F824FC5EB8EC}"/>
                </a:ext>
              </a:extLst>
            </p:cNvPr>
            <p:cNvSpPr/>
            <p:nvPr/>
          </p:nvSpPr>
          <p:spPr>
            <a:xfrm>
              <a:off x="-899177" y="2458018"/>
              <a:ext cx="3350525" cy="4399449"/>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2">
              <a:extLst>
                <a:ext uri="{FF2B5EF4-FFF2-40B4-BE49-F238E27FC236}">
                  <a16:creationId xmlns:a16="http://schemas.microsoft.com/office/drawing/2014/main" id="{1BF37837-EF4C-7748-8EEB-B2BE3EDAAE8B}"/>
                </a:ext>
              </a:extLst>
            </p:cNvPr>
            <p:cNvSpPr/>
            <p:nvPr/>
          </p:nvSpPr>
          <p:spPr>
            <a:xfrm>
              <a:off x="-756343" y="2717998"/>
              <a:ext cx="3113020" cy="3989495"/>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3">
              <a:extLst>
                <a:ext uri="{FF2B5EF4-FFF2-40B4-BE49-F238E27FC236}">
                  <a16:creationId xmlns:a16="http://schemas.microsoft.com/office/drawing/2014/main" id="{6C4DAE06-89E9-D04F-9AF5-E7117D9940C7}"/>
                </a:ext>
              </a:extLst>
            </p:cNvPr>
            <p:cNvSpPr/>
            <p:nvPr/>
          </p:nvSpPr>
          <p:spPr>
            <a:xfrm>
              <a:off x="-426031" y="3309661"/>
              <a:ext cx="2607133" cy="2890719"/>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4">
              <a:extLst>
                <a:ext uri="{FF2B5EF4-FFF2-40B4-BE49-F238E27FC236}">
                  <a16:creationId xmlns:a16="http://schemas.microsoft.com/office/drawing/2014/main" id="{2CABE2FF-00FB-C841-A0ED-88A00D901F0E}"/>
                </a:ext>
              </a:extLst>
            </p:cNvPr>
            <p:cNvSpPr/>
            <p:nvPr/>
          </p:nvSpPr>
          <p:spPr>
            <a:xfrm>
              <a:off x="-242278" y="4396456"/>
              <a:ext cx="498083" cy="648660"/>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95">
              <a:extLst>
                <a:ext uri="{FF2B5EF4-FFF2-40B4-BE49-F238E27FC236}">
                  <a16:creationId xmlns:a16="http://schemas.microsoft.com/office/drawing/2014/main" id="{C0D2CB0F-CC8A-554B-96F2-9620CED64BDB}"/>
                </a:ext>
              </a:extLst>
            </p:cNvPr>
            <p:cNvSpPr/>
            <p:nvPr/>
          </p:nvSpPr>
          <p:spPr>
            <a:xfrm>
              <a:off x="658062" y="3510963"/>
              <a:ext cx="1450440" cy="2434797"/>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96">
              <a:extLst>
                <a:ext uri="{FF2B5EF4-FFF2-40B4-BE49-F238E27FC236}">
                  <a16:creationId xmlns:a16="http://schemas.microsoft.com/office/drawing/2014/main" id="{FD864140-DA66-A146-B799-28C41331FB79}"/>
                </a:ext>
              </a:extLst>
            </p:cNvPr>
            <p:cNvSpPr/>
            <p:nvPr/>
          </p:nvSpPr>
          <p:spPr>
            <a:xfrm>
              <a:off x="922818" y="3852299"/>
              <a:ext cx="1043678" cy="1784714"/>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97">
              <a:extLst>
                <a:ext uri="{FF2B5EF4-FFF2-40B4-BE49-F238E27FC236}">
                  <a16:creationId xmlns:a16="http://schemas.microsoft.com/office/drawing/2014/main" id="{B7D107EC-3AED-664B-9A3A-CB5F4A217175}"/>
                </a:ext>
              </a:extLst>
            </p:cNvPr>
            <p:cNvSpPr/>
            <p:nvPr/>
          </p:nvSpPr>
          <p:spPr>
            <a:xfrm>
              <a:off x="1050175" y="4192345"/>
              <a:ext cx="733123" cy="1134855"/>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5">
              <a:extLst>
                <a:ext uri="{FF2B5EF4-FFF2-40B4-BE49-F238E27FC236}">
                  <a16:creationId xmlns:a16="http://schemas.microsoft.com/office/drawing/2014/main" id="{5D543BD3-4A5C-CE4C-A34C-5E1079F20CF5}"/>
                </a:ext>
              </a:extLst>
            </p:cNvPr>
            <p:cNvSpPr/>
            <p:nvPr/>
          </p:nvSpPr>
          <p:spPr>
            <a:xfrm>
              <a:off x="-1126448" y="-3365819"/>
              <a:ext cx="5291315" cy="10222352"/>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9">
              <a:extLst>
                <a:ext uri="{FF2B5EF4-FFF2-40B4-BE49-F238E27FC236}">
                  <a16:creationId xmlns:a16="http://schemas.microsoft.com/office/drawing/2014/main" id="{60B6ABA8-310D-D04D-AD96-9CE7D24967BE}"/>
                </a:ext>
              </a:extLst>
            </p:cNvPr>
            <p:cNvSpPr/>
            <p:nvPr/>
          </p:nvSpPr>
          <p:spPr>
            <a:xfrm>
              <a:off x="-435554" y="-3381682"/>
              <a:ext cx="4745088" cy="10237815"/>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10">
              <a:extLst>
                <a:ext uri="{FF2B5EF4-FFF2-40B4-BE49-F238E27FC236}">
                  <a16:creationId xmlns:a16="http://schemas.microsoft.com/office/drawing/2014/main" id="{D43E8216-3FAD-3549-935D-AC7C78723585}"/>
                </a:ext>
              </a:extLst>
            </p:cNvPr>
            <p:cNvSpPr/>
            <p:nvPr/>
          </p:nvSpPr>
          <p:spPr>
            <a:xfrm>
              <a:off x="494787" y="-3380482"/>
              <a:ext cx="3970229" cy="10237015"/>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13">
              <a:extLst>
                <a:ext uri="{FF2B5EF4-FFF2-40B4-BE49-F238E27FC236}">
                  <a16:creationId xmlns:a16="http://schemas.microsoft.com/office/drawing/2014/main" id="{C6545A6D-AB49-C647-B54B-28BB926791FD}"/>
                </a:ext>
              </a:extLst>
            </p:cNvPr>
            <p:cNvSpPr/>
            <p:nvPr/>
          </p:nvSpPr>
          <p:spPr>
            <a:xfrm>
              <a:off x="938793" y="-3381416"/>
              <a:ext cx="3973572" cy="1023794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14">
              <a:extLst>
                <a:ext uri="{FF2B5EF4-FFF2-40B4-BE49-F238E27FC236}">
                  <a16:creationId xmlns:a16="http://schemas.microsoft.com/office/drawing/2014/main" id="{3D2054B7-4527-7F4F-99E3-CBEC470CC791}"/>
                </a:ext>
              </a:extLst>
            </p:cNvPr>
            <p:cNvSpPr/>
            <p:nvPr/>
          </p:nvSpPr>
          <p:spPr>
            <a:xfrm>
              <a:off x="1099974" y="-3381682"/>
              <a:ext cx="4242283" cy="10238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16">
              <a:extLst>
                <a:ext uri="{FF2B5EF4-FFF2-40B4-BE49-F238E27FC236}">
                  <a16:creationId xmlns:a16="http://schemas.microsoft.com/office/drawing/2014/main" id="{B86BA506-53D6-E244-AC85-B31CA31D0926}"/>
                </a:ext>
              </a:extLst>
            </p:cNvPr>
            <p:cNvSpPr/>
            <p:nvPr/>
          </p:nvSpPr>
          <p:spPr>
            <a:xfrm>
              <a:off x="1251858" y="-3380617"/>
              <a:ext cx="4401107" cy="10237150"/>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18">
              <a:extLst>
                <a:ext uri="{FF2B5EF4-FFF2-40B4-BE49-F238E27FC236}">
                  <a16:creationId xmlns:a16="http://schemas.microsoft.com/office/drawing/2014/main" id="{72F08554-C10C-8C47-9A9B-B6EBB85862BC}"/>
                </a:ext>
              </a:extLst>
            </p:cNvPr>
            <p:cNvSpPr/>
            <p:nvPr/>
          </p:nvSpPr>
          <p:spPr>
            <a:xfrm>
              <a:off x="1388754" y="-3380083"/>
              <a:ext cx="4496964" cy="1023661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0">
              <a:extLst>
                <a:ext uri="{FF2B5EF4-FFF2-40B4-BE49-F238E27FC236}">
                  <a16:creationId xmlns:a16="http://schemas.microsoft.com/office/drawing/2014/main" id="{6ACB8867-06B5-D048-85E8-A1A1EBFC5393}"/>
                </a:ext>
              </a:extLst>
            </p:cNvPr>
            <p:cNvSpPr/>
            <p:nvPr/>
          </p:nvSpPr>
          <p:spPr>
            <a:xfrm>
              <a:off x="2118698" y="-3382481"/>
              <a:ext cx="4815715" cy="10239815"/>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1">
              <a:extLst>
                <a:ext uri="{FF2B5EF4-FFF2-40B4-BE49-F238E27FC236}">
                  <a16:creationId xmlns:a16="http://schemas.microsoft.com/office/drawing/2014/main" id="{3113BA9E-FE92-FE4F-BD3E-02142CBF028C}"/>
                </a:ext>
              </a:extLst>
            </p:cNvPr>
            <p:cNvSpPr/>
            <p:nvPr/>
          </p:nvSpPr>
          <p:spPr>
            <a:xfrm>
              <a:off x="2549562" y="-3381549"/>
              <a:ext cx="4712864" cy="10238482"/>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2">
              <a:extLst>
                <a:ext uri="{FF2B5EF4-FFF2-40B4-BE49-F238E27FC236}">
                  <a16:creationId xmlns:a16="http://schemas.microsoft.com/office/drawing/2014/main" id="{231F2D97-18EA-C94F-AC29-4E0E09CD9EF3}"/>
                </a:ext>
              </a:extLst>
            </p:cNvPr>
            <p:cNvSpPr/>
            <p:nvPr/>
          </p:nvSpPr>
          <p:spPr>
            <a:xfrm>
              <a:off x="2821802" y="-3381682"/>
              <a:ext cx="4804655" cy="10238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23">
              <a:extLst>
                <a:ext uri="{FF2B5EF4-FFF2-40B4-BE49-F238E27FC236}">
                  <a16:creationId xmlns:a16="http://schemas.microsoft.com/office/drawing/2014/main" id="{7FFF29E2-1D1E-0547-BCAD-7887E18AFB90}"/>
                </a:ext>
              </a:extLst>
            </p:cNvPr>
            <p:cNvSpPr/>
            <p:nvPr/>
          </p:nvSpPr>
          <p:spPr>
            <a:xfrm>
              <a:off x="3040666" y="-3383280"/>
              <a:ext cx="4798349" cy="10239549"/>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24">
              <a:extLst>
                <a:ext uri="{FF2B5EF4-FFF2-40B4-BE49-F238E27FC236}">
                  <a16:creationId xmlns:a16="http://schemas.microsoft.com/office/drawing/2014/main" id="{053B6361-55BB-EA44-808B-022C646662EA}"/>
                </a:ext>
              </a:extLst>
            </p:cNvPr>
            <p:cNvSpPr/>
            <p:nvPr/>
          </p:nvSpPr>
          <p:spPr>
            <a:xfrm>
              <a:off x="3329537" y="-3381682"/>
              <a:ext cx="5018571" cy="10237815"/>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25">
              <a:extLst>
                <a:ext uri="{FF2B5EF4-FFF2-40B4-BE49-F238E27FC236}">
                  <a16:creationId xmlns:a16="http://schemas.microsoft.com/office/drawing/2014/main" id="{CD380961-9CB9-7145-B2EB-604635CC9DFD}"/>
                </a:ext>
              </a:extLst>
            </p:cNvPr>
            <p:cNvSpPr/>
            <p:nvPr/>
          </p:nvSpPr>
          <p:spPr>
            <a:xfrm>
              <a:off x="3451295" y="-3380216"/>
              <a:ext cx="5213630" cy="10237683"/>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26">
              <a:extLst>
                <a:ext uri="{FF2B5EF4-FFF2-40B4-BE49-F238E27FC236}">
                  <a16:creationId xmlns:a16="http://schemas.microsoft.com/office/drawing/2014/main" id="{081F34A6-81C6-414F-9C66-AC7523D13B42}"/>
                </a:ext>
              </a:extLst>
            </p:cNvPr>
            <p:cNvSpPr/>
            <p:nvPr/>
          </p:nvSpPr>
          <p:spPr>
            <a:xfrm>
              <a:off x="3615151" y="-3381682"/>
              <a:ext cx="5262116" cy="10239682"/>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8">
              <a:extLst>
                <a:ext uri="{FF2B5EF4-FFF2-40B4-BE49-F238E27FC236}">
                  <a16:creationId xmlns:a16="http://schemas.microsoft.com/office/drawing/2014/main" id="{FA7943BD-AEEF-6F4E-A99E-C6D56EEFF928}"/>
                </a:ext>
              </a:extLst>
            </p:cNvPr>
            <p:cNvSpPr/>
            <p:nvPr/>
          </p:nvSpPr>
          <p:spPr>
            <a:xfrm>
              <a:off x="-1463755" y="1619996"/>
              <a:ext cx="4198468" cy="523613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49">
              <a:extLst>
                <a:ext uri="{FF2B5EF4-FFF2-40B4-BE49-F238E27FC236}">
                  <a16:creationId xmlns:a16="http://schemas.microsoft.com/office/drawing/2014/main" id="{09CEEF66-24F7-A846-B2C5-08F3546AB9A4}"/>
                </a:ext>
              </a:extLst>
            </p:cNvPr>
            <p:cNvSpPr/>
            <p:nvPr/>
          </p:nvSpPr>
          <p:spPr>
            <a:xfrm>
              <a:off x="-619821" y="3001383"/>
              <a:ext cx="2917444" cy="3489348"/>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0">
              <a:extLst>
                <a:ext uri="{FF2B5EF4-FFF2-40B4-BE49-F238E27FC236}">
                  <a16:creationId xmlns:a16="http://schemas.microsoft.com/office/drawing/2014/main" id="{EAC4BE94-CE12-0D47-BB67-FB8E766C60F0}"/>
                </a:ext>
              </a:extLst>
            </p:cNvPr>
            <p:cNvSpPr/>
            <p:nvPr/>
          </p:nvSpPr>
          <p:spPr>
            <a:xfrm>
              <a:off x="-5170597" y="-2563498"/>
              <a:ext cx="8588107" cy="9420564"/>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1">
              <a:extLst>
                <a:ext uri="{FF2B5EF4-FFF2-40B4-BE49-F238E27FC236}">
                  <a16:creationId xmlns:a16="http://schemas.microsoft.com/office/drawing/2014/main" id="{F590AF5C-8761-6941-9FF9-07DF4C7150AB}"/>
                </a:ext>
              </a:extLst>
            </p:cNvPr>
            <p:cNvSpPr/>
            <p:nvPr/>
          </p:nvSpPr>
          <p:spPr>
            <a:xfrm>
              <a:off x="849479" y="-3382214"/>
              <a:ext cx="3757618" cy="1023794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4">
              <a:extLst>
                <a:ext uri="{FF2B5EF4-FFF2-40B4-BE49-F238E27FC236}">
                  <a16:creationId xmlns:a16="http://schemas.microsoft.com/office/drawing/2014/main" id="{8F7D28A1-1491-3044-B80D-3C1DDAC45457}"/>
                </a:ext>
              </a:extLst>
            </p:cNvPr>
            <p:cNvSpPr/>
            <p:nvPr/>
          </p:nvSpPr>
          <p:spPr>
            <a:xfrm>
              <a:off x="1674122" y="-3381682"/>
              <a:ext cx="4636877" cy="10238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6">
              <a:extLst>
                <a:ext uri="{FF2B5EF4-FFF2-40B4-BE49-F238E27FC236}">
                  <a16:creationId xmlns:a16="http://schemas.microsoft.com/office/drawing/2014/main" id="{BE4646AB-ACBF-3840-8D1B-CDE5F383499E}"/>
                </a:ext>
              </a:extLst>
            </p:cNvPr>
            <p:cNvSpPr/>
            <p:nvPr/>
          </p:nvSpPr>
          <p:spPr>
            <a:xfrm>
              <a:off x="4616896" y="-3382747"/>
              <a:ext cx="4655637" cy="10239549"/>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 name="Picture Placeholder">
            <a:extLst>
              <a:ext uri="{FF2B5EF4-FFF2-40B4-BE49-F238E27FC236}">
                <a16:creationId xmlns:a16="http://schemas.microsoft.com/office/drawing/2014/main" id="{116C83B1-04E4-3745-9CB3-CBAE1EC36F41}"/>
              </a:ext>
            </a:extLst>
          </p:cNvPr>
          <p:cNvSpPr>
            <a:spLocks noGrp="1"/>
          </p:cNvSpPr>
          <p:nvPr>
            <p:ph type="pic" sz="quarter" idx="11"/>
          </p:nvPr>
        </p:nvSpPr>
        <p:spPr>
          <a:xfrm>
            <a:off x="6834188" y="774700"/>
            <a:ext cx="4379912" cy="5308600"/>
          </a:xfrm>
        </p:spPr>
        <p:txBody>
          <a:bodyPr/>
          <a:lstStyle/>
          <a:p>
            <a:endParaRPr lang="en-US"/>
          </a:p>
        </p:txBody>
      </p:sp>
      <p:sp>
        <p:nvSpPr>
          <p:cNvPr id="12" name="Text Placeholder">
            <a:extLst>
              <a:ext uri="{FF2B5EF4-FFF2-40B4-BE49-F238E27FC236}">
                <a16:creationId xmlns:a16="http://schemas.microsoft.com/office/drawing/2014/main" id="{0528BCE8-680E-924D-90DA-D1C2FB92F2CE}"/>
              </a:ext>
            </a:extLst>
          </p:cNvPr>
          <p:cNvSpPr>
            <a:spLocks noGrp="1"/>
          </p:cNvSpPr>
          <p:nvPr>
            <p:ph type="body" sz="quarter" idx="10"/>
          </p:nvPr>
        </p:nvSpPr>
        <p:spPr>
          <a:xfrm>
            <a:off x="1202626" y="2072825"/>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6" name="Title">
            <a:extLst>
              <a:ext uri="{FF2B5EF4-FFF2-40B4-BE49-F238E27FC236}">
                <a16:creationId xmlns:a16="http://schemas.microsoft.com/office/drawing/2014/main" id="{42C9E91D-902C-104D-9C51-A17A5474C252}"/>
              </a:ext>
            </a:extLst>
          </p:cNvPr>
          <p:cNvSpPr>
            <a:spLocks noGrp="1"/>
          </p:cNvSpPr>
          <p:nvPr>
            <p:ph type="title"/>
          </p:nvPr>
        </p:nvSpPr>
        <p:spPr>
          <a:xfrm>
            <a:off x="1205232" y="1258112"/>
            <a:ext cx="5118101"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Click to edit Master title style</a:t>
            </a:r>
          </a:p>
        </p:txBody>
      </p:sp>
    </p:spTree>
    <p:extLst>
      <p:ext uri="{BB962C8B-B14F-4D97-AF65-F5344CB8AC3E}">
        <p14:creationId xmlns:p14="http://schemas.microsoft.com/office/powerpoint/2010/main" val="3400799631"/>
      </p:ext>
    </p:extLst>
  </p:cSld>
  <p:clrMapOvr>
    <a:overrideClrMapping bg1="lt1" tx1="dk1" bg2="lt2" tx2="dk2" accent1="accent1" accent2="accent2" accent3="accent3" accent4="accent4" accent5="accent5" accent6="accent6" hlink="hlink" folHlink="folHlink"/>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range Divider">
    <p:spTree>
      <p:nvGrpSpPr>
        <p:cNvPr id="1" name=""/>
        <p:cNvGrpSpPr/>
        <p:nvPr/>
      </p:nvGrpSpPr>
      <p:grpSpPr>
        <a:xfrm>
          <a:off x="0" y="0"/>
          <a:ext cx="0" cy="0"/>
          <a:chOff x="0" y="0"/>
          <a:chExt cx="0" cy="0"/>
        </a:xfrm>
      </p:grpSpPr>
      <p:pic>
        <p:nvPicPr>
          <p:cNvPr id="5" name="Picture 4" descr="Shape, background pattern&#10;&#10;Description automatically generated">
            <a:extLst>
              <a:ext uri="{FF2B5EF4-FFF2-40B4-BE49-F238E27FC236}">
                <a16:creationId xmlns:a16="http://schemas.microsoft.com/office/drawing/2014/main" id="{40AA7F4C-FA19-41DD-866D-1EEAEFFE12CA}"/>
              </a:ext>
            </a:extLst>
          </p:cNvPr>
          <p:cNvPicPr>
            <a:picLocks noChangeAspect="1"/>
          </p:cNvPicPr>
          <p:nvPr userDrawn="1"/>
        </p:nvPicPr>
        <p:blipFill>
          <a:blip r:embed="rId2"/>
          <a:stretch>
            <a:fillRect/>
          </a:stretch>
        </p:blipFill>
        <p:spPr>
          <a:xfrm>
            <a:off x="0" y="0"/>
            <a:ext cx="12192000" cy="6858000"/>
          </a:xfrm>
          <a:prstGeom prst="rect">
            <a:avLst/>
          </a:prstGeom>
        </p:spPr>
      </p:pic>
      <p:sp>
        <p:nvSpPr>
          <p:cNvPr id="7" name="Orange Slash">
            <a:extLst>
              <a:ext uri="{FF2B5EF4-FFF2-40B4-BE49-F238E27FC236}">
                <a16:creationId xmlns:a16="http://schemas.microsoft.com/office/drawing/2014/main" id="{C4EF98B0-AC5D-8545-A335-61B2C10F3520}"/>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Text Placeholder">
            <a:extLst>
              <a:ext uri="{FF2B5EF4-FFF2-40B4-BE49-F238E27FC236}">
                <a16:creationId xmlns:a16="http://schemas.microsoft.com/office/drawing/2014/main" id="{A63F8F1D-6E3A-0543-BA07-198A338A08A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8" name="Title">
            <a:extLst>
              <a:ext uri="{FF2B5EF4-FFF2-40B4-BE49-F238E27FC236}">
                <a16:creationId xmlns:a16="http://schemas.microsoft.com/office/drawing/2014/main" id="{CAEAC20F-B2BF-B045-A857-8EB5BFACACD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336116109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8 Square Icon">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8021"/>
            <a:ext cx="12435410" cy="6874042"/>
            <a:chOff x="-121705" y="0"/>
            <a:chExt cx="12435410" cy="6874042"/>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0"/>
              <a:ext cx="3174629" cy="3435900"/>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0"/>
              <a:ext cx="3041120" cy="3435900"/>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0"/>
              <a:ext cx="3041120" cy="3435900"/>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0"/>
              <a:ext cx="3170578" cy="3435900"/>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21" name="Content Placeholder 8">
            <a:extLst>
              <a:ext uri="{FF2B5EF4-FFF2-40B4-BE49-F238E27FC236}">
                <a16:creationId xmlns:a16="http://schemas.microsoft.com/office/drawing/2014/main" id="{0B8A243D-569B-EA46-888D-BEBDA411640A}"/>
              </a:ext>
            </a:extLst>
          </p:cNvPr>
          <p:cNvSpPr>
            <a:spLocks noGrp="1"/>
          </p:cNvSpPr>
          <p:nvPr>
            <p:ph sz="quarter" idx="13"/>
          </p:nvPr>
        </p:nvSpPr>
        <p:spPr>
          <a:xfrm>
            <a:off x="9902555" y="4758577"/>
            <a:ext cx="1544637" cy="1192212"/>
          </a:xfrm>
        </p:spPr>
        <p:txBody>
          <a:bodyPr/>
          <a:lstStyle>
            <a:lvl1pPr marL="0" indent="0">
              <a:buNone/>
              <a:defRPr/>
            </a:lvl1pPr>
          </a:lstStyle>
          <a:p>
            <a:pPr lvl="0"/>
            <a:endParaRPr lang="en-US"/>
          </a:p>
        </p:txBody>
      </p:sp>
      <p:sp>
        <p:nvSpPr>
          <p:cNvPr id="31" name="Text Placeholder 8">
            <a:extLst>
              <a:ext uri="{FF2B5EF4-FFF2-40B4-BE49-F238E27FC236}">
                <a16:creationId xmlns:a16="http://schemas.microsoft.com/office/drawing/2014/main" id="{157E2CBE-A43D-2A4B-92EC-2966F121907F}"/>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Content Placeholder 7">
            <a:extLst>
              <a:ext uri="{FF2B5EF4-FFF2-40B4-BE49-F238E27FC236}">
                <a16:creationId xmlns:a16="http://schemas.microsoft.com/office/drawing/2014/main" id="{E5C15ABE-FA48-7B40-9F94-111C33323A8D}"/>
              </a:ext>
            </a:extLst>
          </p:cNvPr>
          <p:cNvSpPr>
            <a:spLocks noGrp="1"/>
          </p:cNvSpPr>
          <p:nvPr>
            <p:ph sz="quarter" idx="12"/>
          </p:nvPr>
        </p:nvSpPr>
        <p:spPr>
          <a:xfrm>
            <a:off x="6808256" y="4758577"/>
            <a:ext cx="1544637" cy="1192212"/>
          </a:xfrm>
        </p:spPr>
        <p:txBody>
          <a:bodyPr/>
          <a:lstStyle>
            <a:lvl1pPr marL="0" indent="0">
              <a:buNone/>
              <a:defRPr/>
            </a:lvl1pPr>
          </a:lstStyle>
          <a:p>
            <a:pPr lvl="0"/>
            <a:endParaRPr lang="en-US"/>
          </a:p>
        </p:txBody>
      </p:sp>
      <p:sp>
        <p:nvSpPr>
          <p:cNvPr id="30" name="Text Placeholder 7">
            <a:extLst>
              <a:ext uri="{FF2B5EF4-FFF2-40B4-BE49-F238E27FC236}">
                <a16:creationId xmlns:a16="http://schemas.microsoft.com/office/drawing/2014/main" id="{DFA6FBF0-8D58-1443-B65E-D9BA05B735B0}"/>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Content Placeholder 6">
            <a:extLst>
              <a:ext uri="{FF2B5EF4-FFF2-40B4-BE49-F238E27FC236}">
                <a16:creationId xmlns:a16="http://schemas.microsoft.com/office/drawing/2014/main" id="{1B50614B-D86B-C045-AECD-10739B2C1316}"/>
              </a:ext>
            </a:extLst>
          </p:cNvPr>
          <p:cNvSpPr>
            <a:spLocks noGrp="1"/>
          </p:cNvSpPr>
          <p:nvPr>
            <p:ph sz="quarter" idx="11"/>
          </p:nvPr>
        </p:nvSpPr>
        <p:spPr>
          <a:xfrm>
            <a:off x="3713957" y="4758577"/>
            <a:ext cx="1544637" cy="1192212"/>
          </a:xfrm>
        </p:spPr>
        <p:txBody>
          <a:bodyPr/>
          <a:lstStyle>
            <a:lvl1pPr marL="0" indent="0">
              <a:buNone/>
              <a:defRPr/>
            </a:lvl1pPr>
          </a:lstStyle>
          <a:p>
            <a:pPr lvl="0"/>
            <a:endParaRPr lang="en-US"/>
          </a:p>
        </p:txBody>
      </p:sp>
      <p:sp>
        <p:nvSpPr>
          <p:cNvPr id="29" name="Text Placeholder 6">
            <a:extLst>
              <a:ext uri="{FF2B5EF4-FFF2-40B4-BE49-F238E27FC236}">
                <a16:creationId xmlns:a16="http://schemas.microsoft.com/office/drawing/2014/main" id="{1FA5ED99-459C-FE49-B8BE-192FFB10626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Content Placeholder 5">
            <a:extLst>
              <a:ext uri="{FF2B5EF4-FFF2-40B4-BE49-F238E27FC236}">
                <a16:creationId xmlns:a16="http://schemas.microsoft.com/office/drawing/2014/main" id="{20E219EF-5327-4949-9322-6DF90DBD18DB}"/>
              </a:ext>
            </a:extLst>
          </p:cNvPr>
          <p:cNvSpPr>
            <a:spLocks noGrp="1"/>
          </p:cNvSpPr>
          <p:nvPr>
            <p:ph sz="quarter" idx="10"/>
          </p:nvPr>
        </p:nvSpPr>
        <p:spPr>
          <a:xfrm>
            <a:off x="619658" y="4758577"/>
            <a:ext cx="1544637" cy="1192212"/>
          </a:xfrm>
        </p:spPr>
        <p:txBody>
          <a:bodyPr/>
          <a:lstStyle>
            <a:lvl1pPr marL="0" indent="0">
              <a:buNone/>
              <a:defRPr/>
            </a:lvl1pPr>
          </a:lstStyle>
          <a:p>
            <a:pPr lvl="0"/>
            <a:endParaRPr lang="en-US"/>
          </a:p>
        </p:txBody>
      </p:sp>
      <p:sp>
        <p:nvSpPr>
          <p:cNvPr id="28" name="Text Placeholder 5">
            <a:extLst>
              <a:ext uri="{FF2B5EF4-FFF2-40B4-BE49-F238E27FC236}">
                <a16:creationId xmlns:a16="http://schemas.microsoft.com/office/drawing/2014/main" id="{D41D825F-6459-E148-997D-1F95458F6F76}"/>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4" name="Content Placeholder 4">
            <a:extLst>
              <a:ext uri="{FF2B5EF4-FFF2-40B4-BE49-F238E27FC236}">
                <a16:creationId xmlns:a16="http://schemas.microsoft.com/office/drawing/2014/main" id="{3E3CBE76-A6EB-ED49-A49D-813CEDAFA498}"/>
              </a:ext>
            </a:extLst>
          </p:cNvPr>
          <p:cNvSpPr>
            <a:spLocks noGrp="1"/>
          </p:cNvSpPr>
          <p:nvPr>
            <p:ph sz="quarter" idx="16"/>
          </p:nvPr>
        </p:nvSpPr>
        <p:spPr>
          <a:xfrm>
            <a:off x="6808256" y="1324920"/>
            <a:ext cx="1544637" cy="1192212"/>
          </a:xfrm>
        </p:spPr>
        <p:txBody>
          <a:bodyPr/>
          <a:lstStyle>
            <a:lvl1pPr marL="0" indent="0">
              <a:buNone/>
              <a:defRPr/>
            </a:lvl1pPr>
          </a:lstStyle>
          <a:p>
            <a:pPr lvl="0"/>
            <a:endParaRPr lang="en-US"/>
          </a:p>
        </p:txBody>
      </p:sp>
      <p:sp>
        <p:nvSpPr>
          <p:cNvPr id="34" name="Text Placeholder 4">
            <a:extLst>
              <a:ext uri="{FF2B5EF4-FFF2-40B4-BE49-F238E27FC236}">
                <a16:creationId xmlns:a16="http://schemas.microsoft.com/office/drawing/2014/main" id="{6DBB6FAE-D166-C64F-9121-4DC2CA0AFEF1}"/>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3" name="Content Placeholder 3">
            <a:extLst>
              <a:ext uri="{FF2B5EF4-FFF2-40B4-BE49-F238E27FC236}">
                <a16:creationId xmlns:a16="http://schemas.microsoft.com/office/drawing/2014/main" id="{09413C47-15EC-1543-A1E8-860C9005049C}"/>
              </a:ext>
            </a:extLst>
          </p:cNvPr>
          <p:cNvSpPr>
            <a:spLocks noGrp="1"/>
          </p:cNvSpPr>
          <p:nvPr>
            <p:ph sz="quarter" idx="15"/>
          </p:nvPr>
        </p:nvSpPr>
        <p:spPr>
          <a:xfrm>
            <a:off x="3713957" y="1324920"/>
            <a:ext cx="1544637" cy="1192212"/>
          </a:xfrm>
        </p:spPr>
        <p:txBody>
          <a:bodyPr/>
          <a:lstStyle>
            <a:lvl1pPr marL="0" indent="0">
              <a:buNone/>
              <a:defRPr/>
            </a:lvl1pPr>
          </a:lstStyle>
          <a:p>
            <a:pPr lvl="0"/>
            <a:endParaRPr lang="en-US"/>
          </a:p>
        </p:txBody>
      </p:sp>
      <p:sp>
        <p:nvSpPr>
          <p:cNvPr id="33" name="Text Placeholder 3">
            <a:extLst>
              <a:ext uri="{FF2B5EF4-FFF2-40B4-BE49-F238E27FC236}">
                <a16:creationId xmlns:a16="http://schemas.microsoft.com/office/drawing/2014/main" id="{322C66FF-0896-EA4E-B26B-78770D48ACEF}"/>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5" name="Content Placeholder 2">
            <a:extLst>
              <a:ext uri="{FF2B5EF4-FFF2-40B4-BE49-F238E27FC236}">
                <a16:creationId xmlns:a16="http://schemas.microsoft.com/office/drawing/2014/main" id="{A4F4D615-8FDE-924B-82BA-03F86D19D220}"/>
              </a:ext>
            </a:extLst>
          </p:cNvPr>
          <p:cNvSpPr>
            <a:spLocks noGrp="1"/>
          </p:cNvSpPr>
          <p:nvPr>
            <p:ph sz="quarter" idx="17"/>
          </p:nvPr>
        </p:nvSpPr>
        <p:spPr>
          <a:xfrm>
            <a:off x="9902555" y="1324920"/>
            <a:ext cx="1544637" cy="1192212"/>
          </a:xfrm>
        </p:spPr>
        <p:txBody>
          <a:bodyPr/>
          <a:lstStyle>
            <a:lvl1pPr marL="0" indent="0">
              <a:buNone/>
              <a:defRPr/>
            </a:lvl1pPr>
          </a:lstStyle>
          <a:p>
            <a:pPr lvl="0"/>
            <a:endParaRPr lang="en-US"/>
          </a:p>
        </p:txBody>
      </p:sp>
      <p:sp>
        <p:nvSpPr>
          <p:cNvPr id="32" name="Text Placeholder 2">
            <a:extLst>
              <a:ext uri="{FF2B5EF4-FFF2-40B4-BE49-F238E27FC236}">
                <a16:creationId xmlns:a16="http://schemas.microsoft.com/office/drawing/2014/main" id="{53364FCF-AD3D-2646-8363-ED7C10CF6597}"/>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Content Placeholder 1">
            <a:extLst>
              <a:ext uri="{FF2B5EF4-FFF2-40B4-BE49-F238E27FC236}">
                <a16:creationId xmlns:a16="http://schemas.microsoft.com/office/drawing/2014/main" id="{5E8BD9AA-0CF1-9B4D-BA40-F169CC3C99A4}"/>
              </a:ext>
            </a:extLst>
          </p:cNvPr>
          <p:cNvSpPr>
            <a:spLocks noGrp="1"/>
          </p:cNvSpPr>
          <p:nvPr>
            <p:ph sz="quarter" idx="14"/>
          </p:nvPr>
        </p:nvSpPr>
        <p:spPr>
          <a:xfrm>
            <a:off x="619658" y="1324920"/>
            <a:ext cx="1544637" cy="1192212"/>
          </a:xfrm>
        </p:spPr>
        <p:txBody>
          <a:bodyPr/>
          <a:lstStyle>
            <a:lvl1pPr marL="0" indent="0">
              <a:buNone/>
              <a:defRPr/>
            </a:lvl1pPr>
          </a:lstStyle>
          <a:p>
            <a:pPr lvl="0"/>
            <a:endParaRPr lang="en-US"/>
          </a:p>
        </p:txBody>
      </p:sp>
      <p:sp>
        <p:nvSpPr>
          <p:cNvPr id="27" name="Text Placeholder 1">
            <a:extLst>
              <a:ext uri="{FF2B5EF4-FFF2-40B4-BE49-F238E27FC236}">
                <a16:creationId xmlns:a16="http://schemas.microsoft.com/office/drawing/2014/main" id="{4F5D368D-CCFF-9A4E-81D3-D3AE4F866156}"/>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Tree>
    <p:extLst>
      <p:ext uri="{BB962C8B-B14F-4D97-AF65-F5344CB8AC3E}">
        <p14:creationId xmlns:p14="http://schemas.microsoft.com/office/powerpoint/2010/main" val="2626606680"/>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8 Square Text">
    <p:spTree>
      <p:nvGrpSpPr>
        <p:cNvPr id="1" name=""/>
        <p:cNvGrpSpPr/>
        <p:nvPr/>
      </p:nvGrpSpPr>
      <p:grpSpPr>
        <a:xfrm>
          <a:off x="0" y="0"/>
          <a:ext cx="0" cy="0"/>
          <a:chOff x="0" y="0"/>
          <a:chExt cx="0" cy="0"/>
        </a:xfrm>
      </p:grpSpPr>
      <p:grpSp>
        <p:nvGrpSpPr>
          <p:cNvPr id="6" name="Box Background">
            <a:extLst>
              <a:ext uri="{FF2B5EF4-FFF2-40B4-BE49-F238E27FC236}">
                <a16:creationId xmlns:a16="http://schemas.microsoft.com/office/drawing/2014/main" id="{276B8783-E93E-4F49-8D79-41B5EEB17D0F}"/>
              </a:ext>
            </a:extLst>
          </p:cNvPr>
          <p:cNvGrpSpPr/>
          <p:nvPr userDrawn="1"/>
        </p:nvGrpSpPr>
        <p:grpSpPr>
          <a:xfrm>
            <a:off x="-121705" y="-9143"/>
            <a:ext cx="12435410" cy="6876286"/>
            <a:chOff x="-121705" y="-2244"/>
            <a:chExt cx="12435410" cy="6876286"/>
          </a:xfrm>
        </p:grpSpPr>
        <p:sp>
          <p:nvSpPr>
            <p:cNvPr id="7" name="Rectangle 6">
              <a:extLst>
                <a:ext uri="{FF2B5EF4-FFF2-40B4-BE49-F238E27FC236}">
                  <a16:creationId xmlns:a16="http://schemas.microsoft.com/office/drawing/2014/main" id="{3FC7F1BF-BD7E-F448-8A40-31D7CB50B28B}"/>
                </a:ext>
              </a:extLst>
            </p:cNvPr>
            <p:cNvSpPr/>
            <p:nvPr/>
          </p:nvSpPr>
          <p:spPr>
            <a:xfrm>
              <a:off x="3055578" y="3438143"/>
              <a:ext cx="3041120" cy="3435899"/>
            </a:xfrm>
            <a:prstGeom prst="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Rectangle 7">
              <a:extLst>
                <a:ext uri="{FF2B5EF4-FFF2-40B4-BE49-F238E27FC236}">
                  <a16:creationId xmlns:a16="http://schemas.microsoft.com/office/drawing/2014/main" id="{6944F7B1-A9DF-5342-A03F-79D54C730A17}"/>
                </a:ext>
              </a:extLst>
            </p:cNvPr>
            <p:cNvSpPr/>
            <p:nvPr/>
          </p:nvSpPr>
          <p:spPr>
            <a:xfrm>
              <a:off x="6099352" y="3438143"/>
              <a:ext cx="3041120" cy="3435899"/>
            </a:xfrm>
            <a:prstGeom prst="rect">
              <a:avLst/>
            </a:prstGeom>
            <a:solidFill>
              <a:srgbClr val="002838"/>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Rectangle 8">
              <a:extLst>
                <a:ext uri="{FF2B5EF4-FFF2-40B4-BE49-F238E27FC236}">
                  <a16:creationId xmlns:a16="http://schemas.microsoft.com/office/drawing/2014/main" id="{F1D4C578-A213-1E49-BB1C-1E9E4780FE86}"/>
                </a:ext>
              </a:extLst>
            </p:cNvPr>
            <p:cNvSpPr/>
            <p:nvPr/>
          </p:nvSpPr>
          <p:spPr>
            <a:xfrm>
              <a:off x="9143127" y="3438143"/>
              <a:ext cx="3170578" cy="3435899"/>
            </a:xfrm>
            <a:prstGeom prst="rect">
              <a:avLst/>
            </a:prstGeom>
            <a:solidFill>
              <a:schemeClr val="accent3">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Rectangle 9">
              <a:extLst>
                <a:ext uri="{FF2B5EF4-FFF2-40B4-BE49-F238E27FC236}">
                  <a16:creationId xmlns:a16="http://schemas.microsoft.com/office/drawing/2014/main" id="{52104CB4-4BD0-5A47-89B4-6A914CD121F3}"/>
                </a:ext>
              </a:extLst>
            </p:cNvPr>
            <p:cNvSpPr/>
            <p:nvPr/>
          </p:nvSpPr>
          <p:spPr>
            <a:xfrm>
              <a:off x="-121705" y="-2244"/>
              <a:ext cx="3174629" cy="3438143"/>
            </a:xfrm>
            <a:prstGeom prst="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1" name="Rectangle 10">
              <a:extLst>
                <a:ext uri="{FF2B5EF4-FFF2-40B4-BE49-F238E27FC236}">
                  <a16:creationId xmlns:a16="http://schemas.microsoft.com/office/drawing/2014/main" id="{DCDCCBF9-8099-F844-9F38-284E5D7003E3}"/>
                </a:ext>
              </a:extLst>
            </p:cNvPr>
            <p:cNvSpPr/>
            <p:nvPr/>
          </p:nvSpPr>
          <p:spPr>
            <a:xfrm>
              <a:off x="3055578" y="-2244"/>
              <a:ext cx="3041120" cy="3438144"/>
            </a:xfrm>
            <a:prstGeom prst="rect">
              <a:avLst/>
            </a:prstGeom>
            <a:solidFill>
              <a:schemeClr val="accent1">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2" name="Rectangle 11">
              <a:extLst>
                <a:ext uri="{FF2B5EF4-FFF2-40B4-BE49-F238E27FC236}">
                  <a16:creationId xmlns:a16="http://schemas.microsoft.com/office/drawing/2014/main" id="{FCFBF43D-81FC-1544-913F-D411A195B983}"/>
                </a:ext>
              </a:extLst>
            </p:cNvPr>
            <p:cNvSpPr/>
            <p:nvPr/>
          </p:nvSpPr>
          <p:spPr>
            <a:xfrm>
              <a:off x="6099352" y="-2244"/>
              <a:ext cx="3041120" cy="3438144"/>
            </a:xfrm>
            <a:prstGeom prst="rect">
              <a:avLst/>
            </a:prstGeom>
            <a:solidFill>
              <a:schemeClr val="accent4">
                <a:lumMod val="75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3" name="Rectangle 12">
              <a:extLst>
                <a:ext uri="{FF2B5EF4-FFF2-40B4-BE49-F238E27FC236}">
                  <a16:creationId xmlns:a16="http://schemas.microsoft.com/office/drawing/2014/main" id="{4D087B67-F11C-C843-AB7B-1C2B0DB12566}"/>
                </a:ext>
              </a:extLst>
            </p:cNvPr>
            <p:cNvSpPr/>
            <p:nvPr/>
          </p:nvSpPr>
          <p:spPr>
            <a:xfrm>
              <a:off x="9143127" y="-2244"/>
              <a:ext cx="3170578" cy="3438143"/>
            </a:xfrm>
            <a:prstGeom prst="rect">
              <a:avLst/>
            </a:prstGeom>
            <a:solidFill>
              <a:schemeClr val="accent5">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Rectangle 13">
              <a:extLst>
                <a:ext uri="{FF2B5EF4-FFF2-40B4-BE49-F238E27FC236}">
                  <a16:creationId xmlns:a16="http://schemas.microsoft.com/office/drawing/2014/main" id="{ED4020CD-289F-DD47-B26B-914726B7048F}"/>
                </a:ext>
              </a:extLst>
            </p:cNvPr>
            <p:cNvSpPr/>
            <p:nvPr/>
          </p:nvSpPr>
          <p:spPr>
            <a:xfrm>
              <a:off x="-121705" y="3438143"/>
              <a:ext cx="3174629" cy="3435899"/>
            </a:xfrm>
            <a:prstGeom prst="rect">
              <a:avLst/>
            </a:prstGeom>
            <a:solidFill>
              <a:schemeClr val="accent2">
                <a:lumMod val="50000"/>
              </a:schemeClr>
            </a:solidFill>
            <a:ln w="254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
        <p:nvSpPr>
          <p:cNvPr id="15" name="Text Placeholder 8">
            <a:extLst>
              <a:ext uri="{FF2B5EF4-FFF2-40B4-BE49-F238E27FC236}">
                <a16:creationId xmlns:a16="http://schemas.microsoft.com/office/drawing/2014/main" id="{9BE56062-4A58-CC4E-B3F2-92CE7D0E4C23}"/>
              </a:ext>
            </a:extLst>
          </p:cNvPr>
          <p:cNvSpPr>
            <a:spLocks noGrp="1"/>
          </p:cNvSpPr>
          <p:nvPr>
            <p:ph type="body" sz="quarter" idx="22" hasCustomPrompt="1"/>
          </p:nvPr>
        </p:nvSpPr>
        <p:spPr>
          <a:xfrm>
            <a:off x="9855723"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6" name="Text Placeholder 7">
            <a:extLst>
              <a:ext uri="{FF2B5EF4-FFF2-40B4-BE49-F238E27FC236}">
                <a16:creationId xmlns:a16="http://schemas.microsoft.com/office/drawing/2014/main" id="{2C22DAD7-A6E8-F04F-BE1F-816D58217C79}"/>
              </a:ext>
            </a:extLst>
          </p:cNvPr>
          <p:cNvSpPr>
            <a:spLocks noGrp="1"/>
          </p:cNvSpPr>
          <p:nvPr>
            <p:ph type="body" sz="quarter" idx="21" hasCustomPrompt="1"/>
          </p:nvPr>
        </p:nvSpPr>
        <p:spPr>
          <a:xfrm>
            <a:off x="6761424"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7" name="Text Placeholder 6">
            <a:extLst>
              <a:ext uri="{FF2B5EF4-FFF2-40B4-BE49-F238E27FC236}">
                <a16:creationId xmlns:a16="http://schemas.microsoft.com/office/drawing/2014/main" id="{1705EA34-F205-794A-B2C1-F7E188DFA5FF}"/>
              </a:ext>
            </a:extLst>
          </p:cNvPr>
          <p:cNvSpPr>
            <a:spLocks noGrp="1"/>
          </p:cNvSpPr>
          <p:nvPr>
            <p:ph type="body" sz="quarter" idx="20" hasCustomPrompt="1"/>
          </p:nvPr>
        </p:nvSpPr>
        <p:spPr>
          <a:xfrm>
            <a:off x="3667125"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8" name="Text Placeholder 5">
            <a:extLst>
              <a:ext uri="{FF2B5EF4-FFF2-40B4-BE49-F238E27FC236}">
                <a16:creationId xmlns:a16="http://schemas.microsoft.com/office/drawing/2014/main" id="{382AB516-4FA9-E44F-84F4-79461D37E775}"/>
              </a:ext>
            </a:extLst>
          </p:cNvPr>
          <p:cNvSpPr>
            <a:spLocks noGrp="1"/>
          </p:cNvSpPr>
          <p:nvPr>
            <p:ph type="body" sz="quarter" idx="19" hasCustomPrompt="1"/>
          </p:nvPr>
        </p:nvSpPr>
        <p:spPr>
          <a:xfrm>
            <a:off x="572826" y="39379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19" name="Text Placeholder 4">
            <a:extLst>
              <a:ext uri="{FF2B5EF4-FFF2-40B4-BE49-F238E27FC236}">
                <a16:creationId xmlns:a16="http://schemas.microsoft.com/office/drawing/2014/main" id="{C610DE96-0419-8447-B9C4-A2087889C253}"/>
              </a:ext>
            </a:extLst>
          </p:cNvPr>
          <p:cNvSpPr>
            <a:spLocks noGrp="1"/>
          </p:cNvSpPr>
          <p:nvPr>
            <p:ph type="body" sz="quarter" idx="25" hasCustomPrompt="1"/>
          </p:nvPr>
        </p:nvSpPr>
        <p:spPr>
          <a:xfrm>
            <a:off x="9855723"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0" name="Text Placeholder 3">
            <a:extLst>
              <a:ext uri="{FF2B5EF4-FFF2-40B4-BE49-F238E27FC236}">
                <a16:creationId xmlns:a16="http://schemas.microsoft.com/office/drawing/2014/main" id="{881D7FFF-B285-0641-B8DE-780FF3A7003E}"/>
              </a:ext>
            </a:extLst>
          </p:cNvPr>
          <p:cNvSpPr>
            <a:spLocks noGrp="1"/>
          </p:cNvSpPr>
          <p:nvPr>
            <p:ph type="body" sz="quarter" idx="24" hasCustomPrompt="1"/>
          </p:nvPr>
        </p:nvSpPr>
        <p:spPr>
          <a:xfrm>
            <a:off x="6761424"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1" name="Text Placeholder 2">
            <a:extLst>
              <a:ext uri="{FF2B5EF4-FFF2-40B4-BE49-F238E27FC236}">
                <a16:creationId xmlns:a16="http://schemas.microsoft.com/office/drawing/2014/main" id="{DE3AB5EF-ECE4-2742-A05E-93AE88A8BE38}"/>
              </a:ext>
            </a:extLst>
          </p:cNvPr>
          <p:cNvSpPr>
            <a:spLocks noGrp="1"/>
          </p:cNvSpPr>
          <p:nvPr>
            <p:ph type="body" sz="quarter" idx="23" hasCustomPrompt="1"/>
          </p:nvPr>
        </p:nvSpPr>
        <p:spPr>
          <a:xfrm>
            <a:off x="3667125"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22" name="Text Placeholder 1">
            <a:extLst>
              <a:ext uri="{FF2B5EF4-FFF2-40B4-BE49-F238E27FC236}">
                <a16:creationId xmlns:a16="http://schemas.microsoft.com/office/drawing/2014/main" id="{20685C7A-C5E1-0741-96CF-772D1DDB0C42}"/>
              </a:ext>
            </a:extLst>
          </p:cNvPr>
          <p:cNvSpPr>
            <a:spLocks noGrp="1"/>
          </p:cNvSpPr>
          <p:nvPr>
            <p:ph type="body" sz="quarter" idx="18" hasCustomPrompt="1"/>
          </p:nvPr>
        </p:nvSpPr>
        <p:spPr>
          <a:xfrm>
            <a:off x="572826" y="502081"/>
            <a:ext cx="1638300" cy="312737"/>
          </a:xfrm>
        </p:spPr>
        <p:txBody>
          <a:bodyPr/>
          <a:lstStyle>
            <a:lvl1pPr marL="0" indent="0" algn="ctr">
              <a:buNone/>
              <a:defRPr sz="2000" b="1" i="0">
                <a:latin typeface="Arial" panose="020B0604020202020204" pitchFamily="34" charset="0"/>
                <a:cs typeface="Arial" panose="020B0604020202020204" pitchFamily="34" charset="0"/>
              </a:defRPr>
            </a:lvl1pPr>
          </a:lstStyle>
          <a:p>
            <a:pPr lvl="0"/>
            <a:r>
              <a:rPr lang="en-US"/>
              <a:t>Title </a:t>
            </a:r>
          </a:p>
        </p:txBody>
      </p:sp>
      <p:sp>
        <p:nvSpPr>
          <p:cNvPr id="3" name="Text Placeholder 2">
            <a:extLst>
              <a:ext uri="{FF2B5EF4-FFF2-40B4-BE49-F238E27FC236}">
                <a16:creationId xmlns:a16="http://schemas.microsoft.com/office/drawing/2014/main" id="{D5EB20CC-AB2F-1C49-8176-CC676B0EE9F5}"/>
              </a:ext>
            </a:extLst>
          </p:cNvPr>
          <p:cNvSpPr>
            <a:spLocks noGrp="1"/>
          </p:cNvSpPr>
          <p:nvPr>
            <p:ph type="body" sz="quarter" idx="26" hasCustomPrompt="1"/>
          </p:nvPr>
        </p:nvSpPr>
        <p:spPr>
          <a:xfrm>
            <a:off x="309529"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5" name="Text Placeholder 2">
            <a:extLst>
              <a:ext uri="{FF2B5EF4-FFF2-40B4-BE49-F238E27FC236}">
                <a16:creationId xmlns:a16="http://schemas.microsoft.com/office/drawing/2014/main" id="{952914A5-4ECB-3947-8693-9B5FDEAA802E}"/>
              </a:ext>
            </a:extLst>
          </p:cNvPr>
          <p:cNvSpPr>
            <a:spLocks noGrp="1"/>
          </p:cNvSpPr>
          <p:nvPr>
            <p:ph type="body" sz="quarter" idx="27" hasCustomPrompt="1"/>
          </p:nvPr>
        </p:nvSpPr>
        <p:spPr>
          <a:xfrm>
            <a:off x="3398858"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6" name="Text Placeholder 2">
            <a:extLst>
              <a:ext uri="{FF2B5EF4-FFF2-40B4-BE49-F238E27FC236}">
                <a16:creationId xmlns:a16="http://schemas.microsoft.com/office/drawing/2014/main" id="{0EA7E48B-E69E-8645-95EC-34F022A79223}"/>
              </a:ext>
            </a:extLst>
          </p:cNvPr>
          <p:cNvSpPr>
            <a:spLocks noGrp="1"/>
          </p:cNvSpPr>
          <p:nvPr>
            <p:ph type="body" sz="quarter" idx="28" hasCustomPrompt="1"/>
          </p:nvPr>
        </p:nvSpPr>
        <p:spPr>
          <a:xfrm>
            <a:off x="6488187"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7" name="Text Placeholder 2">
            <a:extLst>
              <a:ext uri="{FF2B5EF4-FFF2-40B4-BE49-F238E27FC236}">
                <a16:creationId xmlns:a16="http://schemas.microsoft.com/office/drawing/2014/main" id="{0044843F-6F50-DA44-A9E9-0B01B301AC9D}"/>
              </a:ext>
            </a:extLst>
          </p:cNvPr>
          <p:cNvSpPr>
            <a:spLocks noGrp="1"/>
          </p:cNvSpPr>
          <p:nvPr>
            <p:ph type="body" sz="quarter" idx="29" hasCustomPrompt="1"/>
          </p:nvPr>
        </p:nvSpPr>
        <p:spPr>
          <a:xfrm>
            <a:off x="9577516" y="12618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8" name="Text Placeholder 2">
            <a:extLst>
              <a:ext uri="{FF2B5EF4-FFF2-40B4-BE49-F238E27FC236}">
                <a16:creationId xmlns:a16="http://schemas.microsoft.com/office/drawing/2014/main" id="{BA6079BA-46FD-0B47-BEFC-D0D5CD4E2D8F}"/>
              </a:ext>
            </a:extLst>
          </p:cNvPr>
          <p:cNvSpPr>
            <a:spLocks noGrp="1"/>
          </p:cNvSpPr>
          <p:nvPr>
            <p:ph type="body" sz="quarter" idx="30" hasCustomPrompt="1"/>
          </p:nvPr>
        </p:nvSpPr>
        <p:spPr>
          <a:xfrm>
            <a:off x="309529"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39" name="Text Placeholder 2">
            <a:extLst>
              <a:ext uri="{FF2B5EF4-FFF2-40B4-BE49-F238E27FC236}">
                <a16:creationId xmlns:a16="http://schemas.microsoft.com/office/drawing/2014/main" id="{4AE0F951-299F-434F-B82B-8B84BFDF996A}"/>
              </a:ext>
            </a:extLst>
          </p:cNvPr>
          <p:cNvSpPr>
            <a:spLocks noGrp="1"/>
          </p:cNvSpPr>
          <p:nvPr>
            <p:ph type="body" sz="quarter" idx="31" hasCustomPrompt="1"/>
          </p:nvPr>
        </p:nvSpPr>
        <p:spPr>
          <a:xfrm>
            <a:off x="3471184"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0" name="Text Placeholder 2">
            <a:extLst>
              <a:ext uri="{FF2B5EF4-FFF2-40B4-BE49-F238E27FC236}">
                <a16:creationId xmlns:a16="http://schemas.microsoft.com/office/drawing/2014/main" id="{C527E74E-7FE9-A84D-B482-E74554D363F3}"/>
              </a:ext>
            </a:extLst>
          </p:cNvPr>
          <p:cNvSpPr>
            <a:spLocks noGrp="1"/>
          </p:cNvSpPr>
          <p:nvPr>
            <p:ph type="body" sz="quarter" idx="32" hasCustomPrompt="1"/>
          </p:nvPr>
        </p:nvSpPr>
        <p:spPr>
          <a:xfrm>
            <a:off x="6477855"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
        <p:nvSpPr>
          <p:cNvPr id="41" name="Text Placeholder 2">
            <a:extLst>
              <a:ext uri="{FF2B5EF4-FFF2-40B4-BE49-F238E27FC236}">
                <a16:creationId xmlns:a16="http://schemas.microsoft.com/office/drawing/2014/main" id="{59DC1732-1A7A-CD4A-8070-58309C87658F}"/>
              </a:ext>
            </a:extLst>
          </p:cNvPr>
          <p:cNvSpPr>
            <a:spLocks noGrp="1"/>
          </p:cNvSpPr>
          <p:nvPr>
            <p:ph type="body" sz="quarter" idx="33" hasCustomPrompt="1"/>
          </p:nvPr>
        </p:nvSpPr>
        <p:spPr>
          <a:xfrm>
            <a:off x="9577516" y="4697785"/>
            <a:ext cx="2301799" cy="1425575"/>
          </a:xfrm>
        </p:spPr>
        <p:txBody>
          <a:bodyPr>
            <a:noAutofit/>
          </a:bodyPr>
          <a:lstStyle>
            <a:lvl1pPr marL="0" indent="0">
              <a:buNone/>
              <a:defRPr sz="1400" b="0" i="0">
                <a:latin typeface="Arial" panose="020B0604020202020204" pitchFamily="34" charset="0"/>
                <a:cs typeface="Arial" panose="020B0604020202020204" pitchFamily="34" charset="0"/>
              </a:defRPr>
            </a:lvl1pPr>
            <a:lvl2pPr marL="457200" indent="0">
              <a:buNone/>
              <a:defRPr sz="1800" b="0" i="0">
                <a:latin typeface="Arial" panose="020B0604020202020204" pitchFamily="34" charset="0"/>
                <a:cs typeface="Arial" panose="020B0604020202020204" pitchFamily="34" charset="0"/>
              </a:defRPr>
            </a:lvl2pPr>
            <a:lvl3pPr marL="914400" indent="0">
              <a:buNone/>
              <a:defRPr sz="1800" b="0" i="0">
                <a:latin typeface="Arial" panose="020B0604020202020204" pitchFamily="34" charset="0"/>
                <a:cs typeface="Arial" panose="020B0604020202020204" pitchFamily="34" charset="0"/>
              </a:defRPr>
            </a:lvl3pPr>
            <a:lvl4pPr marL="1371600" indent="0">
              <a:buNone/>
              <a:defRPr sz="1800" b="0" i="0">
                <a:latin typeface="Arial" panose="020B0604020202020204" pitchFamily="34" charset="0"/>
                <a:cs typeface="Arial" panose="020B0604020202020204" pitchFamily="34" charset="0"/>
              </a:defRPr>
            </a:lvl4pPr>
            <a:lvl5pPr marL="1828800" indent="0">
              <a:buNone/>
              <a:defRPr sz="1800" b="0" i="0">
                <a:latin typeface="Arial" panose="020B0604020202020204" pitchFamily="34" charset="0"/>
                <a:cs typeface="Arial" panose="020B0604020202020204" pitchFamily="34" charset="0"/>
              </a:defRPr>
            </a:lvl5pPr>
          </a:lstStyle>
          <a:p>
            <a:pPr lvl="0"/>
            <a:r>
              <a:rPr lang="en-US"/>
              <a:t>Body text is Arial Regular, 14pt. Lorem ipsum dolor sit amet. Lorem ipsum dolor sit amet. </a:t>
            </a:r>
          </a:p>
        </p:txBody>
      </p:sp>
    </p:spTree>
    <p:extLst>
      <p:ext uri="{BB962C8B-B14F-4D97-AF65-F5344CB8AC3E}">
        <p14:creationId xmlns:p14="http://schemas.microsoft.com/office/powerpoint/2010/main" val="14541429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blank" preserve="1">
  <p:cSld name="Dark Gradient Light Map">
    <p:spTree>
      <p:nvGrpSpPr>
        <p:cNvPr id="1" name=""/>
        <p:cNvGrpSpPr/>
        <p:nvPr/>
      </p:nvGrpSpPr>
      <p:grpSpPr>
        <a:xfrm>
          <a:off x="0" y="0"/>
          <a:ext cx="0" cy="0"/>
          <a:chOff x="0" y="0"/>
          <a:chExt cx="0" cy="0"/>
        </a:xfrm>
      </p:grpSpPr>
      <p:pic>
        <p:nvPicPr>
          <p:cNvPr id="40" name="Picture 39" descr="Shape, background pattern&#10;&#10;Description automatically generated">
            <a:extLst>
              <a:ext uri="{FF2B5EF4-FFF2-40B4-BE49-F238E27FC236}">
                <a16:creationId xmlns:a16="http://schemas.microsoft.com/office/drawing/2014/main" id="{AC6C15D6-3AB6-47D7-9519-4C5EAB5E161A}"/>
              </a:ext>
            </a:extLst>
          </p:cNvPr>
          <p:cNvPicPr>
            <a:picLocks noChangeAspect="1"/>
          </p:cNvPicPr>
          <p:nvPr userDrawn="1"/>
        </p:nvPicPr>
        <p:blipFill>
          <a:blip r:embed="rId2"/>
          <a:stretch>
            <a:fillRect/>
          </a:stretch>
        </p:blipFill>
        <p:spPr>
          <a:xfrm>
            <a:off x="0" y="0"/>
            <a:ext cx="12192000" cy="6858000"/>
          </a:xfrm>
          <a:prstGeom prst="rect">
            <a:avLst/>
          </a:prstGeom>
        </p:spPr>
      </p:pic>
      <p:grpSp>
        <p:nvGrpSpPr>
          <p:cNvPr id="2" name="MAP">
            <a:extLst>
              <a:ext uri="{FF2B5EF4-FFF2-40B4-BE49-F238E27FC236}">
                <a16:creationId xmlns:a16="http://schemas.microsoft.com/office/drawing/2014/main" id="{D32EE7DD-26AA-E844-A555-11F520C7AB45}"/>
              </a:ext>
            </a:extLst>
          </p:cNvPr>
          <p:cNvGrpSpPr/>
          <p:nvPr userDrawn="1"/>
        </p:nvGrpSpPr>
        <p:grpSpPr>
          <a:xfrm rot="18900000">
            <a:off x="-6954241" y="-3917138"/>
            <a:ext cx="14840962" cy="11642818"/>
            <a:chOff x="-845114" y="-4636789"/>
            <a:chExt cx="14840962" cy="11642818"/>
          </a:xfrm>
          <a:solidFill>
            <a:schemeClr val="tx2">
              <a:alpha val="24000"/>
            </a:schemeClr>
          </a:solidFill>
        </p:grpSpPr>
        <p:sp>
          <p:nvSpPr>
            <p:cNvPr id="3" name="Freeform: Shape 110">
              <a:extLst>
                <a:ext uri="{FF2B5EF4-FFF2-40B4-BE49-F238E27FC236}">
                  <a16:creationId xmlns:a16="http://schemas.microsoft.com/office/drawing/2014/main" id="{C103AB1F-BFAA-3F44-A569-C2CF48DDF0C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4" name="Freeform: Shape 113">
              <a:extLst>
                <a:ext uri="{FF2B5EF4-FFF2-40B4-BE49-F238E27FC236}">
                  <a16:creationId xmlns:a16="http://schemas.microsoft.com/office/drawing/2014/main" id="{8DE9CFD7-258C-D841-93E9-3D260CD61803}"/>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5" name="Freeform: Shape 114">
              <a:extLst>
                <a:ext uri="{FF2B5EF4-FFF2-40B4-BE49-F238E27FC236}">
                  <a16:creationId xmlns:a16="http://schemas.microsoft.com/office/drawing/2014/main" id="{488F77D7-6BF4-B545-8B60-D5F40B645682}"/>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6" name="Freeform: Shape 116">
              <a:extLst>
                <a:ext uri="{FF2B5EF4-FFF2-40B4-BE49-F238E27FC236}">
                  <a16:creationId xmlns:a16="http://schemas.microsoft.com/office/drawing/2014/main" id="{0D241E43-AF84-A143-8F0C-76069C63CAAA}"/>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7" name="Freeform: Shape 118">
              <a:extLst>
                <a:ext uri="{FF2B5EF4-FFF2-40B4-BE49-F238E27FC236}">
                  <a16:creationId xmlns:a16="http://schemas.microsoft.com/office/drawing/2014/main" id="{39739B7B-948E-304F-8862-BA684024A767}"/>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20">
              <a:extLst>
                <a:ext uri="{FF2B5EF4-FFF2-40B4-BE49-F238E27FC236}">
                  <a16:creationId xmlns:a16="http://schemas.microsoft.com/office/drawing/2014/main" id="{99B3317C-4304-164F-9274-D2030AEFD59F}"/>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21">
              <a:extLst>
                <a:ext uri="{FF2B5EF4-FFF2-40B4-BE49-F238E27FC236}">
                  <a16:creationId xmlns:a16="http://schemas.microsoft.com/office/drawing/2014/main" id="{33A0E37B-DBB7-1046-9A4E-24A14DA60043}"/>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22">
              <a:extLst>
                <a:ext uri="{FF2B5EF4-FFF2-40B4-BE49-F238E27FC236}">
                  <a16:creationId xmlns:a16="http://schemas.microsoft.com/office/drawing/2014/main" id="{EF68D480-71F4-9846-A90E-545C3AF49647}"/>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23">
              <a:extLst>
                <a:ext uri="{FF2B5EF4-FFF2-40B4-BE49-F238E27FC236}">
                  <a16:creationId xmlns:a16="http://schemas.microsoft.com/office/drawing/2014/main" id="{A61E2555-3421-FE44-88FC-ABB0B93B2EFA}"/>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24">
              <a:extLst>
                <a:ext uri="{FF2B5EF4-FFF2-40B4-BE49-F238E27FC236}">
                  <a16:creationId xmlns:a16="http://schemas.microsoft.com/office/drawing/2014/main" id="{F05F3E8A-B04D-4241-93F4-47EB83926F18}"/>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5">
              <a:extLst>
                <a:ext uri="{FF2B5EF4-FFF2-40B4-BE49-F238E27FC236}">
                  <a16:creationId xmlns:a16="http://schemas.microsoft.com/office/drawing/2014/main" id="{4C47E319-1D43-4744-BAE7-87CE97CEA1BA}"/>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6">
              <a:extLst>
                <a:ext uri="{FF2B5EF4-FFF2-40B4-BE49-F238E27FC236}">
                  <a16:creationId xmlns:a16="http://schemas.microsoft.com/office/drawing/2014/main" id="{CE867A42-4EA7-E04C-A2C9-4E7D215E7991}"/>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7">
              <a:extLst>
                <a:ext uri="{FF2B5EF4-FFF2-40B4-BE49-F238E27FC236}">
                  <a16:creationId xmlns:a16="http://schemas.microsoft.com/office/drawing/2014/main" id="{271A3659-FF3C-F94F-AF16-4AF15D9E8B31}"/>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8">
              <a:extLst>
                <a:ext uri="{FF2B5EF4-FFF2-40B4-BE49-F238E27FC236}">
                  <a16:creationId xmlns:a16="http://schemas.microsoft.com/office/drawing/2014/main" id="{DB0A916A-3A5B-D44F-B2BF-B9BAF9725667}"/>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30">
              <a:extLst>
                <a:ext uri="{FF2B5EF4-FFF2-40B4-BE49-F238E27FC236}">
                  <a16:creationId xmlns:a16="http://schemas.microsoft.com/office/drawing/2014/main" id="{AFD7E3D7-C460-D142-AE53-45551C21C4EC}"/>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51">
              <a:extLst>
                <a:ext uri="{FF2B5EF4-FFF2-40B4-BE49-F238E27FC236}">
                  <a16:creationId xmlns:a16="http://schemas.microsoft.com/office/drawing/2014/main" id="{D6B71BA4-C67E-E14D-B85C-91517B8FC318}"/>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54">
              <a:extLst>
                <a:ext uri="{FF2B5EF4-FFF2-40B4-BE49-F238E27FC236}">
                  <a16:creationId xmlns:a16="http://schemas.microsoft.com/office/drawing/2014/main" id="{A1988B17-22F8-7340-A2F4-4D5BA0B02B91}"/>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56">
              <a:extLst>
                <a:ext uri="{FF2B5EF4-FFF2-40B4-BE49-F238E27FC236}">
                  <a16:creationId xmlns:a16="http://schemas.microsoft.com/office/drawing/2014/main" id="{F88EB3F5-A6FE-C64A-A18E-E03DD8FAAE58}"/>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grpSp>
        <p:nvGrpSpPr>
          <p:cNvPr id="21" name="MAP">
            <a:extLst>
              <a:ext uri="{FF2B5EF4-FFF2-40B4-BE49-F238E27FC236}">
                <a16:creationId xmlns:a16="http://schemas.microsoft.com/office/drawing/2014/main" id="{9E585865-54C5-784A-BAC2-E7435F5596FA}"/>
              </a:ext>
            </a:extLst>
          </p:cNvPr>
          <p:cNvGrpSpPr/>
          <p:nvPr userDrawn="1"/>
        </p:nvGrpSpPr>
        <p:grpSpPr>
          <a:xfrm rot="18900000">
            <a:off x="4516352" y="2605403"/>
            <a:ext cx="14840962" cy="11642818"/>
            <a:chOff x="-845114" y="-4636789"/>
            <a:chExt cx="14840962" cy="11642818"/>
          </a:xfrm>
          <a:solidFill>
            <a:schemeClr val="tx2">
              <a:alpha val="16000"/>
            </a:schemeClr>
          </a:solidFill>
        </p:grpSpPr>
        <p:sp>
          <p:nvSpPr>
            <p:cNvPr id="22" name="Freeform: Shape 110">
              <a:extLst>
                <a:ext uri="{FF2B5EF4-FFF2-40B4-BE49-F238E27FC236}">
                  <a16:creationId xmlns:a16="http://schemas.microsoft.com/office/drawing/2014/main" id="{BBE0E058-F258-774D-B734-05ECC66554DA}"/>
                </a:ext>
              </a:extLst>
            </p:cNvPr>
            <p:cNvSpPr/>
            <p:nvPr/>
          </p:nvSpPr>
          <p:spPr>
            <a:xfrm rot="17341682">
              <a:off x="2771257" y="-1916611"/>
              <a:ext cx="5306269" cy="1253901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13">
              <a:extLst>
                <a:ext uri="{FF2B5EF4-FFF2-40B4-BE49-F238E27FC236}">
                  <a16:creationId xmlns:a16="http://schemas.microsoft.com/office/drawing/2014/main" id="{6AC9A1CD-0A96-444E-98CF-C5C2A92C6B9C}"/>
                </a:ext>
              </a:extLst>
            </p:cNvPr>
            <p:cNvSpPr/>
            <p:nvPr/>
          </p:nvSpPr>
          <p:spPr>
            <a:xfrm rot="17341682">
              <a:off x="2962684" y="-2480476"/>
              <a:ext cx="5310737" cy="1254015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14">
              <a:extLst>
                <a:ext uri="{FF2B5EF4-FFF2-40B4-BE49-F238E27FC236}">
                  <a16:creationId xmlns:a16="http://schemas.microsoft.com/office/drawing/2014/main" id="{CFA0E887-1207-3545-BEA4-6F58ECC7E899}"/>
                </a:ext>
              </a:extLst>
            </p:cNvPr>
            <p:cNvSpPr/>
            <p:nvPr/>
          </p:nvSpPr>
          <p:spPr>
            <a:xfrm rot="17341682">
              <a:off x="2911742" y="-2854099"/>
              <a:ext cx="5669873" cy="12540482"/>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16">
              <a:extLst>
                <a:ext uri="{FF2B5EF4-FFF2-40B4-BE49-F238E27FC236}">
                  <a16:creationId xmlns:a16="http://schemas.microsoft.com/office/drawing/2014/main" id="{772581A1-EA4E-5B4D-9E0A-01FCD0A3075E}"/>
                </a:ext>
              </a:extLst>
            </p:cNvPr>
            <p:cNvSpPr/>
            <p:nvPr/>
          </p:nvSpPr>
          <p:spPr>
            <a:xfrm rot="17341682">
              <a:off x="2907007" y="-3145473"/>
              <a:ext cx="5882143" cy="12539176"/>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18">
              <a:extLst>
                <a:ext uri="{FF2B5EF4-FFF2-40B4-BE49-F238E27FC236}">
                  <a16:creationId xmlns:a16="http://schemas.microsoft.com/office/drawing/2014/main" id="{B491E8E3-C94C-4342-AB25-63A0BC21F1A5}"/>
                </a:ext>
              </a:extLst>
            </p:cNvPr>
            <p:cNvSpPr/>
            <p:nvPr/>
          </p:nvSpPr>
          <p:spPr>
            <a:xfrm rot="17341682">
              <a:off x="2923795" y="-3378563"/>
              <a:ext cx="6010258" cy="12538523"/>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20">
              <a:extLst>
                <a:ext uri="{FF2B5EF4-FFF2-40B4-BE49-F238E27FC236}">
                  <a16:creationId xmlns:a16="http://schemas.microsoft.com/office/drawing/2014/main" id="{CDC455E6-11CD-E94E-81CB-08D67EE4B514}"/>
                </a:ext>
              </a:extLst>
            </p:cNvPr>
            <p:cNvSpPr/>
            <p:nvPr/>
          </p:nvSpPr>
          <p:spPr>
            <a:xfrm rot="17341682">
              <a:off x="3097380" y="-4504484"/>
              <a:ext cx="6436273" cy="1254244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21">
              <a:extLst>
                <a:ext uri="{FF2B5EF4-FFF2-40B4-BE49-F238E27FC236}">
                  <a16:creationId xmlns:a16="http://schemas.microsoft.com/office/drawing/2014/main" id="{8D9FD592-D3B9-FF4A-9D1D-33BBCB5531E2}"/>
                </a:ext>
              </a:extLst>
            </p:cNvPr>
            <p:cNvSpPr/>
            <p:nvPr/>
          </p:nvSpPr>
          <p:spPr>
            <a:xfrm rot="17341682">
              <a:off x="3331757" y="-4982976"/>
              <a:ext cx="6298811" cy="1254080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22">
              <a:extLst>
                <a:ext uri="{FF2B5EF4-FFF2-40B4-BE49-F238E27FC236}">
                  <a16:creationId xmlns:a16="http://schemas.microsoft.com/office/drawing/2014/main" id="{399997F2-EC82-9748-90A8-FBD425D9449C}"/>
                </a:ext>
              </a:extLst>
            </p:cNvPr>
            <p:cNvSpPr/>
            <p:nvPr/>
          </p:nvSpPr>
          <p:spPr>
            <a:xfrm rot="17341682">
              <a:off x="3408736" y="-5384880"/>
              <a:ext cx="6421491" cy="12540482"/>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23">
              <a:extLst>
                <a:ext uri="{FF2B5EF4-FFF2-40B4-BE49-F238E27FC236}">
                  <a16:creationId xmlns:a16="http://schemas.microsoft.com/office/drawing/2014/main" id="{3CB03361-8684-774B-8509-F640E72D9830}"/>
                </a:ext>
              </a:extLst>
            </p:cNvPr>
            <p:cNvSpPr/>
            <p:nvPr/>
          </p:nvSpPr>
          <p:spPr>
            <a:xfrm rot="17341682">
              <a:off x="3505865" y="-5658616"/>
              <a:ext cx="6413063" cy="12542114"/>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24">
              <a:extLst>
                <a:ext uri="{FF2B5EF4-FFF2-40B4-BE49-F238E27FC236}">
                  <a16:creationId xmlns:a16="http://schemas.microsoft.com/office/drawing/2014/main" id="{055CA5DB-4005-7140-A74F-D57384AD391A}"/>
                </a:ext>
              </a:extLst>
            </p:cNvPr>
            <p:cNvSpPr/>
            <p:nvPr/>
          </p:nvSpPr>
          <p:spPr>
            <a:xfrm rot="17341682">
              <a:off x="3533401" y="-6161370"/>
              <a:ext cx="6707393" cy="12539990"/>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25">
              <a:extLst>
                <a:ext uri="{FF2B5EF4-FFF2-40B4-BE49-F238E27FC236}">
                  <a16:creationId xmlns:a16="http://schemas.microsoft.com/office/drawing/2014/main" id="{A3AE106C-8C5F-BF43-829B-6B7E13BC1923}"/>
                </a:ext>
              </a:extLst>
            </p:cNvPr>
            <p:cNvSpPr/>
            <p:nvPr/>
          </p:nvSpPr>
          <p:spPr>
            <a:xfrm rot="17341682">
              <a:off x="3500225" y="-6437797"/>
              <a:ext cx="6968092" cy="1253982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26">
              <a:extLst>
                <a:ext uri="{FF2B5EF4-FFF2-40B4-BE49-F238E27FC236}">
                  <a16:creationId xmlns:a16="http://schemas.microsoft.com/office/drawing/2014/main" id="{259C98DE-BDA3-394E-9A45-F330E053FA77}"/>
                </a:ext>
              </a:extLst>
            </p:cNvPr>
            <p:cNvSpPr/>
            <p:nvPr/>
          </p:nvSpPr>
          <p:spPr>
            <a:xfrm rot="17341682">
              <a:off x="3549248" y="-6676868"/>
              <a:ext cx="7032894" cy="1254227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27">
              <a:extLst>
                <a:ext uri="{FF2B5EF4-FFF2-40B4-BE49-F238E27FC236}">
                  <a16:creationId xmlns:a16="http://schemas.microsoft.com/office/drawing/2014/main" id="{43800EEE-C0FF-A04D-9E7E-B4E8484A437F}"/>
                </a:ext>
              </a:extLst>
            </p:cNvPr>
            <p:cNvSpPr/>
            <p:nvPr/>
          </p:nvSpPr>
          <p:spPr>
            <a:xfrm rot="17341682">
              <a:off x="3596301" y="-6890364"/>
              <a:ext cx="7088083" cy="12537868"/>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28">
              <a:extLst>
                <a:ext uri="{FF2B5EF4-FFF2-40B4-BE49-F238E27FC236}">
                  <a16:creationId xmlns:a16="http://schemas.microsoft.com/office/drawing/2014/main" id="{0C99969E-33A0-2A48-BB38-9EB5DC6F8331}"/>
                </a:ext>
              </a:extLst>
            </p:cNvPr>
            <p:cNvSpPr/>
            <p:nvPr/>
          </p:nvSpPr>
          <p:spPr>
            <a:xfrm rot="17341682">
              <a:off x="4545301" y="-7948490"/>
              <a:ext cx="5915447" cy="12538849"/>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30">
              <a:extLst>
                <a:ext uri="{FF2B5EF4-FFF2-40B4-BE49-F238E27FC236}">
                  <a16:creationId xmlns:a16="http://schemas.microsoft.com/office/drawing/2014/main" id="{23273B6D-248E-F948-98D3-96ECC7B05986}"/>
                </a:ext>
              </a:extLst>
            </p:cNvPr>
            <p:cNvSpPr/>
            <p:nvPr/>
          </p:nvSpPr>
          <p:spPr>
            <a:xfrm rot="17341682">
              <a:off x="10004477" y="-3895385"/>
              <a:ext cx="3484988" cy="4497755"/>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51">
              <a:extLst>
                <a:ext uri="{FF2B5EF4-FFF2-40B4-BE49-F238E27FC236}">
                  <a16:creationId xmlns:a16="http://schemas.microsoft.com/office/drawing/2014/main" id="{2ED63F54-4EBA-1142-AACD-C1195FD07066}"/>
                </a:ext>
              </a:extLst>
            </p:cNvPr>
            <p:cNvSpPr/>
            <p:nvPr/>
          </p:nvSpPr>
          <p:spPr>
            <a:xfrm rot="17341682">
              <a:off x="3020104" y="-2231520"/>
              <a:ext cx="5022111" cy="1254015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54">
              <a:extLst>
                <a:ext uri="{FF2B5EF4-FFF2-40B4-BE49-F238E27FC236}">
                  <a16:creationId xmlns:a16="http://schemas.microsoft.com/office/drawing/2014/main" id="{16569B83-69A7-3240-A752-031F34E99E77}"/>
                </a:ext>
              </a:extLst>
            </p:cNvPr>
            <p:cNvSpPr/>
            <p:nvPr/>
          </p:nvSpPr>
          <p:spPr>
            <a:xfrm rot="17341682">
              <a:off x="2984205" y="-3828809"/>
              <a:ext cx="6197253" cy="12540482"/>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56">
              <a:extLst>
                <a:ext uri="{FF2B5EF4-FFF2-40B4-BE49-F238E27FC236}">
                  <a16:creationId xmlns:a16="http://schemas.microsoft.com/office/drawing/2014/main" id="{EE8E8817-C5F7-5544-A870-A3DD96ADCA5C}"/>
                </a:ext>
              </a:extLst>
            </p:cNvPr>
            <p:cNvSpPr/>
            <p:nvPr/>
          </p:nvSpPr>
          <p:spPr>
            <a:xfrm rot="17341682">
              <a:off x="4257591" y="-7559791"/>
              <a:ext cx="6222326" cy="12542114"/>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361516398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Dark Gradient Background">
    <p:spTree>
      <p:nvGrpSpPr>
        <p:cNvPr id="1" name=""/>
        <p:cNvGrpSpPr/>
        <p:nvPr/>
      </p:nvGrpSpPr>
      <p:grpSpPr>
        <a:xfrm>
          <a:off x="0" y="0"/>
          <a:ext cx="0" cy="0"/>
          <a:chOff x="0" y="0"/>
          <a:chExt cx="0" cy="0"/>
        </a:xfrm>
      </p:grpSpPr>
      <p:pic>
        <p:nvPicPr>
          <p:cNvPr id="2" name="Picture 1" descr="Shape, background pattern&#10;&#10;Description automatically generated">
            <a:extLst>
              <a:ext uri="{FF2B5EF4-FFF2-40B4-BE49-F238E27FC236}">
                <a16:creationId xmlns:a16="http://schemas.microsoft.com/office/drawing/2014/main" id="{AFB43926-2275-4E6C-A530-823ECECAAA03}"/>
              </a:ext>
            </a:extLst>
          </p:cNvPr>
          <p:cNvPicPr>
            <a:picLocks noChangeAspect="1"/>
          </p:cNvPicPr>
          <p:nvPr userDrawn="1"/>
        </p:nvPicPr>
        <p:blipFill>
          <a:blip r:embed="rId2"/>
          <a:stretch>
            <a:fillRect/>
          </a:stretch>
        </p:blipFill>
        <p:spPr>
          <a:xfrm>
            <a:off x="0" y="0"/>
            <a:ext cx="12192000" cy="6858000"/>
          </a:xfrm>
          <a:prstGeom prst="rect">
            <a:avLst/>
          </a:prstGeom>
        </p:spPr>
      </p:pic>
    </p:spTree>
    <p:extLst>
      <p:ext uri="{BB962C8B-B14F-4D97-AF65-F5344CB8AC3E}">
        <p14:creationId xmlns:p14="http://schemas.microsoft.com/office/powerpoint/2010/main" val="8952243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DarkBlue">
    <p:bg>
      <p:bgRef idx="1001">
        <a:schemeClr val="bg1"/>
      </p:bgRef>
    </p:bg>
    <p:spTree>
      <p:nvGrpSpPr>
        <p:cNvPr id="1" name=""/>
        <p:cNvGrpSpPr/>
        <p:nvPr/>
      </p:nvGrpSpPr>
      <p:grpSpPr>
        <a:xfrm>
          <a:off x="0" y="0"/>
          <a:ext cx="0" cy="0"/>
          <a:chOff x="0" y="0"/>
          <a:chExt cx="0" cy="0"/>
        </a:xfrm>
      </p:grpSpPr>
      <p:sp>
        <p:nvSpPr>
          <p:cNvPr id="7" name="Grey Background">
            <a:extLst>
              <a:ext uri="{FF2B5EF4-FFF2-40B4-BE49-F238E27FC236}">
                <a16:creationId xmlns:a16="http://schemas.microsoft.com/office/drawing/2014/main" id="{1566FA70-9627-F447-BE92-28D9F90029D1}"/>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pic>
        <p:nvPicPr>
          <p:cNvPr id="90" name="Map PNG" descr="A close up of a web coral&#10;&#10;Description automatically generated">
            <a:extLst>
              <a:ext uri="{FF2B5EF4-FFF2-40B4-BE49-F238E27FC236}">
                <a16:creationId xmlns:a16="http://schemas.microsoft.com/office/drawing/2014/main" id="{A228A4E5-2056-544E-997C-225C6DC09338}"/>
              </a:ext>
            </a:extLst>
          </p:cNvPr>
          <p:cNvPicPr>
            <a:picLocks noChangeAspect="1"/>
          </p:cNvPicPr>
          <p:nvPr userDrawn="1"/>
        </p:nvPicPr>
        <p:blipFill rotWithShape="1">
          <a:blip r:embed="rId2">
            <a:biLevel thresh="50000"/>
          </a:blip>
          <a:srcRect l="14876" t="4038" r="496" b="16479"/>
          <a:stretch/>
        </p:blipFill>
        <p:spPr>
          <a:xfrm>
            <a:off x="-194734" y="-115944"/>
            <a:ext cx="12581468" cy="7089889"/>
          </a:xfrm>
          <a:prstGeom prst="rect">
            <a:avLst/>
          </a:prstGeom>
        </p:spPr>
      </p:pic>
      <p:sp>
        <p:nvSpPr>
          <p:cNvPr id="84" name="Dark Gradient Triangle">
            <a:extLst>
              <a:ext uri="{FF2B5EF4-FFF2-40B4-BE49-F238E27FC236}">
                <a16:creationId xmlns:a16="http://schemas.microsoft.com/office/drawing/2014/main" id="{EF6C6AA5-C91B-C644-8E90-B1D63A7B443F}"/>
              </a:ext>
            </a:extLst>
          </p:cNvPr>
          <p:cNvSpPr/>
          <p:nvPr userDrawn="1"/>
        </p:nvSpPr>
        <p:spPr>
          <a:xfrm rot="16200000" flipH="1">
            <a:off x="5530612" y="237541"/>
            <a:ext cx="2733502" cy="10673479"/>
          </a:xfrm>
          <a:prstGeom prst="triangle">
            <a:avLst>
              <a:gd name="adj" fmla="val 100000"/>
            </a:avLst>
          </a:prstGeom>
          <a:gradFill flip="none" rotWithShape="1">
            <a:gsLst>
              <a:gs pos="4000">
                <a:srgbClr val="001C22">
                  <a:alpha val="88000"/>
                </a:srgbClr>
              </a:gs>
              <a:gs pos="100000">
                <a:schemeClr val="accent1">
                  <a:lumMod val="75000"/>
                  <a:alpha val="65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Title Placeholder">
            <a:extLst>
              <a:ext uri="{FF2B5EF4-FFF2-40B4-BE49-F238E27FC236}">
                <a16:creationId xmlns:a16="http://schemas.microsoft.com/office/drawing/2014/main" id="{45702CBB-5017-C849-9D74-D8AD73ED9894}"/>
              </a:ext>
            </a:extLst>
          </p:cNvPr>
          <p:cNvSpPr>
            <a:spLocks noGrp="1"/>
          </p:cNvSpPr>
          <p:nvPr>
            <p:ph type="title" hasCustomPrompt="1"/>
          </p:nvPr>
        </p:nvSpPr>
        <p:spPr>
          <a:xfrm>
            <a:off x="2013936" y="2795732"/>
            <a:ext cx="7359073" cy="1249483"/>
          </a:xfrm>
          <a:prstGeom prst="rect">
            <a:avLst/>
          </a:prstGeom>
        </p:spPr>
        <p:txBody>
          <a:bodyPr>
            <a:normAutofit/>
          </a:bodyPr>
          <a:lstStyle>
            <a:lvl1pPr>
              <a:defRPr sz="4000" b="1" i="0" spc="300">
                <a:latin typeface="Arial" panose="020B0604020202020204" pitchFamily="34" charset="0"/>
                <a:cs typeface="Arial" panose="020B0604020202020204" pitchFamily="34" charset="0"/>
              </a:defRPr>
            </a:lvl1pPr>
          </a:lstStyle>
          <a:p>
            <a:r>
              <a:rPr lang="en-US"/>
              <a:t>CLICK TO EDIT MASTER TITLE STYLE</a:t>
            </a:r>
          </a:p>
        </p:txBody>
      </p:sp>
      <p:sp>
        <p:nvSpPr>
          <p:cNvPr id="88" name="Subtitle Placeholder">
            <a:extLst>
              <a:ext uri="{FF2B5EF4-FFF2-40B4-BE49-F238E27FC236}">
                <a16:creationId xmlns:a16="http://schemas.microsoft.com/office/drawing/2014/main" id="{E48B95A0-EBD1-B44F-9712-D5F4F3CB20E6}"/>
              </a:ext>
            </a:extLst>
          </p:cNvPr>
          <p:cNvSpPr>
            <a:spLocks noGrp="1"/>
          </p:cNvSpPr>
          <p:nvPr>
            <p:ph type="body" sz="quarter" idx="10" hasCustomPrompt="1"/>
          </p:nvPr>
        </p:nvSpPr>
        <p:spPr>
          <a:xfrm>
            <a:off x="2028093" y="4188287"/>
            <a:ext cx="5249863" cy="377842"/>
          </a:xfrm>
          <a:prstGeom prst="rect">
            <a:avLst/>
          </a:prstGeom>
        </p:spPr>
        <p:txBody>
          <a:bodyPr>
            <a:normAutofit/>
          </a:bodyPr>
          <a:lstStyle>
            <a:lvl1pPr marL="0" indent="0">
              <a:buNone/>
              <a:defRPr sz="2000" b="0" i="0" spc="300">
                <a:latin typeface="Arial" panose="020B0604020202020204" pitchFamily="34" charset="0"/>
                <a:cs typeface="Arial" panose="020B0604020202020204" pitchFamily="34" charset="0"/>
              </a:defRPr>
            </a:lvl1pPr>
          </a:lstStyle>
          <a:p>
            <a:pPr lvl="0"/>
            <a:r>
              <a:rPr lang="en-US"/>
              <a:t>click to edit master text styles</a:t>
            </a:r>
          </a:p>
        </p:txBody>
      </p:sp>
    </p:spTree>
    <p:extLst>
      <p:ext uri="{BB962C8B-B14F-4D97-AF65-F5344CB8AC3E}">
        <p14:creationId xmlns:p14="http://schemas.microsoft.com/office/powerpoint/2010/main" val="4045345348"/>
      </p:ext>
    </p:extLst>
  </p:cSld>
  <p:clrMapOvr>
    <a:overrideClrMapping bg1="lt1" tx1="dk1" bg2="lt2" tx2="dk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Divider Slide Blue">
    <p:spTree>
      <p:nvGrpSpPr>
        <p:cNvPr id="1" name=""/>
        <p:cNvGrpSpPr/>
        <p:nvPr/>
      </p:nvGrpSpPr>
      <p:grpSpPr>
        <a:xfrm>
          <a:off x="0" y="0"/>
          <a:ext cx="0" cy="0"/>
          <a:chOff x="0" y="0"/>
          <a:chExt cx="0" cy="0"/>
        </a:xfrm>
      </p:grpSpPr>
      <p:pic>
        <p:nvPicPr>
          <p:cNvPr id="5" name="Image Background" descr="A picture containing rock, snow, sitting, covered&#10;&#10;Description automatically generated">
            <a:extLst>
              <a:ext uri="{FF2B5EF4-FFF2-40B4-BE49-F238E27FC236}">
                <a16:creationId xmlns:a16="http://schemas.microsoft.com/office/drawing/2014/main" id="{4FCED535-D2DF-2C42-95A9-C207261D98BE}"/>
              </a:ext>
            </a:extLst>
          </p:cNvPr>
          <p:cNvPicPr>
            <a:picLocks noChangeAspect="1"/>
          </p:cNvPicPr>
          <p:nvPr userDrawn="1"/>
        </p:nvPicPr>
        <p:blipFill rotWithShape="1">
          <a:blip r:embed="rId2"/>
          <a:srcRect b="15157"/>
          <a:stretch/>
        </p:blipFill>
        <p:spPr>
          <a:xfrm>
            <a:off x="-13189" y="-23781"/>
            <a:ext cx="12218379" cy="6905562"/>
          </a:xfrm>
          <a:prstGeom prst="rect">
            <a:avLst/>
          </a:prstGeom>
        </p:spPr>
      </p:pic>
      <p:sp>
        <p:nvSpPr>
          <p:cNvPr id="8" name="White Shadow">
            <a:extLst>
              <a:ext uri="{FF2B5EF4-FFF2-40B4-BE49-F238E27FC236}">
                <a16:creationId xmlns:a16="http://schemas.microsoft.com/office/drawing/2014/main" id="{4E855FFC-E230-6D46-B4A7-4F23D0999203}"/>
              </a:ext>
            </a:extLst>
          </p:cNvPr>
          <p:cNvSpPr/>
          <p:nvPr userDrawn="1"/>
        </p:nvSpPr>
        <p:spPr>
          <a:xfrm flipH="1" flipV="1">
            <a:off x="8243297" y="-16327"/>
            <a:ext cx="2405946" cy="6890654"/>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 name="connsiteX0" fmla="*/ 466997 w 1676247"/>
              <a:gd name="connsiteY0" fmla="*/ 6874325 h 6874325"/>
              <a:gd name="connsiteX1" fmla="*/ 0 w 1676247"/>
              <a:gd name="connsiteY1" fmla="*/ 6874325 h 6874325"/>
              <a:gd name="connsiteX2" fmla="*/ 1372536 w 1676247"/>
              <a:gd name="connsiteY2" fmla="*/ 0 h 6874325"/>
              <a:gd name="connsiteX3" fmla="*/ 1097818 w 1676247"/>
              <a:gd name="connsiteY3" fmla="*/ 16328 h 6874325"/>
              <a:gd name="connsiteX4" fmla="*/ 1097819 w 1676247"/>
              <a:gd name="connsiteY4" fmla="*/ 16324 h 6874325"/>
              <a:gd name="connsiteX5" fmla="*/ 1564816 w 1676247"/>
              <a:gd name="connsiteY5" fmla="*/ 16324 h 6874325"/>
              <a:gd name="connsiteX6" fmla="*/ 1564815 w 1676247"/>
              <a:gd name="connsiteY6" fmla="*/ 16328 h 6874325"/>
              <a:gd name="connsiteX7" fmla="*/ 1676247 w 1676247"/>
              <a:gd name="connsiteY7" fmla="*/ 16328 h 6874325"/>
              <a:gd name="connsiteX8" fmla="*/ 466997 w 1676247"/>
              <a:gd name="connsiteY8" fmla="*/ 6874325 h 6874325"/>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1564816 w 2329390"/>
              <a:gd name="connsiteY5" fmla="*/ 32653 h 6890654"/>
              <a:gd name="connsiteX6" fmla="*/ 1564815 w 2329390"/>
              <a:gd name="connsiteY6" fmla="*/ 32657 h 6890654"/>
              <a:gd name="connsiteX7" fmla="*/ 2329390 w 2329390"/>
              <a:gd name="connsiteY7" fmla="*/ 0 h 6890654"/>
              <a:gd name="connsiteX8" fmla="*/ 466997 w 2329390"/>
              <a:gd name="connsiteY8" fmla="*/ 6890654 h 6890654"/>
              <a:gd name="connsiteX0" fmla="*/ 466997 w 2329390"/>
              <a:gd name="connsiteY0" fmla="*/ 6890655 h 6890655"/>
              <a:gd name="connsiteX1" fmla="*/ 0 w 2329390"/>
              <a:gd name="connsiteY1" fmla="*/ 6890655 h 6890655"/>
              <a:gd name="connsiteX2" fmla="*/ 1372536 w 2329390"/>
              <a:gd name="connsiteY2" fmla="*/ 16330 h 6890655"/>
              <a:gd name="connsiteX3" fmla="*/ 1097818 w 2329390"/>
              <a:gd name="connsiteY3" fmla="*/ 32658 h 6890655"/>
              <a:gd name="connsiteX4" fmla="*/ 1097819 w 2329390"/>
              <a:gd name="connsiteY4" fmla="*/ 32654 h 6890655"/>
              <a:gd name="connsiteX5" fmla="*/ 1564816 w 2329390"/>
              <a:gd name="connsiteY5" fmla="*/ 32654 h 6890655"/>
              <a:gd name="connsiteX6" fmla="*/ 2005687 w 2329390"/>
              <a:gd name="connsiteY6" fmla="*/ 0 h 6890655"/>
              <a:gd name="connsiteX7" fmla="*/ 2329390 w 2329390"/>
              <a:gd name="connsiteY7" fmla="*/ 1 h 6890655"/>
              <a:gd name="connsiteX8" fmla="*/ 466997 w 2329390"/>
              <a:gd name="connsiteY8" fmla="*/ 6890655 h 6890655"/>
              <a:gd name="connsiteX0" fmla="*/ 466997 w 2358137"/>
              <a:gd name="connsiteY0" fmla="*/ 7391501 h 7391501"/>
              <a:gd name="connsiteX1" fmla="*/ 0 w 2358137"/>
              <a:gd name="connsiteY1" fmla="*/ 7391501 h 7391501"/>
              <a:gd name="connsiteX2" fmla="*/ 1372536 w 2358137"/>
              <a:gd name="connsiteY2" fmla="*/ 517176 h 7391501"/>
              <a:gd name="connsiteX3" fmla="*/ 1097818 w 2358137"/>
              <a:gd name="connsiteY3" fmla="*/ 533504 h 7391501"/>
              <a:gd name="connsiteX4" fmla="*/ 1097819 w 2358137"/>
              <a:gd name="connsiteY4" fmla="*/ 533500 h 7391501"/>
              <a:gd name="connsiteX5" fmla="*/ 1564816 w 2358137"/>
              <a:gd name="connsiteY5" fmla="*/ 533500 h 7391501"/>
              <a:gd name="connsiteX6" fmla="*/ 2329390 w 2358137"/>
              <a:gd name="connsiteY6" fmla="*/ 500847 h 7391501"/>
              <a:gd name="connsiteX7" fmla="*/ 466997 w 2358137"/>
              <a:gd name="connsiteY7" fmla="*/ 7391501 h 7391501"/>
              <a:gd name="connsiteX0" fmla="*/ 466997 w 2329390"/>
              <a:gd name="connsiteY0" fmla="*/ 6890654 h 6890654"/>
              <a:gd name="connsiteX1" fmla="*/ 0 w 2329390"/>
              <a:gd name="connsiteY1" fmla="*/ 6890654 h 6890654"/>
              <a:gd name="connsiteX2" fmla="*/ 1372536 w 2329390"/>
              <a:gd name="connsiteY2" fmla="*/ 16329 h 6890654"/>
              <a:gd name="connsiteX3" fmla="*/ 1097818 w 2329390"/>
              <a:gd name="connsiteY3" fmla="*/ 32657 h 6890654"/>
              <a:gd name="connsiteX4" fmla="*/ 1097819 w 2329390"/>
              <a:gd name="connsiteY4" fmla="*/ 32653 h 6890654"/>
              <a:gd name="connsiteX5" fmla="*/ 2329390 w 2329390"/>
              <a:gd name="connsiteY5" fmla="*/ 0 h 6890654"/>
              <a:gd name="connsiteX6" fmla="*/ 466997 w 2329390"/>
              <a:gd name="connsiteY6" fmla="*/ 6890654 h 6890654"/>
              <a:gd name="connsiteX0" fmla="*/ 466997 w 2329390"/>
              <a:gd name="connsiteY0" fmla="*/ 6890654 h 6890654"/>
              <a:gd name="connsiteX1" fmla="*/ 0 w 2329390"/>
              <a:gd name="connsiteY1" fmla="*/ 6890654 h 6890654"/>
              <a:gd name="connsiteX2" fmla="*/ 1097818 w 2329390"/>
              <a:gd name="connsiteY2" fmla="*/ 32657 h 6890654"/>
              <a:gd name="connsiteX3" fmla="*/ 1097819 w 2329390"/>
              <a:gd name="connsiteY3" fmla="*/ 32653 h 6890654"/>
              <a:gd name="connsiteX4" fmla="*/ 2329390 w 2329390"/>
              <a:gd name="connsiteY4" fmla="*/ 0 h 6890654"/>
              <a:gd name="connsiteX5" fmla="*/ 466997 w 2329390"/>
              <a:gd name="connsiteY5" fmla="*/ 6890654 h 6890654"/>
              <a:gd name="connsiteX0" fmla="*/ 466997 w 2329390"/>
              <a:gd name="connsiteY0" fmla="*/ 7053944 h 7053944"/>
              <a:gd name="connsiteX1" fmla="*/ 0 w 2329390"/>
              <a:gd name="connsiteY1" fmla="*/ 7053944 h 7053944"/>
              <a:gd name="connsiteX2" fmla="*/ 1097818 w 2329390"/>
              <a:gd name="connsiteY2" fmla="*/ 195947 h 7053944"/>
              <a:gd name="connsiteX3" fmla="*/ 1489704 w 2329390"/>
              <a:gd name="connsiteY3" fmla="*/ 0 h 7053944"/>
              <a:gd name="connsiteX4" fmla="*/ 2329390 w 2329390"/>
              <a:gd name="connsiteY4" fmla="*/ 163290 h 7053944"/>
              <a:gd name="connsiteX5" fmla="*/ 466997 w 2329390"/>
              <a:gd name="connsiteY5" fmla="*/ 7053944 h 7053944"/>
              <a:gd name="connsiteX0" fmla="*/ 466997 w 2337471"/>
              <a:gd name="connsiteY0" fmla="*/ 7733762 h 7733762"/>
              <a:gd name="connsiteX1" fmla="*/ 0 w 2337471"/>
              <a:gd name="connsiteY1" fmla="*/ 7733762 h 7733762"/>
              <a:gd name="connsiteX2" fmla="*/ 1097818 w 2337471"/>
              <a:gd name="connsiteY2" fmla="*/ 875765 h 7733762"/>
              <a:gd name="connsiteX3" fmla="*/ 2329390 w 2337471"/>
              <a:gd name="connsiteY3" fmla="*/ 843108 h 7733762"/>
              <a:gd name="connsiteX4" fmla="*/ 466997 w 2337471"/>
              <a:gd name="connsiteY4" fmla="*/ 7733762 h 7733762"/>
              <a:gd name="connsiteX0" fmla="*/ 466997 w 2339496"/>
              <a:gd name="connsiteY0" fmla="*/ 7402292 h 7402292"/>
              <a:gd name="connsiteX1" fmla="*/ 0 w 2339496"/>
              <a:gd name="connsiteY1" fmla="*/ 7402292 h 7402292"/>
              <a:gd name="connsiteX2" fmla="*/ 1097818 w 2339496"/>
              <a:gd name="connsiteY2" fmla="*/ 544295 h 7402292"/>
              <a:gd name="connsiteX3" fmla="*/ 2329390 w 2339496"/>
              <a:gd name="connsiteY3" fmla="*/ 511638 h 7402292"/>
              <a:gd name="connsiteX4" fmla="*/ 466997 w 2339496"/>
              <a:gd name="connsiteY4" fmla="*/ 7402292 h 7402292"/>
              <a:gd name="connsiteX0" fmla="*/ 466997 w 2329390"/>
              <a:gd name="connsiteY0" fmla="*/ 6890654 h 6890654"/>
              <a:gd name="connsiteX1" fmla="*/ 0 w 2329390"/>
              <a:gd name="connsiteY1" fmla="*/ 6890654 h 6890654"/>
              <a:gd name="connsiteX2" fmla="*/ 1097818 w 2329390"/>
              <a:gd name="connsiteY2" fmla="*/ 32657 h 6890654"/>
              <a:gd name="connsiteX3" fmla="*/ 2329390 w 2329390"/>
              <a:gd name="connsiteY3" fmla="*/ 0 h 6890654"/>
              <a:gd name="connsiteX4" fmla="*/ 466997 w 2329390"/>
              <a:gd name="connsiteY4" fmla="*/ 6890654 h 6890654"/>
              <a:gd name="connsiteX0" fmla="*/ 466997 w 2329390"/>
              <a:gd name="connsiteY0" fmla="*/ 6952646 h 6952646"/>
              <a:gd name="connsiteX1" fmla="*/ 0 w 2329390"/>
              <a:gd name="connsiteY1" fmla="*/ 6952646 h 6952646"/>
              <a:gd name="connsiteX2" fmla="*/ 1832603 w 2329390"/>
              <a:gd name="connsiteY2" fmla="*/ 13006 h 6952646"/>
              <a:gd name="connsiteX3" fmla="*/ 2329390 w 2329390"/>
              <a:gd name="connsiteY3" fmla="*/ 61992 h 6952646"/>
              <a:gd name="connsiteX4" fmla="*/ 466997 w 2329390"/>
              <a:gd name="connsiteY4" fmla="*/ 6952646 h 6952646"/>
              <a:gd name="connsiteX0" fmla="*/ 466997 w 2380190"/>
              <a:gd name="connsiteY0" fmla="*/ 6952646 h 6952646"/>
              <a:gd name="connsiteX1" fmla="*/ 0 w 2380190"/>
              <a:gd name="connsiteY1" fmla="*/ 6952646 h 6952646"/>
              <a:gd name="connsiteX2" fmla="*/ 1832603 w 2380190"/>
              <a:gd name="connsiteY2" fmla="*/ 13006 h 6952646"/>
              <a:gd name="connsiteX3" fmla="*/ 2380190 w 2380190"/>
              <a:gd name="connsiteY3" fmla="*/ 61992 h 6952646"/>
              <a:gd name="connsiteX4" fmla="*/ 466997 w 2380190"/>
              <a:gd name="connsiteY4" fmla="*/ 6952646 h 6952646"/>
              <a:gd name="connsiteX0" fmla="*/ 466997 w 2380190"/>
              <a:gd name="connsiteY0" fmla="*/ 6907498 h 6907498"/>
              <a:gd name="connsiteX1" fmla="*/ 0 w 2380190"/>
              <a:gd name="connsiteY1" fmla="*/ 6907498 h 6907498"/>
              <a:gd name="connsiteX2" fmla="*/ 1832603 w 2380190"/>
              <a:gd name="connsiteY2" fmla="*/ 18658 h 6907498"/>
              <a:gd name="connsiteX3" fmla="*/ 2380190 w 2380190"/>
              <a:gd name="connsiteY3" fmla="*/ 16844 h 6907498"/>
              <a:gd name="connsiteX4" fmla="*/ 466997 w 2380190"/>
              <a:gd name="connsiteY4" fmla="*/ 6907498 h 6907498"/>
              <a:gd name="connsiteX0" fmla="*/ 466997 w 2380190"/>
              <a:gd name="connsiteY0" fmla="*/ 6911923 h 6911923"/>
              <a:gd name="connsiteX1" fmla="*/ 0 w 2380190"/>
              <a:gd name="connsiteY1" fmla="*/ 6911923 h 6911923"/>
              <a:gd name="connsiteX2" fmla="*/ 1832603 w 2380190"/>
              <a:gd name="connsiteY2" fmla="*/ 23083 h 6911923"/>
              <a:gd name="connsiteX3" fmla="*/ 2380190 w 2380190"/>
              <a:gd name="connsiteY3" fmla="*/ 21269 h 6911923"/>
              <a:gd name="connsiteX4" fmla="*/ 466997 w 2380190"/>
              <a:gd name="connsiteY4" fmla="*/ 6911923 h 6911923"/>
              <a:gd name="connsiteX0" fmla="*/ 466997 w 2380190"/>
              <a:gd name="connsiteY0" fmla="*/ 6890654 h 6890654"/>
              <a:gd name="connsiteX1" fmla="*/ 0 w 2380190"/>
              <a:gd name="connsiteY1" fmla="*/ 6890654 h 6890654"/>
              <a:gd name="connsiteX2" fmla="*/ 1832603 w 2380190"/>
              <a:gd name="connsiteY2" fmla="*/ 1814 h 6890654"/>
              <a:gd name="connsiteX3" fmla="*/ 2380190 w 2380190"/>
              <a:gd name="connsiteY3" fmla="*/ 0 h 6890654"/>
              <a:gd name="connsiteX4" fmla="*/ 466997 w 2380190"/>
              <a:gd name="connsiteY4" fmla="*/ 6890654 h 689065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80190" h="6890654">
                <a:moveTo>
                  <a:pt x="466997" y="6890654"/>
                </a:moveTo>
                <a:lnTo>
                  <a:pt x="0" y="6890654"/>
                </a:lnTo>
                <a:lnTo>
                  <a:pt x="1832603" y="1814"/>
                </a:lnTo>
                <a:cubicBezTo>
                  <a:pt x="2441572" y="-1814"/>
                  <a:pt x="2085579" y="7257"/>
                  <a:pt x="2380190" y="0"/>
                </a:cubicBezTo>
                <a:lnTo>
                  <a:pt x="466997" y="6890654"/>
                </a:lnTo>
                <a:close/>
              </a:path>
            </a:pathLst>
          </a:custGeom>
          <a:solidFill>
            <a:schemeClr val="bg2">
              <a:alpha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 name="Blue Gradient Angle">
            <a:extLst>
              <a:ext uri="{FF2B5EF4-FFF2-40B4-BE49-F238E27FC236}">
                <a16:creationId xmlns:a16="http://schemas.microsoft.com/office/drawing/2014/main" id="{078D67E2-8EBF-C74D-8223-9D684D7F4B58}"/>
              </a:ext>
            </a:extLst>
          </p:cNvPr>
          <p:cNvSpPr/>
          <p:nvPr userDrawn="1"/>
        </p:nvSpPr>
        <p:spPr>
          <a:xfrm>
            <a:off x="8536032" y="-23781"/>
            <a:ext cx="3684104" cy="6905562"/>
          </a:xfrm>
          <a:custGeom>
            <a:avLst/>
            <a:gdLst>
              <a:gd name="connsiteX0" fmla="*/ 0 w 6096000"/>
              <a:gd name="connsiteY0" fmla="*/ 1552648 h 3105295"/>
              <a:gd name="connsiteX1" fmla="*/ 3048000 w 6096000"/>
              <a:gd name="connsiteY1" fmla="*/ 0 h 3105295"/>
              <a:gd name="connsiteX2" fmla="*/ 6096000 w 6096000"/>
              <a:gd name="connsiteY2" fmla="*/ 0 h 3105295"/>
              <a:gd name="connsiteX3" fmla="*/ 0 w 6096000"/>
              <a:gd name="connsiteY3" fmla="*/ 3105295 h 3105295"/>
              <a:gd name="connsiteX4" fmla="*/ 0 w 6096000"/>
              <a:gd name="connsiteY4" fmla="*/ 1552648 h 3105295"/>
              <a:gd name="connsiteX0" fmla="*/ 0 w 6071286"/>
              <a:gd name="connsiteY0" fmla="*/ 1552648 h 3138616"/>
              <a:gd name="connsiteX1" fmla="*/ 3048000 w 6071286"/>
              <a:gd name="connsiteY1" fmla="*/ 0 h 3138616"/>
              <a:gd name="connsiteX2" fmla="*/ 6071286 w 6071286"/>
              <a:gd name="connsiteY2" fmla="*/ 3138616 h 3138616"/>
              <a:gd name="connsiteX3" fmla="*/ 0 w 6071286"/>
              <a:gd name="connsiteY3" fmla="*/ 3105295 h 3138616"/>
              <a:gd name="connsiteX4" fmla="*/ 0 w 6071286"/>
              <a:gd name="connsiteY4" fmla="*/ 1552648 h 3138616"/>
              <a:gd name="connsiteX0" fmla="*/ 0 w 6071286"/>
              <a:gd name="connsiteY0" fmla="*/ 1552648 h 3138616"/>
              <a:gd name="connsiteX1" fmla="*/ 3048000 w 6071286"/>
              <a:gd name="connsiteY1" fmla="*/ 0 h 3138616"/>
              <a:gd name="connsiteX2" fmla="*/ 3616411 w 6071286"/>
              <a:gd name="connsiteY2" fmla="*/ 644424 h 3138616"/>
              <a:gd name="connsiteX3" fmla="*/ 6071286 w 6071286"/>
              <a:gd name="connsiteY3" fmla="*/ 3138616 h 3138616"/>
              <a:gd name="connsiteX4" fmla="*/ 0 w 6071286"/>
              <a:gd name="connsiteY4" fmla="*/ 3105295 h 3138616"/>
              <a:gd name="connsiteX5" fmla="*/ 0 w 6071286"/>
              <a:gd name="connsiteY5" fmla="*/ 1552648 h 3138616"/>
              <a:gd name="connsiteX0" fmla="*/ 0 w 6071286"/>
              <a:gd name="connsiteY0" fmla="*/ 1624916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0 w 6071286"/>
              <a:gd name="connsiteY5" fmla="*/ 1624916 h 3210884"/>
              <a:gd name="connsiteX0" fmla="*/ 494271 w 6071286"/>
              <a:gd name="connsiteY0" fmla="*/ 2440462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5" fmla="*/ 494271 w 6071286"/>
              <a:gd name="connsiteY5" fmla="*/ 2440462 h 3210884"/>
              <a:gd name="connsiteX0" fmla="*/ 0 w 6071286"/>
              <a:gd name="connsiteY0" fmla="*/ 3177563 h 3210884"/>
              <a:gd name="connsiteX1" fmla="*/ 3048000 w 6071286"/>
              <a:gd name="connsiteY1" fmla="*/ 72268 h 3210884"/>
              <a:gd name="connsiteX2" fmla="*/ 6063049 w 6071286"/>
              <a:gd name="connsiteY2" fmla="*/ 0 h 3210884"/>
              <a:gd name="connsiteX3" fmla="*/ 6071286 w 6071286"/>
              <a:gd name="connsiteY3" fmla="*/ 3210884 h 3210884"/>
              <a:gd name="connsiteX4" fmla="*/ 0 w 6071286"/>
              <a:gd name="connsiteY4" fmla="*/ 3177563 h 3210884"/>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71286"/>
              <a:gd name="connsiteY0" fmla="*/ 3188234 h 3221555"/>
              <a:gd name="connsiteX1" fmla="*/ 2999874 w 6071286"/>
              <a:gd name="connsiteY1" fmla="*/ 0 h 3221555"/>
              <a:gd name="connsiteX2" fmla="*/ 6063049 w 6071286"/>
              <a:gd name="connsiteY2" fmla="*/ 10671 h 3221555"/>
              <a:gd name="connsiteX3" fmla="*/ 6071286 w 6071286"/>
              <a:gd name="connsiteY3" fmla="*/ 3221555 h 3221555"/>
              <a:gd name="connsiteX4" fmla="*/ 0 w 6071286"/>
              <a:gd name="connsiteY4" fmla="*/ 3188234 h 3221555"/>
              <a:gd name="connsiteX0" fmla="*/ 0 w 6094885"/>
              <a:gd name="connsiteY0" fmla="*/ 3188234 h 3221555"/>
              <a:gd name="connsiteX1" fmla="*/ 2999874 w 6094885"/>
              <a:gd name="connsiteY1" fmla="*/ 0 h 3221555"/>
              <a:gd name="connsiteX2" fmla="*/ 6094701 w 6094885"/>
              <a:gd name="connsiteY2" fmla="*/ 10671 h 3221555"/>
              <a:gd name="connsiteX3" fmla="*/ 6071286 w 6094885"/>
              <a:gd name="connsiteY3" fmla="*/ 3221555 h 3221555"/>
              <a:gd name="connsiteX4" fmla="*/ 0 w 6094885"/>
              <a:gd name="connsiteY4" fmla="*/ 3188234 h 3221555"/>
              <a:gd name="connsiteX0" fmla="*/ 0 w 6095532"/>
              <a:gd name="connsiteY0" fmla="*/ 3188234 h 3221555"/>
              <a:gd name="connsiteX1" fmla="*/ 2999874 w 6095532"/>
              <a:gd name="connsiteY1" fmla="*/ 0 h 3221555"/>
              <a:gd name="connsiteX2" fmla="*/ 6094701 w 6095532"/>
              <a:gd name="connsiteY2" fmla="*/ 10671 h 3221555"/>
              <a:gd name="connsiteX3" fmla="*/ 6095025 w 6095532"/>
              <a:gd name="connsiteY3" fmla="*/ 3221555 h 3221555"/>
              <a:gd name="connsiteX4" fmla="*/ 0 w 6095532"/>
              <a:gd name="connsiteY4" fmla="*/ 3188234 h 3221555"/>
              <a:gd name="connsiteX0" fmla="*/ 0 w 6110171"/>
              <a:gd name="connsiteY0" fmla="*/ 3209411 h 3221555"/>
              <a:gd name="connsiteX1" fmla="*/ 3014513 w 6110171"/>
              <a:gd name="connsiteY1" fmla="*/ 0 h 3221555"/>
              <a:gd name="connsiteX2" fmla="*/ 6109340 w 6110171"/>
              <a:gd name="connsiteY2" fmla="*/ 10671 h 3221555"/>
              <a:gd name="connsiteX3" fmla="*/ 6109664 w 6110171"/>
              <a:gd name="connsiteY3" fmla="*/ 3221555 h 3221555"/>
              <a:gd name="connsiteX4" fmla="*/ 0 w 6110171"/>
              <a:gd name="connsiteY4" fmla="*/ 3209411 h 3221555"/>
              <a:gd name="connsiteX0" fmla="*/ 0 w 6132478"/>
              <a:gd name="connsiteY0" fmla="*/ 3209411 h 3231455"/>
              <a:gd name="connsiteX1" fmla="*/ 3014513 w 6132478"/>
              <a:gd name="connsiteY1" fmla="*/ 0 h 3231455"/>
              <a:gd name="connsiteX2" fmla="*/ 6109340 w 6132478"/>
              <a:gd name="connsiteY2" fmla="*/ 10671 h 3231455"/>
              <a:gd name="connsiteX3" fmla="*/ 6132478 w 6132478"/>
              <a:gd name="connsiteY3" fmla="*/ 3231455 h 3231455"/>
              <a:gd name="connsiteX4" fmla="*/ 0 w 6132478"/>
              <a:gd name="connsiteY4" fmla="*/ 3209411 h 3231455"/>
              <a:gd name="connsiteX0" fmla="*/ 0 w 6200920"/>
              <a:gd name="connsiteY0" fmla="*/ 3229212 h 3231455"/>
              <a:gd name="connsiteX1" fmla="*/ 3082955 w 6200920"/>
              <a:gd name="connsiteY1" fmla="*/ 0 h 3231455"/>
              <a:gd name="connsiteX2" fmla="*/ 6177782 w 6200920"/>
              <a:gd name="connsiteY2" fmla="*/ 10671 h 3231455"/>
              <a:gd name="connsiteX3" fmla="*/ 6200920 w 6200920"/>
              <a:gd name="connsiteY3" fmla="*/ 3231455 h 3231455"/>
              <a:gd name="connsiteX4" fmla="*/ 0 w 6200920"/>
              <a:gd name="connsiteY4" fmla="*/ 3229212 h 3231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00920" h="3231455">
                <a:moveTo>
                  <a:pt x="0" y="3229212"/>
                </a:moveTo>
                <a:lnTo>
                  <a:pt x="3082955" y="0"/>
                </a:lnTo>
                <a:lnTo>
                  <a:pt x="6177782" y="10671"/>
                </a:lnTo>
                <a:cubicBezTo>
                  <a:pt x="6180528" y="1080966"/>
                  <a:pt x="6198174" y="2161160"/>
                  <a:pt x="6200920" y="3231455"/>
                </a:cubicBezTo>
                <a:lnTo>
                  <a:pt x="0" y="3229212"/>
                </a:lnTo>
                <a:close/>
              </a:path>
            </a:pathLst>
          </a:custGeom>
          <a:gradFill flip="none" rotWithShape="1">
            <a:gsLst>
              <a:gs pos="32000">
                <a:srgbClr val="002838">
                  <a:alpha val="83000"/>
                </a:srgbClr>
              </a:gs>
              <a:gs pos="91000">
                <a:schemeClr val="accent1">
                  <a:alpha val="82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 name="Title">
            <a:extLst>
              <a:ext uri="{FF2B5EF4-FFF2-40B4-BE49-F238E27FC236}">
                <a16:creationId xmlns:a16="http://schemas.microsoft.com/office/drawing/2014/main" id="{0225258A-31C7-694F-A706-4A5066C0E9FB}"/>
              </a:ext>
            </a:extLst>
          </p:cNvPr>
          <p:cNvSpPr>
            <a:spLocks noGrp="1"/>
          </p:cNvSpPr>
          <p:nvPr>
            <p:ph type="body" sz="quarter" idx="10" hasCustomPrompt="1"/>
          </p:nvPr>
        </p:nvSpPr>
        <p:spPr>
          <a:xfrm>
            <a:off x="618188" y="5554973"/>
            <a:ext cx="6534150" cy="646331"/>
          </a:xfrm>
        </p:spPr>
        <p:txBody>
          <a:bodyPr anchor="ctr">
            <a:normAutofit/>
          </a:bodyPr>
          <a:lstStyle>
            <a:lvl1pPr marL="0" indent="0">
              <a:buNone/>
              <a:defRPr sz="4000" b="1" i="0" spc="300">
                <a:solidFill>
                  <a:schemeClr val="bg1"/>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TITLE OPTIONAL</a:t>
            </a:r>
          </a:p>
        </p:txBody>
      </p:sp>
    </p:spTree>
    <p:extLst>
      <p:ext uri="{BB962C8B-B14F-4D97-AF65-F5344CB8AC3E}">
        <p14:creationId xmlns:p14="http://schemas.microsoft.com/office/powerpoint/2010/main" val="426897370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3 with Image">
    <p:spTree>
      <p:nvGrpSpPr>
        <p:cNvPr id="1" name=""/>
        <p:cNvGrpSpPr/>
        <p:nvPr/>
      </p:nvGrpSpPr>
      <p:grpSpPr>
        <a:xfrm>
          <a:off x="0" y="0"/>
          <a:ext cx="0" cy="0"/>
          <a:chOff x="0" y="0"/>
          <a:chExt cx="0" cy="0"/>
        </a:xfrm>
      </p:grpSpPr>
      <p:pic>
        <p:nvPicPr>
          <p:cNvPr id="5" name="Picture 3">
            <a:extLst>
              <a:ext uri="{FF2B5EF4-FFF2-40B4-BE49-F238E27FC236}">
                <a16:creationId xmlns:a16="http://schemas.microsoft.com/office/drawing/2014/main" id="{9ED70ECC-4ED9-9C4B-8556-696D58B40AA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0"/>
            <a:ext cx="12192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
        <p:nvSpPr>
          <p:cNvPr id="10" name="Picture Placeholder 9"/>
          <p:cNvSpPr>
            <a:spLocks noGrp="1"/>
          </p:cNvSpPr>
          <p:nvPr>
            <p:ph type="pic" sz="quarter" idx="14"/>
          </p:nvPr>
        </p:nvSpPr>
        <p:spPr>
          <a:xfrm>
            <a:off x="0" y="-7481"/>
            <a:ext cx="10007600" cy="6871608"/>
          </a:xfrm>
          <a:custGeom>
            <a:avLst/>
            <a:gdLst>
              <a:gd name="connsiteX0" fmla="*/ 1291771 w 10007600"/>
              <a:gd name="connsiteY0" fmla="*/ 0 h 6879771"/>
              <a:gd name="connsiteX1" fmla="*/ 10007600 w 10007600"/>
              <a:gd name="connsiteY1" fmla="*/ 14514 h 6879771"/>
              <a:gd name="connsiteX2" fmla="*/ 1756229 w 10007600"/>
              <a:gd name="connsiteY2" fmla="*/ 6865257 h 6879771"/>
              <a:gd name="connsiteX3" fmla="*/ 0 w 10007600"/>
              <a:gd name="connsiteY3" fmla="*/ 6879771 h 6879771"/>
              <a:gd name="connsiteX4" fmla="*/ 0 w 10007600"/>
              <a:gd name="connsiteY4" fmla="*/ 3476171 h 6879771"/>
              <a:gd name="connsiteX0" fmla="*/ 1291771 w 10007600"/>
              <a:gd name="connsiteY0" fmla="*/ 0 h 6879771"/>
              <a:gd name="connsiteX1" fmla="*/ 10007600 w 10007600"/>
              <a:gd name="connsiteY1" fmla="*/ 5450 h 6879771"/>
              <a:gd name="connsiteX2" fmla="*/ 1756229 w 10007600"/>
              <a:gd name="connsiteY2" fmla="*/ 6865257 h 6879771"/>
              <a:gd name="connsiteX3" fmla="*/ 0 w 10007600"/>
              <a:gd name="connsiteY3" fmla="*/ 6879771 h 6879771"/>
              <a:gd name="connsiteX4" fmla="*/ 0 w 10007600"/>
              <a:gd name="connsiteY4" fmla="*/ 3476171 h 6879771"/>
              <a:gd name="connsiteX5" fmla="*/ 1291771 w 10007600"/>
              <a:gd name="connsiteY5" fmla="*/ 0 h 6879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07600" h="6879771">
                <a:moveTo>
                  <a:pt x="1291771" y="0"/>
                </a:moveTo>
                <a:lnTo>
                  <a:pt x="10007600" y="5450"/>
                </a:lnTo>
                <a:lnTo>
                  <a:pt x="1756229" y="6865257"/>
                </a:lnTo>
                <a:lnTo>
                  <a:pt x="0" y="6879771"/>
                </a:lnTo>
                <a:lnTo>
                  <a:pt x="0" y="3476171"/>
                </a:lnTo>
                <a:lnTo>
                  <a:pt x="1291771" y="0"/>
                </a:lnTo>
                <a:close/>
              </a:path>
            </a:pathLst>
          </a:custGeom>
          <a:solidFill>
            <a:schemeClr val="bg2"/>
          </a:solidFill>
        </p:spPr>
        <p:txBody>
          <a:bodyPr wrap="square" lIns="3200400" tIns="0" bIns="1463040" anchor="ctr" anchorCtr="0">
            <a:noAutofit/>
          </a:bodyPr>
          <a:lstStyle>
            <a:lvl1pPr marL="0" indent="0" algn="l">
              <a:buNone/>
              <a:defRPr sz="2400"/>
            </a:lvl1pPr>
          </a:lstStyle>
          <a:p>
            <a:pPr lvl="0"/>
            <a:r>
              <a:rPr lang="en-US" noProof="0"/>
              <a:t>Click icon to add picture</a:t>
            </a:r>
            <a:endParaRPr lang="en-US" noProof="0" dirty="0"/>
          </a:p>
        </p:txBody>
      </p:sp>
    </p:spTree>
    <p:extLst>
      <p:ext uri="{BB962C8B-B14F-4D97-AF65-F5344CB8AC3E}">
        <p14:creationId xmlns:p14="http://schemas.microsoft.com/office/powerpoint/2010/main" val="116399335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Grey Background w Gradient Map">
    <p:bg>
      <p:bgPr>
        <a:solidFill>
          <a:schemeClr val="bg1">
            <a:lumMod val="95000"/>
          </a:schemeClr>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E227E897-FA3D-F448-96E0-36FA9C88ACBE}"/>
              </a:ext>
            </a:extLst>
          </p:cNvPr>
          <p:cNvSpPr/>
          <p:nvPr userDrawn="1"/>
        </p:nvSpPr>
        <p:spPr>
          <a:xfrm>
            <a:off x="-12695" y="0"/>
            <a:ext cx="1221739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91" name="MAP">
            <a:extLst>
              <a:ext uri="{FF2B5EF4-FFF2-40B4-BE49-F238E27FC236}">
                <a16:creationId xmlns:a16="http://schemas.microsoft.com/office/drawing/2014/main" id="{DCAF3EB9-2904-F941-B977-ACA1D1484573}"/>
              </a:ext>
            </a:extLst>
          </p:cNvPr>
          <p:cNvGrpSpPr/>
          <p:nvPr userDrawn="1"/>
        </p:nvGrpSpPr>
        <p:grpSpPr>
          <a:xfrm flipV="1">
            <a:off x="-3650548" y="-3047881"/>
            <a:ext cx="18472371" cy="11010565"/>
            <a:chOff x="0" y="-1142"/>
            <a:chExt cx="12191046" cy="7317389"/>
          </a:xfrm>
          <a:gradFill flip="none" rotWithShape="1">
            <a:gsLst>
              <a:gs pos="55000">
                <a:schemeClr val="bg2">
                  <a:alpha val="43000"/>
                </a:schemeClr>
              </a:gs>
              <a:gs pos="91000">
                <a:schemeClr val="accent1">
                  <a:alpha val="94000"/>
                </a:schemeClr>
              </a:gs>
            </a:gsLst>
            <a:lin ang="0" scaled="1"/>
            <a:tileRect/>
          </a:gradFill>
        </p:grpSpPr>
        <p:sp>
          <p:nvSpPr>
            <p:cNvPr id="92" name="Freeform: Shape 6">
              <a:extLst>
                <a:ext uri="{FF2B5EF4-FFF2-40B4-BE49-F238E27FC236}">
                  <a16:creationId xmlns:a16="http://schemas.microsoft.com/office/drawing/2014/main" id="{644665E7-E35D-544F-860F-DED1E0AAAB87}"/>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3" name="Freeform: Shape 7">
              <a:extLst>
                <a:ext uri="{FF2B5EF4-FFF2-40B4-BE49-F238E27FC236}">
                  <a16:creationId xmlns:a16="http://schemas.microsoft.com/office/drawing/2014/main" id="{5F9E05A9-8823-9043-B038-A270C6E43CE5}"/>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4" name="Freeform: Shape 86">
              <a:extLst>
                <a:ext uri="{FF2B5EF4-FFF2-40B4-BE49-F238E27FC236}">
                  <a16:creationId xmlns:a16="http://schemas.microsoft.com/office/drawing/2014/main" id="{0B61CFEF-0D32-1647-A257-71994F62466E}"/>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5" name="Freeform: Shape 87">
              <a:extLst>
                <a:ext uri="{FF2B5EF4-FFF2-40B4-BE49-F238E27FC236}">
                  <a16:creationId xmlns:a16="http://schemas.microsoft.com/office/drawing/2014/main" id="{5BCD378F-DF19-8840-8989-5A649C65CE5E}"/>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6" name="Freeform: Shape 88">
              <a:extLst>
                <a:ext uri="{FF2B5EF4-FFF2-40B4-BE49-F238E27FC236}">
                  <a16:creationId xmlns:a16="http://schemas.microsoft.com/office/drawing/2014/main" id="{F70C1330-72C1-484F-A732-CB910DE0E63D}"/>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7" name="Freeform: Shape 89">
              <a:extLst>
                <a:ext uri="{FF2B5EF4-FFF2-40B4-BE49-F238E27FC236}">
                  <a16:creationId xmlns:a16="http://schemas.microsoft.com/office/drawing/2014/main" id="{1BEFB01D-1DAE-E442-BAEB-9364C0A63D4E}"/>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5" name="Freeform: Shape 90">
              <a:extLst>
                <a:ext uri="{FF2B5EF4-FFF2-40B4-BE49-F238E27FC236}">
                  <a16:creationId xmlns:a16="http://schemas.microsoft.com/office/drawing/2014/main" id="{DB40BBD3-1881-1344-AE8D-E57461CD1A25}"/>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6" name="Freeform: Shape 91">
              <a:extLst>
                <a:ext uri="{FF2B5EF4-FFF2-40B4-BE49-F238E27FC236}">
                  <a16:creationId xmlns:a16="http://schemas.microsoft.com/office/drawing/2014/main" id="{C45948EC-8B3F-4D43-B4CD-E30AED6E8D09}"/>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7" name="Freeform: Shape 92">
              <a:extLst>
                <a:ext uri="{FF2B5EF4-FFF2-40B4-BE49-F238E27FC236}">
                  <a16:creationId xmlns:a16="http://schemas.microsoft.com/office/drawing/2014/main" id="{38AB9667-5837-A642-8B6A-58716634BEAB}"/>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8" name="Freeform: Shape 93">
              <a:extLst>
                <a:ext uri="{FF2B5EF4-FFF2-40B4-BE49-F238E27FC236}">
                  <a16:creationId xmlns:a16="http://schemas.microsoft.com/office/drawing/2014/main" id="{B1EAFA6B-1652-7348-B5D4-B0CDF4FD6480}"/>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9" name="Freeform: Shape 94">
              <a:extLst>
                <a:ext uri="{FF2B5EF4-FFF2-40B4-BE49-F238E27FC236}">
                  <a16:creationId xmlns:a16="http://schemas.microsoft.com/office/drawing/2014/main" id="{31740B30-00B3-C147-B0BD-D829FB27FDF8}"/>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0" name="Freeform: Shape 95">
              <a:extLst>
                <a:ext uri="{FF2B5EF4-FFF2-40B4-BE49-F238E27FC236}">
                  <a16:creationId xmlns:a16="http://schemas.microsoft.com/office/drawing/2014/main" id="{4C1EC672-2518-6A4A-97AF-F62919DBB017}"/>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1" name="Freeform: Shape 96">
              <a:extLst>
                <a:ext uri="{FF2B5EF4-FFF2-40B4-BE49-F238E27FC236}">
                  <a16:creationId xmlns:a16="http://schemas.microsoft.com/office/drawing/2014/main" id="{9DC1DAD5-48A1-304E-AA43-B90528D3DDDB}"/>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2" name="Freeform: Shape 97">
              <a:extLst>
                <a:ext uri="{FF2B5EF4-FFF2-40B4-BE49-F238E27FC236}">
                  <a16:creationId xmlns:a16="http://schemas.microsoft.com/office/drawing/2014/main" id="{1DD926E3-7044-DC45-88E3-D6B6AA75D75B}"/>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3" name="Freeform: Shape 98">
              <a:extLst>
                <a:ext uri="{FF2B5EF4-FFF2-40B4-BE49-F238E27FC236}">
                  <a16:creationId xmlns:a16="http://schemas.microsoft.com/office/drawing/2014/main" id="{8CF8B399-645C-B042-AA16-3BF1CE12ABE7}"/>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4" name="Freeform: Shape 99">
              <a:extLst>
                <a:ext uri="{FF2B5EF4-FFF2-40B4-BE49-F238E27FC236}">
                  <a16:creationId xmlns:a16="http://schemas.microsoft.com/office/drawing/2014/main" id="{2489D3AD-62FC-E440-B252-F6901F3D0BB5}"/>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5" name="Freeform: Shape 100">
              <a:extLst>
                <a:ext uri="{FF2B5EF4-FFF2-40B4-BE49-F238E27FC236}">
                  <a16:creationId xmlns:a16="http://schemas.microsoft.com/office/drawing/2014/main" id="{3CA63FF2-A6BF-AC40-9E2D-37D444C8EC4A}"/>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6" name="Freeform: Shape 101">
              <a:extLst>
                <a:ext uri="{FF2B5EF4-FFF2-40B4-BE49-F238E27FC236}">
                  <a16:creationId xmlns:a16="http://schemas.microsoft.com/office/drawing/2014/main" id="{2875F8DA-8CA6-2C44-8AB9-805A57638B2D}"/>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7" name="Freeform: Shape 102">
              <a:extLst>
                <a:ext uri="{FF2B5EF4-FFF2-40B4-BE49-F238E27FC236}">
                  <a16:creationId xmlns:a16="http://schemas.microsoft.com/office/drawing/2014/main" id="{26BFF3BF-88B3-ED46-BE02-EEB92DC424CF}"/>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8" name="Freeform: Shape 103">
              <a:extLst>
                <a:ext uri="{FF2B5EF4-FFF2-40B4-BE49-F238E27FC236}">
                  <a16:creationId xmlns:a16="http://schemas.microsoft.com/office/drawing/2014/main" id="{FA6D7A70-FFE0-EF47-B8C4-D0EAD2F52985}"/>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9" name="Freeform: Shape 104">
              <a:extLst>
                <a:ext uri="{FF2B5EF4-FFF2-40B4-BE49-F238E27FC236}">
                  <a16:creationId xmlns:a16="http://schemas.microsoft.com/office/drawing/2014/main" id="{E950497B-95D4-FD4B-B98C-8E243DDA049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0" name="Freeform: Shape 105">
              <a:extLst>
                <a:ext uri="{FF2B5EF4-FFF2-40B4-BE49-F238E27FC236}">
                  <a16:creationId xmlns:a16="http://schemas.microsoft.com/office/drawing/2014/main" id="{EF363013-1AC5-F94D-B682-654456029E8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1" name="Freeform: Shape 106">
              <a:extLst>
                <a:ext uri="{FF2B5EF4-FFF2-40B4-BE49-F238E27FC236}">
                  <a16:creationId xmlns:a16="http://schemas.microsoft.com/office/drawing/2014/main" id="{3FE7A17D-6A57-4146-A944-42462B22C0C5}"/>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2" name="Freeform: Shape 107">
              <a:extLst>
                <a:ext uri="{FF2B5EF4-FFF2-40B4-BE49-F238E27FC236}">
                  <a16:creationId xmlns:a16="http://schemas.microsoft.com/office/drawing/2014/main" id="{5B1E795E-3751-704D-B8BF-A159BB892EFD}"/>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3" name="Freeform: Shape 108">
              <a:extLst>
                <a:ext uri="{FF2B5EF4-FFF2-40B4-BE49-F238E27FC236}">
                  <a16:creationId xmlns:a16="http://schemas.microsoft.com/office/drawing/2014/main" id="{2FB45A42-9371-8B40-B53C-4886FA26ECD2}"/>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4" name="Freeform: Shape 109">
              <a:extLst>
                <a:ext uri="{FF2B5EF4-FFF2-40B4-BE49-F238E27FC236}">
                  <a16:creationId xmlns:a16="http://schemas.microsoft.com/office/drawing/2014/main" id="{40F2507C-9EB3-324C-AF1D-210F9073994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5" name="Freeform: Shape 110">
              <a:extLst>
                <a:ext uri="{FF2B5EF4-FFF2-40B4-BE49-F238E27FC236}">
                  <a16:creationId xmlns:a16="http://schemas.microsoft.com/office/drawing/2014/main" id="{C90282A8-5723-2C42-A329-53E471F29178}"/>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6" name="Freeform: Shape 111">
              <a:extLst>
                <a:ext uri="{FF2B5EF4-FFF2-40B4-BE49-F238E27FC236}">
                  <a16:creationId xmlns:a16="http://schemas.microsoft.com/office/drawing/2014/main" id="{9D8237A8-AC5A-F148-8A1E-CCFDB2E67D40}"/>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7" name="Freeform: Shape 112">
              <a:extLst>
                <a:ext uri="{FF2B5EF4-FFF2-40B4-BE49-F238E27FC236}">
                  <a16:creationId xmlns:a16="http://schemas.microsoft.com/office/drawing/2014/main" id="{5C057815-FFA0-A24D-9DB7-AD929999AAAA}"/>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8" name="Freeform: Shape 113">
              <a:extLst>
                <a:ext uri="{FF2B5EF4-FFF2-40B4-BE49-F238E27FC236}">
                  <a16:creationId xmlns:a16="http://schemas.microsoft.com/office/drawing/2014/main" id="{D8415E11-29D8-7044-A8A9-6D62753A7AE3}"/>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9" name="Freeform: Shape 114">
              <a:extLst>
                <a:ext uri="{FF2B5EF4-FFF2-40B4-BE49-F238E27FC236}">
                  <a16:creationId xmlns:a16="http://schemas.microsoft.com/office/drawing/2014/main" id="{9D17A585-A2C9-1D47-A7C9-D1E22F3A73AF}"/>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0" name="Freeform: Shape 115">
              <a:extLst>
                <a:ext uri="{FF2B5EF4-FFF2-40B4-BE49-F238E27FC236}">
                  <a16:creationId xmlns:a16="http://schemas.microsoft.com/office/drawing/2014/main" id="{BD60AE4B-82E2-BA41-9AF4-0FA3DE359897}"/>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1" name="Freeform: Shape 116">
              <a:extLst>
                <a:ext uri="{FF2B5EF4-FFF2-40B4-BE49-F238E27FC236}">
                  <a16:creationId xmlns:a16="http://schemas.microsoft.com/office/drawing/2014/main" id="{AB25097B-789C-6A41-9A05-2321C30FD540}"/>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2" name="Freeform: Shape 117">
              <a:extLst>
                <a:ext uri="{FF2B5EF4-FFF2-40B4-BE49-F238E27FC236}">
                  <a16:creationId xmlns:a16="http://schemas.microsoft.com/office/drawing/2014/main" id="{14A635A4-5A40-E04A-9F67-D86BB4935A0D}"/>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3" name="Freeform: Shape 118">
              <a:extLst>
                <a:ext uri="{FF2B5EF4-FFF2-40B4-BE49-F238E27FC236}">
                  <a16:creationId xmlns:a16="http://schemas.microsoft.com/office/drawing/2014/main" id="{99640D71-1A41-AC47-9A1E-8C52E69F6D4B}"/>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4" name="Freeform: Shape 119">
              <a:extLst>
                <a:ext uri="{FF2B5EF4-FFF2-40B4-BE49-F238E27FC236}">
                  <a16:creationId xmlns:a16="http://schemas.microsoft.com/office/drawing/2014/main" id="{1CA2FA29-0543-CB4D-BC41-98864482F544}"/>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5" name="Freeform: Shape 120">
              <a:extLst>
                <a:ext uri="{FF2B5EF4-FFF2-40B4-BE49-F238E27FC236}">
                  <a16:creationId xmlns:a16="http://schemas.microsoft.com/office/drawing/2014/main" id="{D31601E4-26F7-084B-B42B-2A076526B15F}"/>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6" name="Freeform: Shape 121">
              <a:extLst>
                <a:ext uri="{FF2B5EF4-FFF2-40B4-BE49-F238E27FC236}">
                  <a16:creationId xmlns:a16="http://schemas.microsoft.com/office/drawing/2014/main" id="{EF66369D-D2B4-194D-9DA0-26BC3613245C}"/>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7" name="Freeform: Shape 122">
              <a:extLst>
                <a:ext uri="{FF2B5EF4-FFF2-40B4-BE49-F238E27FC236}">
                  <a16:creationId xmlns:a16="http://schemas.microsoft.com/office/drawing/2014/main" id="{59640F2F-9D19-C444-A832-8ACF17B0D3E1}"/>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8" name="Freeform: Shape 123">
              <a:extLst>
                <a:ext uri="{FF2B5EF4-FFF2-40B4-BE49-F238E27FC236}">
                  <a16:creationId xmlns:a16="http://schemas.microsoft.com/office/drawing/2014/main" id="{83DA1DDF-EA5C-554C-8805-19088BC8A424}"/>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9" name="Freeform: Shape 124">
              <a:extLst>
                <a:ext uri="{FF2B5EF4-FFF2-40B4-BE49-F238E27FC236}">
                  <a16:creationId xmlns:a16="http://schemas.microsoft.com/office/drawing/2014/main" id="{C2517B1F-21A2-C24C-A5A1-9E830E929BE7}"/>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0" name="Freeform: Shape 125">
              <a:extLst>
                <a:ext uri="{FF2B5EF4-FFF2-40B4-BE49-F238E27FC236}">
                  <a16:creationId xmlns:a16="http://schemas.microsoft.com/office/drawing/2014/main" id="{24F4AA20-4F4D-9540-BD5B-68C6300DA094}"/>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1" name="Freeform: Shape 126">
              <a:extLst>
                <a:ext uri="{FF2B5EF4-FFF2-40B4-BE49-F238E27FC236}">
                  <a16:creationId xmlns:a16="http://schemas.microsoft.com/office/drawing/2014/main" id="{99E731B8-EC51-7B46-8734-90904EFBB6E5}"/>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2" name="Freeform: Shape 127">
              <a:extLst>
                <a:ext uri="{FF2B5EF4-FFF2-40B4-BE49-F238E27FC236}">
                  <a16:creationId xmlns:a16="http://schemas.microsoft.com/office/drawing/2014/main" id="{6129AC58-BCA2-444F-9503-E4FD495FC4A7}"/>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3" name="Freeform: Shape 128">
              <a:extLst>
                <a:ext uri="{FF2B5EF4-FFF2-40B4-BE49-F238E27FC236}">
                  <a16:creationId xmlns:a16="http://schemas.microsoft.com/office/drawing/2014/main" id="{8F5A67F5-DC14-EC45-BCDE-473AD47A6914}"/>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4" name="Freeform: Shape 129">
              <a:extLst>
                <a:ext uri="{FF2B5EF4-FFF2-40B4-BE49-F238E27FC236}">
                  <a16:creationId xmlns:a16="http://schemas.microsoft.com/office/drawing/2014/main" id="{10325D7B-8746-4949-B1D3-1D44D5DC53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5" name="Freeform: Shape 130">
              <a:extLst>
                <a:ext uri="{FF2B5EF4-FFF2-40B4-BE49-F238E27FC236}">
                  <a16:creationId xmlns:a16="http://schemas.microsoft.com/office/drawing/2014/main" id="{384D48D3-D4C0-784E-A30B-12697630C71E}"/>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6" name="Freeform: Shape 131">
              <a:extLst>
                <a:ext uri="{FF2B5EF4-FFF2-40B4-BE49-F238E27FC236}">
                  <a16:creationId xmlns:a16="http://schemas.microsoft.com/office/drawing/2014/main" id="{E573821C-A83E-5F49-940E-39034C5DF470}"/>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7" name="Freeform: Shape 132">
              <a:extLst>
                <a:ext uri="{FF2B5EF4-FFF2-40B4-BE49-F238E27FC236}">
                  <a16:creationId xmlns:a16="http://schemas.microsoft.com/office/drawing/2014/main" id="{EBA775A2-5A55-9844-88BE-0DF7A7880158}"/>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8" name="Freeform: Shape 133">
              <a:extLst>
                <a:ext uri="{FF2B5EF4-FFF2-40B4-BE49-F238E27FC236}">
                  <a16:creationId xmlns:a16="http://schemas.microsoft.com/office/drawing/2014/main" id="{1B5BBC0F-87BA-B840-BDD0-1E222B4DE369}"/>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9" name="Freeform: Shape 134">
              <a:extLst>
                <a:ext uri="{FF2B5EF4-FFF2-40B4-BE49-F238E27FC236}">
                  <a16:creationId xmlns:a16="http://schemas.microsoft.com/office/drawing/2014/main" id="{A7D5569B-732A-0A49-92E0-8935873FA130}"/>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0" name="Freeform: Shape 135">
              <a:extLst>
                <a:ext uri="{FF2B5EF4-FFF2-40B4-BE49-F238E27FC236}">
                  <a16:creationId xmlns:a16="http://schemas.microsoft.com/office/drawing/2014/main" id="{FFBB1E79-DEA7-9A43-8A58-02684D4FF7A5}"/>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1" name="Freeform: Shape 136">
              <a:extLst>
                <a:ext uri="{FF2B5EF4-FFF2-40B4-BE49-F238E27FC236}">
                  <a16:creationId xmlns:a16="http://schemas.microsoft.com/office/drawing/2014/main" id="{3671525E-4431-274A-8F6D-2F3D8D28A2AD}"/>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2" name="Freeform: Shape 137">
              <a:extLst>
                <a:ext uri="{FF2B5EF4-FFF2-40B4-BE49-F238E27FC236}">
                  <a16:creationId xmlns:a16="http://schemas.microsoft.com/office/drawing/2014/main" id="{9D96454C-666D-DC46-B967-D6B15AF71A85}"/>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3" name="Freeform: Shape 138">
              <a:extLst>
                <a:ext uri="{FF2B5EF4-FFF2-40B4-BE49-F238E27FC236}">
                  <a16:creationId xmlns:a16="http://schemas.microsoft.com/office/drawing/2014/main" id="{2FA7AE28-447A-5B42-9D5A-E77D85C09B32}"/>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4" name="Freeform: Shape 139">
              <a:extLst>
                <a:ext uri="{FF2B5EF4-FFF2-40B4-BE49-F238E27FC236}">
                  <a16:creationId xmlns:a16="http://schemas.microsoft.com/office/drawing/2014/main" id="{197FB189-4FFF-FB46-8A4B-61B8883050B4}"/>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5" name="Freeform: Shape 140">
              <a:extLst>
                <a:ext uri="{FF2B5EF4-FFF2-40B4-BE49-F238E27FC236}">
                  <a16:creationId xmlns:a16="http://schemas.microsoft.com/office/drawing/2014/main" id="{ABEF44B1-C4B6-9044-9FAC-AF7B8C8E7946}"/>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6" name="Freeform: Shape 141">
              <a:extLst>
                <a:ext uri="{FF2B5EF4-FFF2-40B4-BE49-F238E27FC236}">
                  <a16:creationId xmlns:a16="http://schemas.microsoft.com/office/drawing/2014/main" id="{C5702176-2D39-E14C-9CFF-87055F892B08}"/>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7" name="Freeform: Shape 142">
              <a:extLst>
                <a:ext uri="{FF2B5EF4-FFF2-40B4-BE49-F238E27FC236}">
                  <a16:creationId xmlns:a16="http://schemas.microsoft.com/office/drawing/2014/main" id="{55DE1832-1F88-FF49-AB67-090D289CD9B2}"/>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8" name="Freeform: Shape 143">
              <a:extLst>
                <a:ext uri="{FF2B5EF4-FFF2-40B4-BE49-F238E27FC236}">
                  <a16:creationId xmlns:a16="http://schemas.microsoft.com/office/drawing/2014/main" id="{FE0A86E7-4DFB-F044-BE08-DC5B244D9EA0}"/>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9" name="Freeform: Shape 144">
              <a:extLst>
                <a:ext uri="{FF2B5EF4-FFF2-40B4-BE49-F238E27FC236}">
                  <a16:creationId xmlns:a16="http://schemas.microsoft.com/office/drawing/2014/main" id="{01AEC328-DBA3-2C44-BE1C-790279923A8F}"/>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0" name="Freeform: Shape 145">
              <a:extLst>
                <a:ext uri="{FF2B5EF4-FFF2-40B4-BE49-F238E27FC236}">
                  <a16:creationId xmlns:a16="http://schemas.microsoft.com/office/drawing/2014/main" id="{EA6E7E2A-E292-2149-B1B3-CD95BC1A72D3}"/>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1" name="Freeform: Shape 146">
              <a:extLst>
                <a:ext uri="{FF2B5EF4-FFF2-40B4-BE49-F238E27FC236}">
                  <a16:creationId xmlns:a16="http://schemas.microsoft.com/office/drawing/2014/main" id="{C5D39A47-6AF5-7645-BB05-068C321B435A}"/>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2" name="Freeform: Shape 147">
              <a:extLst>
                <a:ext uri="{FF2B5EF4-FFF2-40B4-BE49-F238E27FC236}">
                  <a16:creationId xmlns:a16="http://schemas.microsoft.com/office/drawing/2014/main" id="{4FEDC7C0-44C6-D748-8996-2D970591BC2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3" name="Freeform: Shape 148">
              <a:extLst>
                <a:ext uri="{FF2B5EF4-FFF2-40B4-BE49-F238E27FC236}">
                  <a16:creationId xmlns:a16="http://schemas.microsoft.com/office/drawing/2014/main" id="{FA0EDDED-71AD-EB49-9BBE-73508D2E43B9}"/>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4" name="Freeform: Shape 149">
              <a:extLst>
                <a:ext uri="{FF2B5EF4-FFF2-40B4-BE49-F238E27FC236}">
                  <a16:creationId xmlns:a16="http://schemas.microsoft.com/office/drawing/2014/main" id="{6366584F-42A7-0141-ACA6-7553A9831A27}"/>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5" name="Freeform: Shape 150">
              <a:extLst>
                <a:ext uri="{FF2B5EF4-FFF2-40B4-BE49-F238E27FC236}">
                  <a16:creationId xmlns:a16="http://schemas.microsoft.com/office/drawing/2014/main" id="{273AFADF-36DD-5B46-A930-EF787761B0A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6" name="Freeform: Shape 151">
              <a:extLst>
                <a:ext uri="{FF2B5EF4-FFF2-40B4-BE49-F238E27FC236}">
                  <a16:creationId xmlns:a16="http://schemas.microsoft.com/office/drawing/2014/main" id="{C51A13B7-7F45-DF47-AD8C-C5CAB0FDEF9B}"/>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7" name="Freeform: Shape 152">
              <a:extLst>
                <a:ext uri="{FF2B5EF4-FFF2-40B4-BE49-F238E27FC236}">
                  <a16:creationId xmlns:a16="http://schemas.microsoft.com/office/drawing/2014/main" id="{ABAE270C-B6F2-DC4A-9346-DC3910D8BAA8}"/>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8" name="Freeform: Shape 153">
              <a:extLst>
                <a:ext uri="{FF2B5EF4-FFF2-40B4-BE49-F238E27FC236}">
                  <a16:creationId xmlns:a16="http://schemas.microsoft.com/office/drawing/2014/main" id="{44A34C85-C506-5D4E-8CDD-4D93ACB50E62}"/>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9" name="Freeform: Shape 154">
              <a:extLst>
                <a:ext uri="{FF2B5EF4-FFF2-40B4-BE49-F238E27FC236}">
                  <a16:creationId xmlns:a16="http://schemas.microsoft.com/office/drawing/2014/main" id="{FDF66B76-1458-BB41-AB77-D2A9430E7375}"/>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0" name="Freeform: Shape 156">
              <a:extLst>
                <a:ext uri="{FF2B5EF4-FFF2-40B4-BE49-F238E27FC236}">
                  <a16:creationId xmlns:a16="http://schemas.microsoft.com/office/drawing/2014/main" id="{2AC2D923-20F5-1B4A-8E36-0D6BF719A08B}"/>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1" name="Freeform: Shape 157">
              <a:extLst>
                <a:ext uri="{FF2B5EF4-FFF2-40B4-BE49-F238E27FC236}">
                  <a16:creationId xmlns:a16="http://schemas.microsoft.com/office/drawing/2014/main" id="{9287226A-82BE-734A-8FAE-3FFC397C171A}"/>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2" name="Freeform: Shape 158">
              <a:extLst>
                <a:ext uri="{FF2B5EF4-FFF2-40B4-BE49-F238E27FC236}">
                  <a16:creationId xmlns:a16="http://schemas.microsoft.com/office/drawing/2014/main" id="{C43846B0-C417-8A42-83D2-3DB9AABD904B}"/>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3" name="Freeform: Shape 159">
              <a:extLst>
                <a:ext uri="{FF2B5EF4-FFF2-40B4-BE49-F238E27FC236}">
                  <a16:creationId xmlns:a16="http://schemas.microsoft.com/office/drawing/2014/main" id="{B9A2899E-F5DD-E844-871D-A75166BCFC2A}"/>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4" name="Freeform: Shape 160">
              <a:extLst>
                <a:ext uri="{FF2B5EF4-FFF2-40B4-BE49-F238E27FC236}">
                  <a16:creationId xmlns:a16="http://schemas.microsoft.com/office/drawing/2014/main" id="{6FD19453-6BB9-2748-9CA1-8E04F4ED5869}"/>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7" name="Triangle 2">
            <a:extLst>
              <a:ext uri="{FF2B5EF4-FFF2-40B4-BE49-F238E27FC236}">
                <a16:creationId xmlns:a16="http://schemas.microsoft.com/office/drawing/2014/main" id="{0C92C4BB-B14E-1240-B551-7BF7A139BE79}"/>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8" name="Triangle 1">
            <a:extLst>
              <a:ext uri="{FF2B5EF4-FFF2-40B4-BE49-F238E27FC236}">
                <a16:creationId xmlns:a16="http://schemas.microsoft.com/office/drawing/2014/main" id="{A1D9CB00-4651-D84C-913B-DD048037762C}"/>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41010211"/>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Left Triangles White">
    <p:spTree>
      <p:nvGrpSpPr>
        <p:cNvPr id="1" name=""/>
        <p:cNvGrpSpPr/>
        <p:nvPr/>
      </p:nvGrpSpPr>
      <p:grpSpPr>
        <a:xfrm>
          <a:off x="0" y="0"/>
          <a:ext cx="0" cy="0"/>
          <a:chOff x="0" y="0"/>
          <a:chExt cx="0" cy="0"/>
        </a:xfrm>
      </p:grpSpPr>
      <p:sp>
        <p:nvSpPr>
          <p:cNvPr id="85" name="Triangle 2">
            <a:extLst>
              <a:ext uri="{FF2B5EF4-FFF2-40B4-BE49-F238E27FC236}">
                <a16:creationId xmlns:a16="http://schemas.microsoft.com/office/drawing/2014/main" id="{4E15EFA2-B1E9-B041-9D55-E0CA122E9A0A}"/>
              </a:ext>
            </a:extLst>
          </p:cNvPr>
          <p:cNvSpPr/>
          <p:nvPr userDrawn="1"/>
        </p:nvSpPr>
        <p:spPr>
          <a:xfrm flipH="1">
            <a:off x="-72396" y="846061"/>
            <a:ext cx="2415297" cy="6162077"/>
          </a:xfrm>
          <a:custGeom>
            <a:avLst/>
            <a:gdLst>
              <a:gd name="connsiteX0" fmla="*/ 0 w 2703164"/>
              <a:gd name="connsiteY0" fmla="*/ 6856344 h 6856344"/>
              <a:gd name="connsiteX1" fmla="*/ 2703164 w 2703164"/>
              <a:gd name="connsiteY1" fmla="*/ 0 h 6856344"/>
              <a:gd name="connsiteX2" fmla="*/ 2703164 w 2703164"/>
              <a:gd name="connsiteY2" fmla="*/ 6856344 h 6856344"/>
              <a:gd name="connsiteX3" fmla="*/ 0 w 2703164"/>
              <a:gd name="connsiteY3" fmla="*/ 6856344 h 6856344"/>
              <a:gd name="connsiteX0" fmla="*/ 0 w 2449164"/>
              <a:gd name="connsiteY0" fmla="*/ 6229811 h 6856344"/>
              <a:gd name="connsiteX1" fmla="*/ 2449164 w 2449164"/>
              <a:gd name="connsiteY1" fmla="*/ 0 h 6856344"/>
              <a:gd name="connsiteX2" fmla="*/ 2449164 w 2449164"/>
              <a:gd name="connsiteY2" fmla="*/ 6856344 h 6856344"/>
              <a:gd name="connsiteX3" fmla="*/ 0 w 2449164"/>
              <a:gd name="connsiteY3" fmla="*/ 6229811 h 6856344"/>
              <a:gd name="connsiteX0" fmla="*/ 0 w 2449164"/>
              <a:gd name="connsiteY0" fmla="*/ 6229811 h 6263677"/>
              <a:gd name="connsiteX1" fmla="*/ 2449164 w 2449164"/>
              <a:gd name="connsiteY1" fmla="*/ 0 h 6263677"/>
              <a:gd name="connsiteX2" fmla="*/ 2398364 w 2449164"/>
              <a:gd name="connsiteY2" fmla="*/ 6263677 h 6263677"/>
              <a:gd name="connsiteX3" fmla="*/ 0 w 2449164"/>
              <a:gd name="connsiteY3" fmla="*/ 6229811 h 6263677"/>
              <a:gd name="connsiteX0" fmla="*/ 0 w 2449164"/>
              <a:gd name="connsiteY0" fmla="*/ 6229811 h 6229811"/>
              <a:gd name="connsiteX1" fmla="*/ 2449164 w 2449164"/>
              <a:gd name="connsiteY1" fmla="*/ 0 h 6229811"/>
              <a:gd name="connsiteX2" fmla="*/ 2398364 w 2449164"/>
              <a:gd name="connsiteY2" fmla="*/ 6162077 h 6229811"/>
              <a:gd name="connsiteX3" fmla="*/ 0 w 2449164"/>
              <a:gd name="connsiteY3" fmla="*/ 6229811 h 6229811"/>
              <a:gd name="connsiteX0" fmla="*/ 0 w 2415297"/>
              <a:gd name="connsiteY0" fmla="*/ 6162077 h 6162077"/>
              <a:gd name="connsiteX1" fmla="*/ 2415297 w 2415297"/>
              <a:gd name="connsiteY1" fmla="*/ 0 h 6162077"/>
              <a:gd name="connsiteX2" fmla="*/ 2364497 w 2415297"/>
              <a:gd name="connsiteY2" fmla="*/ 6162077 h 6162077"/>
              <a:gd name="connsiteX3" fmla="*/ 0 w 2415297"/>
              <a:gd name="connsiteY3" fmla="*/ 6162077 h 6162077"/>
            </a:gdLst>
            <a:ahLst/>
            <a:cxnLst>
              <a:cxn ang="0">
                <a:pos x="connsiteX0" y="connsiteY0"/>
              </a:cxn>
              <a:cxn ang="0">
                <a:pos x="connsiteX1" y="connsiteY1"/>
              </a:cxn>
              <a:cxn ang="0">
                <a:pos x="connsiteX2" y="connsiteY2"/>
              </a:cxn>
              <a:cxn ang="0">
                <a:pos x="connsiteX3" y="connsiteY3"/>
              </a:cxn>
            </a:cxnLst>
            <a:rect l="l" t="t" r="r" b="b"/>
            <a:pathLst>
              <a:path w="2415297" h="6162077">
                <a:moveTo>
                  <a:pt x="0" y="6162077"/>
                </a:moveTo>
                <a:lnTo>
                  <a:pt x="2415297" y="0"/>
                </a:lnTo>
                <a:lnTo>
                  <a:pt x="2364497" y="6162077"/>
                </a:lnTo>
                <a:lnTo>
                  <a:pt x="0" y="6162077"/>
                </a:lnTo>
                <a:close/>
              </a:path>
            </a:pathLst>
          </a:custGeom>
          <a:gradFill>
            <a:gsLst>
              <a:gs pos="100000">
                <a:srgbClr val="001C22"/>
              </a:gs>
              <a:gs pos="0">
                <a:schemeClr val="accent1">
                  <a:alpha val="83000"/>
                </a:schemeClr>
              </a:gs>
            </a:gsLst>
            <a:lin ang="14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6" name="Triangle 1">
            <a:extLst>
              <a:ext uri="{FF2B5EF4-FFF2-40B4-BE49-F238E27FC236}">
                <a16:creationId xmlns:a16="http://schemas.microsoft.com/office/drawing/2014/main" id="{FCFF9483-3D75-F948-AD11-486ACC3CAE4F}"/>
              </a:ext>
            </a:extLst>
          </p:cNvPr>
          <p:cNvSpPr/>
          <p:nvPr userDrawn="1"/>
        </p:nvSpPr>
        <p:spPr>
          <a:xfrm flipH="1" flipV="1">
            <a:off x="-38530" y="-59266"/>
            <a:ext cx="1922789" cy="6551544"/>
          </a:xfrm>
          <a:custGeom>
            <a:avLst/>
            <a:gdLst>
              <a:gd name="connsiteX0" fmla="*/ 0 w 2007455"/>
              <a:gd name="connsiteY0" fmla="*/ 6856344 h 6856344"/>
              <a:gd name="connsiteX1" fmla="*/ 2007455 w 2007455"/>
              <a:gd name="connsiteY1" fmla="*/ 0 h 6856344"/>
              <a:gd name="connsiteX2" fmla="*/ 2007455 w 2007455"/>
              <a:gd name="connsiteY2" fmla="*/ 6856344 h 6856344"/>
              <a:gd name="connsiteX3" fmla="*/ 0 w 2007455"/>
              <a:gd name="connsiteY3" fmla="*/ 6856344 h 6856344"/>
              <a:gd name="connsiteX0" fmla="*/ 0 w 1922789"/>
              <a:gd name="connsiteY0" fmla="*/ 6551544 h 6856344"/>
              <a:gd name="connsiteX1" fmla="*/ 1922789 w 1922789"/>
              <a:gd name="connsiteY1" fmla="*/ 0 h 6856344"/>
              <a:gd name="connsiteX2" fmla="*/ 1922789 w 1922789"/>
              <a:gd name="connsiteY2" fmla="*/ 6856344 h 6856344"/>
              <a:gd name="connsiteX3" fmla="*/ 0 w 1922789"/>
              <a:gd name="connsiteY3" fmla="*/ 6551544 h 6856344"/>
              <a:gd name="connsiteX0" fmla="*/ 0 w 1922789"/>
              <a:gd name="connsiteY0" fmla="*/ 6551544 h 6585411"/>
              <a:gd name="connsiteX1" fmla="*/ 1922789 w 1922789"/>
              <a:gd name="connsiteY1" fmla="*/ 0 h 6585411"/>
              <a:gd name="connsiteX2" fmla="*/ 1905856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888922 w 1922789"/>
              <a:gd name="connsiteY2" fmla="*/ 6517677 h 6551544"/>
              <a:gd name="connsiteX3" fmla="*/ 0 w 1922789"/>
              <a:gd name="connsiteY3" fmla="*/ 6551544 h 6551544"/>
              <a:gd name="connsiteX0" fmla="*/ 0 w 1922789"/>
              <a:gd name="connsiteY0" fmla="*/ 6551544 h 6619277"/>
              <a:gd name="connsiteX1" fmla="*/ 1922789 w 1922789"/>
              <a:gd name="connsiteY1" fmla="*/ 0 h 6619277"/>
              <a:gd name="connsiteX2" fmla="*/ 1888922 w 1922789"/>
              <a:gd name="connsiteY2" fmla="*/ 6619277 h 6619277"/>
              <a:gd name="connsiteX3" fmla="*/ 0 w 1922789"/>
              <a:gd name="connsiteY3" fmla="*/ 6551544 h 6619277"/>
              <a:gd name="connsiteX0" fmla="*/ 0 w 1922789"/>
              <a:gd name="connsiteY0" fmla="*/ 6551544 h 6585411"/>
              <a:gd name="connsiteX1" fmla="*/ 1922789 w 1922789"/>
              <a:gd name="connsiteY1" fmla="*/ 0 h 6585411"/>
              <a:gd name="connsiteX2" fmla="*/ 1888922 w 1922789"/>
              <a:gd name="connsiteY2" fmla="*/ 6585411 h 6585411"/>
              <a:gd name="connsiteX3" fmla="*/ 0 w 1922789"/>
              <a:gd name="connsiteY3" fmla="*/ 6551544 h 6585411"/>
              <a:gd name="connsiteX0" fmla="*/ 0 w 1922789"/>
              <a:gd name="connsiteY0" fmla="*/ 6551544 h 6551544"/>
              <a:gd name="connsiteX1" fmla="*/ 1922789 w 1922789"/>
              <a:gd name="connsiteY1" fmla="*/ 0 h 6551544"/>
              <a:gd name="connsiteX2" fmla="*/ 1905856 w 1922789"/>
              <a:gd name="connsiteY2" fmla="*/ 6551544 h 6551544"/>
              <a:gd name="connsiteX3" fmla="*/ 0 w 1922789"/>
              <a:gd name="connsiteY3" fmla="*/ 6551544 h 6551544"/>
            </a:gdLst>
            <a:ahLst/>
            <a:cxnLst>
              <a:cxn ang="0">
                <a:pos x="connsiteX0" y="connsiteY0"/>
              </a:cxn>
              <a:cxn ang="0">
                <a:pos x="connsiteX1" y="connsiteY1"/>
              </a:cxn>
              <a:cxn ang="0">
                <a:pos x="connsiteX2" y="connsiteY2"/>
              </a:cxn>
              <a:cxn ang="0">
                <a:pos x="connsiteX3" y="connsiteY3"/>
              </a:cxn>
            </a:cxnLst>
            <a:rect l="l" t="t" r="r" b="b"/>
            <a:pathLst>
              <a:path w="1922789" h="6551544">
                <a:moveTo>
                  <a:pt x="0" y="6551544"/>
                </a:moveTo>
                <a:lnTo>
                  <a:pt x="1922789" y="0"/>
                </a:lnTo>
                <a:cubicBezTo>
                  <a:pt x="1917145" y="2195137"/>
                  <a:pt x="1911500" y="4356407"/>
                  <a:pt x="1905856" y="6551544"/>
                </a:cubicBezTo>
                <a:lnTo>
                  <a:pt x="0" y="6551544"/>
                </a:lnTo>
                <a:close/>
              </a:path>
            </a:pathLst>
          </a:custGeom>
          <a:gradFill flip="none" rotWithShape="1">
            <a:gsLst>
              <a:gs pos="13000">
                <a:schemeClr val="accent3">
                  <a:alpha val="87000"/>
                </a:schemeClr>
              </a:gs>
              <a:gs pos="99000">
                <a:schemeClr val="accent1"/>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627162044"/>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Tree>
    <p:extLst>
      <p:ext uri="{BB962C8B-B14F-4D97-AF65-F5344CB8AC3E}">
        <p14:creationId xmlns:p14="http://schemas.microsoft.com/office/powerpoint/2010/main" val="4088774736"/>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hree Icon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3" name="Rounded Rectangle 3">
            <a:extLst>
              <a:ext uri="{FF2B5EF4-FFF2-40B4-BE49-F238E27FC236}">
                <a16:creationId xmlns:a16="http://schemas.microsoft.com/office/drawing/2014/main" id="{4BBB48F4-7F44-8C45-AC4E-73633C7B53A4}"/>
              </a:ext>
            </a:extLst>
          </p:cNvPr>
          <p:cNvSpPr/>
          <p:nvPr userDrawn="1"/>
        </p:nvSpPr>
        <p:spPr>
          <a:xfrm>
            <a:off x="8060103"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9" name="OVAL 3">
            <a:extLst>
              <a:ext uri="{FF2B5EF4-FFF2-40B4-BE49-F238E27FC236}">
                <a16:creationId xmlns:a16="http://schemas.microsoft.com/office/drawing/2014/main" id="{816C4913-2005-344A-A0EE-2176663D1B78}"/>
              </a:ext>
            </a:extLst>
          </p:cNvPr>
          <p:cNvSpPr/>
          <p:nvPr/>
        </p:nvSpPr>
        <p:spPr>
          <a:xfrm>
            <a:off x="8832749" y="1942622"/>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1" name="Rounded Rectangle 2">
            <a:extLst>
              <a:ext uri="{FF2B5EF4-FFF2-40B4-BE49-F238E27FC236}">
                <a16:creationId xmlns:a16="http://schemas.microsoft.com/office/drawing/2014/main" id="{31730E2D-B028-5643-B47B-D125CC4B7872}"/>
              </a:ext>
            </a:extLst>
          </p:cNvPr>
          <p:cNvSpPr/>
          <p:nvPr userDrawn="1"/>
        </p:nvSpPr>
        <p:spPr>
          <a:xfrm>
            <a:off x="4491955"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5" name="OVAL 2">
            <a:extLst>
              <a:ext uri="{FF2B5EF4-FFF2-40B4-BE49-F238E27FC236}">
                <a16:creationId xmlns:a16="http://schemas.microsoft.com/office/drawing/2014/main" id="{BAABAC8B-A145-ED4A-ABBA-0C23F23CF8A6}"/>
              </a:ext>
            </a:extLst>
          </p:cNvPr>
          <p:cNvSpPr/>
          <p:nvPr/>
        </p:nvSpPr>
        <p:spPr>
          <a:xfrm>
            <a:off x="5264601" y="1863108"/>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97" name="Rounded Rectangle 1">
            <a:extLst>
              <a:ext uri="{FF2B5EF4-FFF2-40B4-BE49-F238E27FC236}">
                <a16:creationId xmlns:a16="http://schemas.microsoft.com/office/drawing/2014/main" id="{C9D129D1-8FB2-5749-BC8F-E8F0FE16692B}"/>
              </a:ext>
            </a:extLst>
          </p:cNvPr>
          <p:cNvSpPr/>
          <p:nvPr userDrawn="1"/>
        </p:nvSpPr>
        <p:spPr>
          <a:xfrm>
            <a:off x="923807" y="3022607"/>
            <a:ext cx="3192905" cy="3268687"/>
          </a:xfrm>
          <a:prstGeom prst="round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1" name="OVAL 1">
            <a:extLst>
              <a:ext uri="{FF2B5EF4-FFF2-40B4-BE49-F238E27FC236}">
                <a16:creationId xmlns:a16="http://schemas.microsoft.com/office/drawing/2014/main" id="{F591E5F9-0FB8-D047-9460-CE4B3B44B4AC}"/>
              </a:ext>
            </a:extLst>
          </p:cNvPr>
          <p:cNvSpPr/>
          <p:nvPr/>
        </p:nvSpPr>
        <p:spPr>
          <a:xfrm>
            <a:off x="1696453" y="1843231"/>
            <a:ext cx="1647613" cy="1647613"/>
          </a:xfrm>
          <a:prstGeom prst="ellipse">
            <a:avLst/>
          </a:prstGeom>
          <a:solidFill>
            <a:schemeClr val="bg1"/>
          </a:solidFill>
          <a:ln>
            <a:noFill/>
          </a:ln>
          <a:effectLst>
            <a:outerShdw blurRad="342900" dist="38100" dir="6360000" algn="t" rotWithShape="0">
              <a:schemeClr val="tx2">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 name="Text Placeholder 2">
            <a:extLst>
              <a:ext uri="{FF2B5EF4-FFF2-40B4-BE49-F238E27FC236}">
                <a16:creationId xmlns:a16="http://schemas.microsoft.com/office/drawing/2014/main" id="{C2B69295-7A11-A447-AD5A-B4D562D8C41F}"/>
              </a:ext>
            </a:extLst>
          </p:cNvPr>
          <p:cNvSpPr>
            <a:spLocks noGrp="1"/>
          </p:cNvSpPr>
          <p:nvPr>
            <p:ph type="body" sz="quarter" idx="10" hasCustomPrompt="1"/>
          </p:nvPr>
        </p:nvSpPr>
        <p:spPr>
          <a:xfrm>
            <a:off x="1212849"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3" name="Text Placeholder 2">
            <a:extLst>
              <a:ext uri="{FF2B5EF4-FFF2-40B4-BE49-F238E27FC236}">
                <a16:creationId xmlns:a16="http://schemas.microsoft.com/office/drawing/2014/main" id="{9AA08D93-4A58-7A41-9512-8C12C23A032D}"/>
              </a:ext>
            </a:extLst>
          </p:cNvPr>
          <p:cNvSpPr>
            <a:spLocks noGrp="1"/>
          </p:cNvSpPr>
          <p:nvPr>
            <p:ph type="body" sz="quarter" idx="11" hasCustomPrompt="1"/>
          </p:nvPr>
        </p:nvSpPr>
        <p:spPr>
          <a:xfrm>
            <a:off x="4771595"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104" name="Text Placeholder 2">
            <a:extLst>
              <a:ext uri="{FF2B5EF4-FFF2-40B4-BE49-F238E27FC236}">
                <a16:creationId xmlns:a16="http://schemas.microsoft.com/office/drawing/2014/main" id="{2C135864-ED69-4444-8888-C9097CB029F2}"/>
              </a:ext>
            </a:extLst>
          </p:cNvPr>
          <p:cNvSpPr>
            <a:spLocks noGrp="1"/>
          </p:cNvSpPr>
          <p:nvPr>
            <p:ph type="body" sz="quarter" idx="12" hasCustomPrompt="1"/>
          </p:nvPr>
        </p:nvSpPr>
        <p:spPr>
          <a:xfrm>
            <a:off x="8330341" y="3702737"/>
            <a:ext cx="2619005" cy="485261"/>
          </a:xfrm>
        </p:spPr>
        <p:txBody>
          <a:bodyPr anchor="ctr">
            <a:noAutofit/>
          </a:bodyPr>
          <a:lstStyle>
            <a:lvl1pPr marL="0" indent="0" algn="ctr">
              <a:buNone/>
              <a:defRPr sz="1800" b="1" i="0">
                <a:latin typeface="Arial" panose="020B0604020202020204" pitchFamily="34" charset="0"/>
                <a:cs typeface="Arial" panose="020B0604020202020204" pitchFamily="34" charset="0"/>
              </a:defRPr>
            </a:lvl1pPr>
            <a:lvl2pPr marL="457200" indent="0">
              <a:buNone/>
              <a:defRPr sz="1800" b="1" i="0">
                <a:latin typeface="Arial" panose="020B0604020202020204" pitchFamily="34" charset="0"/>
                <a:cs typeface="Arial" panose="020B0604020202020204" pitchFamily="34" charset="0"/>
              </a:defRPr>
            </a:lvl2pPr>
            <a:lvl3pPr marL="914400" indent="0">
              <a:buNone/>
              <a:defRPr sz="1800" b="1" i="0">
                <a:latin typeface="Arial" panose="020B0604020202020204" pitchFamily="34" charset="0"/>
                <a:cs typeface="Arial" panose="020B0604020202020204" pitchFamily="34" charset="0"/>
              </a:defRPr>
            </a:lvl3pPr>
            <a:lvl4pPr marL="1371600" indent="0">
              <a:buNone/>
              <a:defRPr sz="1800" b="1" i="0">
                <a:latin typeface="Arial" panose="020B0604020202020204" pitchFamily="34" charset="0"/>
                <a:cs typeface="Arial" panose="020B0604020202020204" pitchFamily="34" charset="0"/>
              </a:defRPr>
            </a:lvl4pPr>
            <a:lvl5pPr marL="1828800" indent="0">
              <a:buNone/>
              <a:defRPr sz="1800" b="1" i="0">
                <a:latin typeface="Arial" panose="020B0604020202020204" pitchFamily="34" charset="0"/>
                <a:cs typeface="Arial" panose="020B0604020202020204" pitchFamily="34" charset="0"/>
              </a:defRPr>
            </a:lvl5pPr>
          </a:lstStyle>
          <a:p>
            <a:pPr lvl="0"/>
            <a:r>
              <a:rPr lang="en-US"/>
              <a:t>Content Title</a:t>
            </a:r>
          </a:p>
        </p:txBody>
      </p:sp>
      <p:sp>
        <p:nvSpPr>
          <p:cNvPr id="5" name="Text Placeholder 4">
            <a:extLst>
              <a:ext uri="{FF2B5EF4-FFF2-40B4-BE49-F238E27FC236}">
                <a16:creationId xmlns:a16="http://schemas.microsoft.com/office/drawing/2014/main" id="{CDD9C252-A2DF-2247-B8C7-89A666F3D5AD}"/>
              </a:ext>
            </a:extLst>
          </p:cNvPr>
          <p:cNvSpPr>
            <a:spLocks noGrp="1"/>
          </p:cNvSpPr>
          <p:nvPr>
            <p:ph type="body" sz="quarter" idx="13" hasCustomPrompt="1"/>
          </p:nvPr>
        </p:nvSpPr>
        <p:spPr>
          <a:xfrm>
            <a:off x="4778204"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6" name="Text Placeholder 4">
            <a:extLst>
              <a:ext uri="{FF2B5EF4-FFF2-40B4-BE49-F238E27FC236}">
                <a16:creationId xmlns:a16="http://schemas.microsoft.com/office/drawing/2014/main" id="{232DF12A-79CD-C847-9294-1CB526900B1B}"/>
              </a:ext>
            </a:extLst>
          </p:cNvPr>
          <p:cNvSpPr>
            <a:spLocks noGrp="1"/>
          </p:cNvSpPr>
          <p:nvPr>
            <p:ph type="body" sz="quarter" idx="14" hasCustomPrompt="1"/>
          </p:nvPr>
        </p:nvSpPr>
        <p:spPr>
          <a:xfrm>
            <a:off x="1200923"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7" name="Text Placeholder 4">
            <a:extLst>
              <a:ext uri="{FF2B5EF4-FFF2-40B4-BE49-F238E27FC236}">
                <a16:creationId xmlns:a16="http://schemas.microsoft.com/office/drawing/2014/main" id="{EB5A28B9-8175-0245-B872-46FD260DD0AB}"/>
              </a:ext>
            </a:extLst>
          </p:cNvPr>
          <p:cNvSpPr>
            <a:spLocks noGrp="1"/>
          </p:cNvSpPr>
          <p:nvPr>
            <p:ph type="body" sz="quarter" idx="15" hasCustomPrompt="1"/>
          </p:nvPr>
        </p:nvSpPr>
        <p:spPr>
          <a:xfrm>
            <a:off x="8355485" y="4291357"/>
            <a:ext cx="2616429" cy="1682750"/>
          </a:xfrm>
        </p:spPr>
        <p:txBody>
          <a:bodyPr>
            <a:normAutofit/>
          </a:bodyPr>
          <a:lstStyle>
            <a:lvl1pPr marL="0" marR="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lang="en-US" sz="1400" b="0" i="0" smtClean="0"/>
            </a:lvl1pPr>
            <a:lvl2pPr marL="457200" indent="0">
              <a:buNone/>
              <a:defRPr sz="1400" b="0" i="0">
                <a:latin typeface="Arial" panose="020B0604020202020204" pitchFamily="34" charset="0"/>
                <a:cs typeface="Arial" panose="020B0604020202020204" pitchFamily="34" charset="0"/>
              </a:defRPr>
            </a:lvl2pPr>
            <a:lvl3pPr marL="914400" indent="0">
              <a:buNone/>
              <a:defRPr sz="1400" b="0" i="0">
                <a:latin typeface="Arial" panose="020B0604020202020204" pitchFamily="34" charset="0"/>
                <a:cs typeface="Arial" panose="020B0604020202020204" pitchFamily="34" charset="0"/>
              </a:defRPr>
            </a:lvl3pPr>
            <a:lvl4pPr marL="1371600" indent="0">
              <a:buNone/>
              <a:defRPr sz="1400" b="0" i="0">
                <a:latin typeface="Arial" panose="020B0604020202020204" pitchFamily="34" charset="0"/>
                <a:cs typeface="Arial" panose="020B0604020202020204" pitchFamily="34" charset="0"/>
              </a:defRPr>
            </a:lvl4pPr>
            <a:lvl5pPr marL="1828800" indent="0">
              <a:buNone/>
              <a:defRPr sz="1400" b="0" i="0">
                <a:latin typeface="Arial" panose="020B0604020202020204" pitchFamily="34" charset="0"/>
                <a:cs typeface="Arial" panose="020B0604020202020204" pitchFamily="34" charset="0"/>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a:t>Body text is Arial Regular, 14pt. </a:t>
            </a:r>
            <a:r>
              <a:rPr lang="en-US" sz="1400">
                <a:latin typeface="+mn-lt"/>
              </a:rPr>
              <a:t>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 </a:t>
            </a:r>
            <a:r>
              <a:rPr lang="en-US" sz="1400" err="1">
                <a:latin typeface="+mn-lt"/>
              </a:rPr>
              <a:t>amet</a:t>
            </a:r>
            <a:r>
              <a:rPr lang="en-US" sz="1400">
                <a:latin typeface="+mn-lt"/>
              </a:rPr>
              <a:t>, </a:t>
            </a:r>
            <a:r>
              <a:rPr lang="en-US" sz="1400" err="1">
                <a:latin typeface="+mn-lt"/>
              </a:rPr>
              <a:t>consectetur</a:t>
            </a:r>
            <a:r>
              <a:rPr lang="en-US" sz="1400">
                <a:latin typeface="+mn-lt"/>
              </a:rPr>
              <a:t> </a:t>
            </a:r>
            <a:r>
              <a:rPr lang="en-US" sz="1400" err="1">
                <a:latin typeface="+mn-lt"/>
              </a:rPr>
              <a:t>adipiscing</a:t>
            </a:r>
            <a:r>
              <a:rPr lang="en-US" sz="1400">
                <a:latin typeface="+mn-lt"/>
              </a:rPr>
              <a:t> </a:t>
            </a:r>
            <a:r>
              <a:rPr lang="en-US" sz="1400" err="1">
                <a:latin typeface="+mn-lt"/>
              </a:rPr>
              <a:t>elit</a:t>
            </a:r>
            <a:r>
              <a:rPr lang="en-US" sz="1400">
                <a:latin typeface="+mn-lt"/>
              </a:rPr>
              <a:t>. Lorem ipsum dolor sit.</a:t>
            </a:r>
            <a:endParaRPr lang="en-US"/>
          </a:p>
        </p:txBody>
      </p:sp>
      <p:sp>
        <p:nvSpPr>
          <p:cNvPr id="109" name="Picture Placeholder 108">
            <a:extLst>
              <a:ext uri="{FF2B5EF4-FFF2-40B4-BE49-F238E27FC236}">
                <a16:creationId xmlns:a16="http://schemas.microsoft.com/office/drawing/2014/main" id="{F71183BC-183E-724E-91F1-61529AD7E141}"/>
              </a:ext>
            </a:extLst>
          </p:cNvPr>
          <p:cNvSpPr>
            <a:spLocks noGrp="1"/>
          </p:cNvSpPr>
          <p:nvPr>
            <p:ph type="pic" sz="quarter" idx="16"/>
          </p:nvPr>
        </p:nvSpPr>
        <p:spPr>
          <a:xfrm>
            <a:off x="2002186" y="2239913"/>
            <a:ext cx="984250" cy="984250"/>
          </a:xfrm>
        </p:spPr>
        <p:txBody>
          <a:bodyPr>
            <a:normAutofit/>
          </a:bodyPr>
          <a:lstStyle>
            <a:lvl1pPr>
              <a:defRPr sz="1400"/>
            </a:lvl1pPr>
          </a:lstStyle>
          <a:p>
            <a:endParaRPr lang="en-US"/>
          </a:p>
        </p:txBody>
      </p:sp>
      <p:sp>
        <p:nvSpPr>
          <p:cNvPr id="110" name="Picture Placeholder 108">
            <a:extLst>
              <a:ext uri="{FF2B5EF4-FFF2-40B4-BE49-F238E27FC236}">
                <a16:creationId xmlns:a16="http://schemas.microsoft.com/office/drawing/2014/main" id="{0C0A4437-FB2D-1544-9C4E-5F8AE41A14F4}"/>
              </a:ext>
            </a:extLst>
          </p:cNvPr>
          <p:cNvSpPr>
            <a:spLocks noGrp="1"/>
          </p:cNvSpPr>
          <p:nvPr>
            <p:ph type="pic" sz="quarter" idx="17"/>
          </p:nvPr>
        </p:nvSpPr>
        <p:spPr>
          <a:xfrm>
            <a:off x="5573288" y="2239913"/>
            <a:ext cx="984250" cy="984250"/>
          </a:xfrm>
        </p:spPr>
        <p:txBody>
          <a:bodyPr>
            <a:normAutofit/>
          </a:bodyPr>
          <a:lstStyle>
            <a:lvl1pPr>
              <a:defRPr sz="1400"/>
            </a:lvl1pPr>
          </a:lstStyle>
          <a:p>
            <a:endParaRPr lang="en-US"/>
          </a:p>
        </p:txBody>
      </p:sp>
      <p:sp>
        <p:nvSpPr>
          <p:cNvPr id="111" name="Picture Placeholder 108">
            <a:extLst>
              <a:ext uri="{FF2B5EF4-FFF2-40B4-BE49-F238E27FC236}">
                <a16:creationId xmlns:a16="http://schemas.microsoft.com/office/drawing/2014/main" id="{C70E99F1-3574-964A-8490-783821450ACF}"/>
              </a:ext>
            </a:extLst>
          </p:cNvPr>
          <p:cNvSpPr>
            <a:spLocks noGrp="1"/>
          </p:cNvSpPr>
          <p:nvPr>
            <p:ph type="pic" sz="quarter" idx="18"/>
          </p:nvPr>
        </p:nvSpPr>
        <p:spPr>
          <a:xfrm>
            <a:off x="9144391" y="2239913"/>
            <a:ext cx="984250" cy="984250"/>
          </a:xfrm>
        </p:spPr>
        <p:txBody>
          <a:bodyPr>
            <a:normAutofit/>
          </a:bodyPr>
          <a:lstStyle>
            <a:lvl1pPr>
              <a:defRPr sz="1400"/>
            </a:lvl1pPr>
          </a:lstStyle>
          <a:p>
            <a:endParaRPr lang="en-US"/>
          </a:p>
        </p:txBody>
      </p:sp>
    </p:spTree>
    <p:extLst>
      <p:ext uri="{BB962C8B-B14F-4D97-AF65-F5344CB8AC3E}">
        <p14:creationId xmlns:p14="http://schemas.microsoft.com/office/powerpoint/2010/main" val="35236544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riangle White Map Layout">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36CBD88E-7AA7-2F48-B212-410094C9A513}"/>
              </a:ext>
            </a:extLst>
          </p:cNvPr>
          <p:cNvGrpSpPr/>
          <p:nvPr userDrawn="1"/>
        </p:nvGrpSpPr>
        <p:grpSpPr>
          <a:xfrm flipV="1">
            <a:off x="-1985833" y="-840976"/>
            <a:ext cx="14737825" cy="8784567"/>
            <a:chOff x="0" y="-1142"/>
            <a:chExt cx="12191046" cy="7317389"/>
          </a:xfrm>
          <a:solidFill>
            <a:schemeClr val="bg2">
              <a:alpha val="47000"/>
            </a:schemeClr>
          </a:solidFill>
        </p:grpSpPr>
        <p:sp>
          <p:nvSpPr>
            <p:cNvPr id="7" name="Freeform: Shape 6">
              <a:extLst>
                <a:ext uri="{FF2B5EF4-FFF2-40B4-BE49-F238E27FC236}">
                  <a16:creationId xmlns:a16="http://schemas.microsoft.com/office/drawing/2014/main" id="{F5D37431-1A94-7A46-BA6A-0C7B1620199A}"/>
                </a:ext>
              </a:extLst>
            </p:cNvPr>
            <p:cNvSpPr/>
            <p:nvPr/>
          </p:nvSpPr>
          <p:spPr>
            <a:xfrm>
              <a:off x="329865" y="1197251"/>
              <a:ext cx="6638238" cy="6117758"/>
            </a:xfrm>
            <a:custGeom>
              <a:avLst/>
              <a:gdLst>
                <a:gd name="connsiteX0" fmla="*/ 2268269 w 6638238"/>
                <a:gd name="connsiteY0" fmla="*/ 5194024 h 6117758"/>
                <a:gd name="connsiteX1" fmla="*/ 2149302 w 6638238"/>
                <a:gd name="connsiteY1" fmla="*/ 4581757 h 6117758"/>
                <a:gd name="connsiteX2" fmla="*/ 1969470 w 6638238"/>
                <a:gd name="connsiteY2" fmla="*/ 4094744 h 6117758"/>
                <a:gd name="connsiteX3" fmla="*/ 1936609 w 6638238"/>
                <a:gd name="connsiteY3" fmla="*/ 3931390 h 6117758"/>
                <a:gd name="connsiteX4" fmla="*/ 1933370 w 6638238"/>
                <a:gd name="connsiteY4" fmla="*/ 3865762 h 6117758"/>
                <a:gd name="connsiteX5" fmla="*/ 1736489 w 6638238"/>
                <a:gd name="connsiteY5" fmla="*/ 3459902 h 6117758"/>
                <a:gd name="connsiteX6" fmla="*/ 1484267 w 6638238"/>
                <a:gd name="connsiteY6" fmla="*/ 3414944 h 6117758"/>
                <a:gd name="connsiteX7" fmla="*/ 1383587 w 6638238"/>
                <a:gd name="connsiteY7" fmla="*/ 3422564 h 6117758"/>
                <a:gd name="connsiteX8" fmla="*/ 994586 w 6638238"/>
                <a:gd name="connsiteY8" fmla="*/ 3571440 h 6117758"/>
                <a:gd name="connsiteX9" fmla="*/ 851044 w 6638238"/>
                <a:gd name="connsiteY9" fmla="*/ 3719744 h 6117758"/>
                <a:gd name="connsiteX10" fmla="*/ 778940 w 6638238"/>
                <a:gd name="connsiteY10" fmla="*/ 3803469 h 6117758"/>
                <a:gd name="connsiteX11" fmla="*/ 755128 w 6638238"/>
                <a:gd name="connsiteY11" fmla="*/ 3809279 h 6117758"/>
                <a:gd name="connsiteX12" fmla="*/ 521003 w 6638238"/>
                <a:gd name="connsiteY12" fmla="*/ 3549437 h 6117758"/>
                <a:gd name="connsiteX13" fmla="*/ 302881 w 6638238"/>
                <a:gd name="connsiteY13" fmla="*/ 3356175 h 6117758"/>
                <a:gd name="connsiteX14" fmla="*/ 121906 w 6638238"/>
                <a:gd name="connsiteY14" fmla="*/ 3031658 h 6117758"/>
                <a:gd name="connsiteX15" fmla="*/ 70661 w 6638238"/>
                <a:gd name="connsiteY15" fmla="*/ 2896975 h 6117758"/>
                <a:gd name="connsiteX16" fmla="*/ 1224 w 6638238"/>
                <a:gd name="connsiteY16" fmla="*/ 2465587 h 6117758"/>
                <a:gd name="connsiteX17" fmla="*/ 462 w 6638238"/>
                <a:gd name="connsiteY17" fmla="*/ 2350621 h 6117758"/>
                <a:gd name="connsiteX18" fmla="*/ 133812 w 6638238"/>
                <a:gd name="connsiteY18" fmla="*/ 1990766 h 6117758"/>
                <a:gd name="connsiteX19" fmla="*/ 687024 w 6638238"/>
                <a:gd name="connsiteY19" fmla="*/ 1787693 h 6117758"/>
                <a:gd name="connsiteX20" fmla="*/ 691691 w 6638238"/>
                <a:gd name="connsiteY20" fmla="*/ 1787693 h 6117758"/>
                <a:gd name="connsiteX21" fmla="*/ 695215 w 6638238"/>
                <a:gd name="connsiteY21" fmla="*/ 1787693 h 6117758"/>
                <a:gd name="connsiteX22" fmla="*/ 1198040 w 6638238"/>
                <a:gd name="connsiteY22" fmla="*/ 1591859 h 6117758"/>
                <a:gd name="connsiteX23" fmla="*/ 1445690 w 6638238"/>
                <a:gd name="connsiteY23" fmla="*/ 1287059 h 6117758"/>
                <a:gd name="connsiteX24" fmla="*/ 1533130 w 6638238"/>
                <a:gd name="connsiteY24" fmla="*/ 1166092 h 6117758"/>
                <a:gd name="connsiteX25" fmla="*/ 1623998 w 6638238"/>
                <a:gd name="connsiteY25" fmla="*/ 690413 h 6117758"/>
                <a:gd name="connsiteX26" fmla="*/ 1552942 w 6638238"/>
                <a:gd name="connsiteY26" fmla="*/ 512296 h 6117758"/>
                <a:gd name="connsiteX27" fmla="*/ 1517032 w 6638238"/>
                <a:gd name="connsiteY27" fmla="*/ 448573 h 6117758"/>
                <a:gd name="connsiteX28" fmla="*/ 1504174 w 6638238"/>
                <a:gd name="connsiteY28" fmla="*/ 129200 h 6117758"/>
                <a:gd name="connsiteX29" fmla="*/ 1505317 w 6638238"/>
                <a:gd name="connsiteY29" fmla="*/ 114913 h 6117758"/>
                <a:gd name="connsiteX30" fmla="*/ 1586470 w 6638238"/>
                <a:gd name="connsiteY30" fmla="*/ 23568 h 6117758"/>
                <a:gd name="connsiteX31" fmla="*/ 1609520 w 6638238"/>
                <a:gd name="connsiteY31" fmla="*/ 10804 h 6117758"/>
                <a:gd name="connsiteX32" fmla="*/ 1723820 w 6638238"/>
                <a:gd name="connsiteY32" fmla="*/ 43761 h 6117758"/>
                <a:gd name="connsiteX33" fmla="*/ 1751633 w 6638238"/>
                <a:gd name="connsiteY33" fmla="*/ 67859 h 6117758"/>
                <a:gd name="connsiteX34" fmla="*/ 1787638 w 6638238"/>
                <a:gd name="connsiteY34" fmla="*/ 298745 h 6117758"/>
                <a:gd name="connsiteX35" fmla="*/ 1734679 w 6638238"/>
                <a:gd name="connsiteY35" fmla="*/ 529822 h 6117758"/>
                <a:gd name="connsiteX36" fmla="*/ 1701818 w 6638238"/>
                <a:gd name="connsiteY36" fmla="*/ 661076 h 6117758"/>
                <a:gd name="connsiteX37" fmla="*/ 1699151 w 6638238"/>
                <a:gd name="connsiteY37" fmla="*/ 865388 h 6117758"/>
                <a:gd name="connsiteX38" fmla="*/ 1704770 w 6638238"/>
                <a:gd name="connsiteY38" fmla="*/ 1029313 h 6117758"/>
                <a:gd name="connsiteX39" fmla="*/ 1757348 w 6638238"/>
                <a:gd name="connsiteY39" fmla="*/ 1473083 h 6117758"/>
                <a:gd name="connsiteX40" fmla="*/ 1774779 w 6638238"/>
                <a:gd name="connsiteY40" fmla="*/ 1585096 h 6117758"/>
                <a:gd name="connsiteX41" fmla="*/ 1850979 w 6638238"/>
                <a:gd name="connsiteY41" fmla="*/ 1685300 h 6117758"/>
                <a:gd name="connsiteX42" fmla="*/ 1903557 w 6638238"/>
                <a:gd name="connsiteY42" fmla="*/ 1741973 h 6117758"/>
                <a:gd name="connsiteX43" fmla="*/ 1933370 w 6638238"/>
                <a:gd name="connsiteY43" fmla="*/ 1845129 h 6117758"/>
                <a:gd name="connsiteX44" fmla="*/ 2003569 w 6638238"/>
                <a:gd name="connsiteY44" fmla="*/ 2059156 h 6117758"/>
                <a:gd name="connsiteX45" fmla="*/ 2063577 w 6638238"/>
                <a:gd name="connsiteY45" fmla="*/ 2122783 h 6117758"/>
                <a:gd name="connsiteX46" fmla="*/ 2179401 w 6638238"/>
                <a:gd name="connsiteY46" fmla="*/ 2255180 h 6117758"/>
                <a:gd name="connsiteX47" fmla="*/ 2306560 w 6638238"/>
                <a:gd name="connsiteY47" fmla="*/ 2311283 h 6117758"/>
                <a:gd name="connsiteX48" fmla="*/ 2335992 w 6638238"/>
                <a:gd name="connsiteY48" fmla="*/ 2300996 h 6117758"/>
                <a:gd name="connsiteX49" fmla="*/ 2624599 w 6638238"/>
                <a:gd name="connsiteY49" fmla="*/ 2050393 h 6117758"/>
                <a:gd name="connsiteX50" fmla="*/ 3632154 w 6638238"/>
                <a:gd name="connsiteY50" fmla="*/ 1395644 h 6117758"/>
                <a:gd name="connsiteX51" fmla="*/ 4391487 w 6638238"/>
                <a:gd name="connsiteY51" fmla="*/ 1374213 h 6117758"/>
                <a:gd name="connsiteX52" fmla="*/ 4537791 w 6638238"/>
                <a:gd name="connsiteY52" fmla="*/ 1364021 h 6117758"/>
                <a:gd name="connsiteX53" fmla="*/ 4654187 w 6638238"/>
                <a:gd name="connsiteY53" fmla="*/ 1352782 h 6117758"/>
                <a:gd name="connsiteX54" fmla="*/ 4857927 w 6638238"/>
                <a:gd name="connsiteY54" fmla="*/ 1456604 h 6117758"/>
                <a:gd name="connsiteX55" fmla="*/ 5085955 w 6638238"/>
                <a:gd name="connsiteY55" fmla="*/ 1534804 h 6117758"/>
                <a:gd name="connsiteX56" fmla="*/ 5157583 w 6638238"/>
                <a:gd name="connsiteY56" fmla="*/ 1556141 h 6117758"/>
                <a:gd name="connsiteX57" fmla="*/ 5259977 w 6638238"/>
                <a:gd name="connsiteY57" fmla="*/ 1582334 h 6117758"/>
                <a:gd name="connsiteX58" fmla="*/ 5421902 w 6638238"/>
                <a:gd name="connsiteY58" fmla="*/ 1627387 h 6117758"/>
                <a:gd name="connsiteX59" fmla="*/ 5728511 w 6638238"/>
                <a:gd name="connsiteY59" fmla="*/ 1911804 h 6117758"/>
                <a:gd name="connsiteX60" fmla="*/ 6077507 w 6638238"/>
                <a:gd name="connsiteY60" fmla="*/ 2291090 h 6117758"/>
                <a:gd name="connsiteX61" fmla="*/ 6231241 w 6638238"/>
                <a:gd name="connsiteY61" fmla="*/ 2414915 h 6117758"/>
                <a:gd name="connsiteX62" fmla="*/ 6404882 w 6638238"/>
                <a:gd name="connsiteY62" fmla="*/ 2554837 h 6117758"/>
                <a:gd name="connsiteX63" fmla="*/ 6465651 w 6638238"/>
                <a:gd name="connsiteY63" fmla="*/ 2933837 h 6117758"/>
                <a:gd name="connsiteX64" fmla="*/ 6464508 w 6638238"/>
                <a:gd name="connsiteY64" fmla="*/ 3151769 h 6117758"/>
                <a:gd name="connsiteX65" fmla="*/ 6464508 w 6638238"/>
                <a:gd name="connsiteY65" fmla="*/ 3361985 h 6117758"/>
                <a:gd name="connsiteX66" fmla="*/ 6477177 w 6638238"/>
                <a:gd name="connsiteY66" fmla="*/ 3712315 h 6117758"/>
                <a:gd name="connsiteX67" fmla="*/ 6490226 w 6638238"/>
                <a:gd name="connsiteY67" fmla="*/ 4033117 h 6117758"/>
                <a:gd name="connsiteX68" fmla="*/ 6487368 w 6638238"/>
                <a:gd name="connsiteY68" fmla="*/ 4823692 h 6117758"/>
                <a:gd name="connsiteX69" fmla="*/ 6531374 w 6638238"/>
                <a:gd name="connsiteY69" fmla="*/ 5190976 h 6117758"/>
                <a:gd name="connsiteX70" fmla="*/ 6544518 w 6638238"/>
                <a:gd name="connsiteY70" fmla="*/ 5272891 h 6117758"/>
                <a:gd name="connsiteX71" fmla="*/ 6593477 w 6638238"/>
                <a:gd name="connsiteY71" fmla="*/ 5461391 h 6117758"/>
                <a:gd name="connsiteX72" fmla="*/ 6636053 w 6638238"/>
                <a:gd name="connsiteY72" fmla="*/ 5617982 h 6117758"/>
                <a:gd name="connsiteX73" fmla="*/ 6558520 w 6638238"/>
                <a:gd name="connsiteY73" fmla="*/ 5907351 h 6117758"/>
                <a:gd name="connsiteX74" fmla="*/ 6512990 w 6638238"/>
                <a:gd name="connsiteY74" fmla="*/ 6030129 h 6117758"/>
                <a:gd name="connsiteX75" fmla="*/ 6471557 w 6638238"/>
                <a:gd name="connsiteY75" fmla="*/ 6117758 h 6117758"/>
                <a:gd name="connsiteX76" fmla="*/ 6466032 w 6638238"/>
                <a:gd name="connsiteY76" fmla="*/ 6117758 h 6117758"/>
                <a:gd name="connsiteX77" fmla="*/ 6508418 w 6638238"/>
                <a:gd name="connsiteY77" fmla="*/ 6029176 h 6117758"/>
                <a:gd name="connsiteX78" fmla="*/ 6554138 w 6638238"/>
                <a:gd name="connsiteY78" fmla="*/ 5905351 h 6117758"/>
                <a:gd name="connsiteX79" fmla="*/ 6631386 w 6638238"/>
                <a:gd name="connsiteY79" fmla="*/ 5618649 h 6117758"/>
                <a:gd name="connsiteX80" fmla="*/ 6588905 w 6638238"/>
                <a:gd name="connsiteY80" fmla="*/ 5462629 h 6117758"/>
                <a:gd name="connsiteX81" fmla="*/ 6539851 w 6638238"/>
                <a:gd name="connsiteY81" fmla="*/ 5273463 h 6117758"/>
                <a:gd name="connsiteX82" fmla="*/ 6526611 w 6638238"/>
                <a:gd name="connsiteY82" fmla="*/ 5191547 h 6117758"/>
                <a:gd name="connsiteX83" fmla="*/ 6482605 w 6638238"/>
                <a:gd name="connsiteY83" fmla="*/ 4823501 h 6117758"/>
                <a:gd name="connsiteX84" fmla="*/ 6485463 w 6638238"/>
                <a:gd name="connsiteY84" fmla="*/ 4032926 h 6117758"/>
                <a:gd name="connsiteX85" fmla="*/ 6472414 w 6638238"/>
                <a:gd name="connsiteY85" fmla="*/ 3712410 h 6117758"/>
                <a:gd name="connsiteX86" fmla="*/ 6459746 w 6638238"/>
                <a:gd name="connsiteY86" fmla="*/ 3361700 h 6117758"/>
                <a:gd name="connsiteX87" fmla="*/ 6459746 w 6638238"/>
                <a:gd name="connsiteY87" fmla="*/ 3151578 h 6117758"/>
                <a:gd name="connsiteX88" fmla="*/ 6460889 w 6638238"/>
                <a:gd name="connsiteY88" fmla="*/ 2933360 h 6117758"/>
                <a:gd name="connsiteX89" fmla="*/ 6401453 w 6638238"/>
                <a:gd name="connsiteY89" fmla="*/ 2557980 h 6117758"/>
                <a:gd name="connsiteX90" fmla="*/ 6228384 w 6638238"/>
                <a:gd name="connsiteY90" fmla="*/ 2418534 h 6117758"/>
                <a:gd name="connsiteX91" fmla="*/ 6073793 w 6638238"/>
                <a:gd name="connsiteY91" fmla="*/ 2294233 h 6117758"/>
                <a:gd name="connsiteX92" fmla="*/ 5724892 w 6638238"/>
                <a:gd name="connsiteY92" fmla="*/ 1915043 h 6117758"/>
                <a:gd name="connsiteX93" fmla="*/ 5419425 w 6638238"/>
                <a:gd name="connsiteY93" fmla="*/ 1631483 h 6117758"/>
                <a:gd name="connsiteX94" fmla="*/ 5258834 w 6638238"/>
                <a:gd name="connsiteY94" fmla="*/ 1586906 h 6117758"/>
                <a:gd name="connsiteX95" fmla="*/ 5155964 w 6638238"/>
                <a:gd name="connsiteY95" fmla="*/ 1560522 h 6117758"/>
                <a:gd name="connsiteX96" fmla="*/ 5084622 w 6638238"/>
                <a:gd name="connsiteY96" fmla="*/ 1539281 h 6117758"/>
                <a:gd name="connsiteX97" fmla="*/ 4855069 w 6638238"/>
                <a:gd name="connsiteY97" fmla="*/ 1460319 h 6117758"/>
                <a:gd name="connsiteX98" fmla="*/ 4654091 w 6638238"/>
                <a:gd name="connsiteY98" fmla="*/ 1357449 h 6117758"/>
                <a:gd name="connsiteX99" fmla="*/ 4648281 w 6638238"/>
                <a:gd name="connsiteY99" fmla="*/ 1357449 h 6117758"/>
                <a:gd name="connsiteX100" fmla="*/ 4538458 w 6638238"/>
                <a:gd name="connsiteY100" fmla="*/ 1368688 h 6117758"/>
                <a:gd name="connsiteX101" fmla="*/ 4390535 w 6638238"/>
                <a:gd name="connsiteY101" fmla="*/ 1378785 h 6117758"/>
                <a:gd name="connsiteX102" fmla="*/ 3634059 w 6638238"/>
                <a:gd name="connsiteY102" fmla="*/ 1399931 h 6117758"/>
                <a:gd name="connsiteX103" fmla="*/ 2628219 w 6638238"/>
                <a:gd name="connsiteY103" fmla="*/ 2053441 h 6117758"/>
                <a:gd name="connsiteX104" fmla="*/ 2336278 w 6638238"/>
                <a:gd name="connsiteY104" fmla="*/ 2305758 h 6117758"/>
                <a:gd name="connsiteX105" fmla="*/ 2308655 w 6638238"/>
                <a:gd name="connsiteY105" fmla="*/ 2315283 h 6117758"/>
                <a:gd name="connsiteX106" fmla="*/ 2175305 w 6638238"/>
                <a:gd name="connsiteY106" fmla="*/ 2257466 h 6117758"/>
                <a:gd name="connsiteX107" fmla="*/ 2060910 w 6638238"/>
                <a:gd name="connsiteY107" fmla="*/ 2126307 h 6117758"/>
                <a:gd name="connsiteX108" fmla="*/ 2000045 w 6638238"/>
                <a:gd name="connsiteY108" fmla="*/ 2061632 h 6117758"/>
                <a:gd name="connsiteX109" fmla="*/ 1929274 w 6638238"/>
                <a:gd name="connsiteY109" fmla="*/ 1846177 h 6117758"/>
                <a:gd name="connsiteX110" fmla="*/ 1899747 w 6638238"/>
                <a:gd name="connsiteY110" fmla="*/ 1743878 h 6117758"/>
                <a:gd name="connsiteX111" fmla="*/ 1848312 w 6638238"/>
                <a:gd name="connsiteY111" fmla="*/ 1688728 h 6117758"/>
                <a:gd name="connsiteX112" fmla="*/ 1770874 w 6638238"/>
                <a:gd name="connsiteY112" fmla="*/ 1585477 h 6117758"/>
                <a:gd name="connsiteX113" fmla="*/ 1753443 w 6638238"/>
                <a:gd name="connsiteY113" fmla="*/ 1473749 h 6117758"/>
                <a:gd name="connsiteX114" fmla="*/ 1700770 w 6638238"/>
                <a:gd name="connsiteY114" fmla="*/ 1028932 h 6117758"/>
                <a:gd name="connsiteX115" fmla="*/ 1695150 w 6638238"/>
                <a:gd name="connsiteY115" fmla="*/ 865673 h 6117758"/>
                <a:gd name="connsiteX116" fmla="*/ 1698007 w 6638238"/>
                <a:gd name="connsiteY116" fmla="*/ 659933 h 6117758"/>
                <a:gd name="connsiteX117" fmla="*/ 1730773 w 6638238"/>
                <a:gd name="connsiteY117" fmla="*/ 528488 h 6117758"/>
                <a:gd name="connsiteX118" fmla="*/ 1783732 w 6638238"/>
                <a:gd name="connsiteY118" fmla="*/ 297888 h 6117758"/>
                <a:gd name="connsiteX119" fmla="*/ 1749728 w 6638238"/>
                <a:gd name="connsiteY119" fmla="*/ 71764 h 6117758"/>
                <a:gd name="connsiteX120" fmla="*/ 1721153 w 6638238"/>
                <a:gd name="connsiteY120" fmla="*/ 47095 h 6117758"/>
                <a:gd name="connsiteX121" fmla="*/ 1612664 w 6638238"/>
                <a:gd name="connsiteY121" fmla="*/ 14805 h 6117758"/>
                <a:gd name="connsiteX122" fmla="*/ 1589613 w 6638238"/>
                <a:gd name="connsiteY122" fmla="*/ 27664 h 6117758"/>
                <a:gd name="connsiteX123" fmla="*/ 1510936 w 6638238"/>
                <a:gd name="connsiteY123" fmla="*/ 115198 h 6117758"/>
                <a:gd name="connsiteX124" fmla="*/ 1509793 w 6638238"/>
                <a:gd name="connsiteY124" fmla="*/ 129486 h 6117758"/>
                <a:gd name="connsiteX125" fmla="*/ 1522176 w 6638238"/>
                <a:gd name="connsiteY125" fmla="*/ 446383 h 6117758"/>
                <a:gd name="connsiteX126" fmla="*/ 1557895 w 6638238"/>
                <a:gd name="connsiteY126" fmla="*/ 509724 h 6117758"/>
                <a:gd name="connsiteX127" fmla="*/ 1629618 w 6638238"/>
                <a:gd name="connsiteY127" fmla="*/ 690699 h 6117758"/>
                <a:gd name="connsiteX128" fmla="*/ 1537511 w 6638238"/>
                <a:gd name="connsiteY128" fmla="*/ 1169616 h 6117758"/>
                <a:gd name="connsiteX129" fmla="*/ 1450453 w 6638238"/>
                <a:gd name="connsiteY129" fmla="*/ 1290012 h 6117758"/>
                <a:gd name="connsiteX130" fmla="*/ 1200898 w 6638238"/>
                <a:gd name="connsiteY130" fmla="*/ 1596145 h 6117758"/>
                <a:gd name="connsiteX131" fmla="*/ 696073 w 6638238"/>
                <a:gd name="connsiteY131" fmla="*/ 1792646 h 6117758"/>
                <a:gd name="connsiteX132" fmla="*/ 692358 w 6638238"/>
                <a:gd name="connsiteY132" fmla="*/ 1792646 h 6117758"/>
                <a:gd name="connsiteX133" fmla="*/ 136860 w 6638238"/>
                <a:gd name="connsiteY133" fmla="*/ 1993624 h 6117758"/>
                <a:gd name="connsiteX134" fmla="*/ 4843 w 6638238"/>
                <a:gd name="connsiteY134" fmla="*/ 2349668 h 6117758"/>
                <a:gd name="connsiteX135" fmla="*/ 5605 w 6638238"/>
                <a:gd name="connsiteY135" fmla="*/ 2464730 h 6117758"/>
                <a:gd name="connsiteX136" fmla="*/ 74757 w 6638238"/>
                <a:gd name="connsiteY136" fmla="*/ 2894308 h 6117758"/>
                <a:gd name="connsiteX137" fmla="*/ 126001 w 6638238"/>
                <a:gd name="connsiteY137" fmla="*/ 3029182 h 6117758"/>
                <a:gd name="connsiteX138" fmla="*/ 305452 w 6638238"/>
                <a:gd name="connsiteY138" fmla="*/ 3351317 h 6117758"/>
                <a:gd name="connsiteX139" fmla="*/ 524527 w 6638238"/>
                <a:gd name="connsiteY139" fmla="*/ 3545913 h 6117758"/>
                <a:gd name="connsiteX140" fmla="*/ 755413 w 6638238"/>
                <a:gd name="connsiteY140" fmla="*/ 3803660 h 6117758"/>
                <a:gd name="connsiteX141" fmla="*/ 775607 w 6638238"/>
                <a:gd name="connsiteY141" fmla="*/ 3798897 h 6117758"/>
                <a:gd name="connsiteX142" fmla="*/ 846853 w 6638238"/>
                <a:gd name="connsiteY142" fmla="*/ 3716030 h 6117758"/>
                <a:gd name="connsiteX143" fmla="*/ 991824 w 6638238"/>
                <a:gd name="connsiteY143" fmla="*/ 3566487 h 6117758"/>
                <a:gd name="connsiteX144" fmla="*/ 1383587 w 6638238"/>
                <a:gd name="connsiteY144" fmla="*/ 3416945 h 6117758"/>
                <a:gd name="connsiteX145" fmla="*/ 1483314 w 6638238"/>
                <a:gd name="connsiteY145" fmla="*/ 3409325 h 6117758"/>
                <a:gd name="connsiteX146" fmla="*/ 1740013 w 6638238"/>
                <a:gd name="connsiteY146" fmla="*/ 3456378 h 6117758"/>
                <a:gd name="connsiteX147" fmla="*/ 1937752 w 6638238"/>
                <a:gd name="connsiteY147" fmla="*/ 3864524 h 6117758"/>
                <a:gd name="connsiteX148" fmla="*/ 1940990 w 6638238"/>
                <a:gd name="connsiteY148" fmla="*/ 3930342 h 6117758"/>
                <a:gd name="connsiteX149" fmla="*/ 1973185 w 6638238"/>
                <a:gd name="connsiteY149" fmla="*/ 4091410 h 6117758"/>
                <a:gd name="connsiteX150" fmla="*/ 2153683 w 6638238"/>
                <a:gd name="connsiteY150" fmla="*/ 4580233 h 6117758"/>
                <a:gd name="connsiteX151" fmla="*/ 2272079 w 6638238"/>
                <a:gd name="connsiteY151" fmla="*/ 5190976 h 6117758"/>
                <a:gd name="connsiteX152" fmla="*/ 2468104 w 6638238"/>
                <a:gd name="connsiteY152" fmla="*/ 5664369 h 6117758"/>
                <a:gd name="connsiteX153" fmla="*/ 2709372 w 6638238"/>
                <a:gd name="connsiteY153" fmla="*/ 6117568 h 6117758"/>
                <a:gd name="connsiteX154" fmla="*/ 2702514 w 6638238"/>
                <a:gd name="connsiteY154" fmla="*/ 6117568 h 6117758"/>
                <a:gd name="connsiteX155" fmla="*/ 2463627 w 6638238"/>
                <a:gd name="connsiteY155" fmla="*/ 5665892 h 6117758"/>
                <a:gd name="connsiteX156" fmla="*/ 2268269 w 6638238"/>
                <a:gd name="connsiteY156" fmla="*/ 5194024 h 611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Lst>
              <a:rect l="l" t="t" r="r" b="b"/>
              <a:pathLst>
                <a:path w="6638238" h="6117758">
                  <a:moveTo>
                    <a:pt x="2268269" y="5194024"/>
                  </a:moveTo>
                  <a:cubicBezTo>
                    <a:pt x="2230169" y="5119062"/>
                    <a:pt x="2166733" y="4713202"/>
                    <a:pt x="2149302" y="4581757"/>
                  </a:cubicBezTo>
                  <a:cubicBezTo>
                    <a:pt x="2129014" y="4428309"/>
                    <a:pt x="2007094" y="4155037"/>
                    <a:pt x="1969470" y="4094744"/>
                  </a:cubicBezTo>
                  <a:cubicBezTo>
                    <a:pt x="1940323" y="4048166"/>
                    <a:pt x="1938609" y="3994065"/>
                    <a:pt x="1936609" y="3931390"/>
                  </a:cubicBezTo>
                  <a:cubicBezTo>
                    <a:pt x="1935942" y="3910244"/>
                    <a:pt x="1935180" y="3888432"/>
                    <a:pt x="1933370" y="3865762"/>
                  </a:cubicBezTo>
                  <a:cubicBezTo>
                    <a:pt x="1926512" y="3779466"/>
                    <a:pt x="1812593" y="3571059"/>
                    <a:pt x="1736489" y="3459902"/>
                  </a:cubicBezTo>
                  <a:cubicBezTo>
                    <a:pt x="1687530" y="3388465"/>
                    <a:pt x="1579517" y="3402752"/>
                    <a:pt x="1484267" y="3414944"/>
                  </a:cubicBezTo>
                  <a:cubicBezTo>
                    <a:pt x="1450999" y="3420463"/>
                    <a:pt x="1417307" y="3423014"/>
                    <a:pt x="1383587" y="3422564"/>
                  </a:cubicBezTo>
                  <a:cubicBezTo>
                    <a:pt x="1296434" y="3416754"/>
                    <a:pt x="1097837" y="3513337"/>
                    <a:pt x="994586" y="3571440"/>
                  </a:cubicBezTo>
                  <a:cubicBezTo>
                    <a:pt x="941818" y="3601063"/>
                    <a:pt x="893526" y="3664118"/>
                    <a:pt x="851044" y="3719744"/>
                  </a:cubicBezTo>
                  <a:cubicBezTo>
                    <a:pt x="823517" y="3755653"/>
                    <a:pt x="799800" y="3786419"/>
                    <a:pt x="778940" y="3803469"/>
                  </a:cubicBezTo>
                  <a:cubicBezTo>
                    <a:pt x="772231" y="3808788"/>
                    <a:pt x="763533" y="3810910"/>
                    <a:pt x="755128" y="3809279"/>
                  </a:cubicBezTo>
                  <a:cubicBezTo>
                    <a:pt x="695501" y="3799754"/>
                    <a:pt x="593203" y="3656879"/>
                    <a:pt x="521003" y="3549437"/>
                  </a:cubicBezTo>
                  <a:cubicBezTo>
                    <a:pt x="462424" y="3462093"/>
                    <a:pt x="406703" y="3421707"/>
                    <a:pt x="302881" y="3356175"/>
                  </a:cubicBezTo>
                  <a:cubicBezTo>
                    <a:pt x="223061" y="3305978"/>
                    <a:pt x="178294" y="3184725"/>
                    <a:pt x="121906" y="3031658"/>
                  </a:cubicBezTo>
                  <a:cubicBezTo>
                    <a:pt x="105904" y="2988320"/>
                    <a:pt x="89330" y="2943552"/>
                    <a:pt x="70661" y="2896975"/>
                  </a:cubicBezTo>
                  <a:cubicBezTo>
                    <a:pt x="1414" y="2723810"/>
                    <a:pt x="1414" y="2620750"/>
                    <a:pt x="1224" y="2465587"/>
                  </a:cubicBezTo>
                  <a:cubicBezTo>
                    <a:pt x="1224" y="2429774"/>
                    <a:pt x="1224" y="2392721"/>
                    <a:pt x="462" y="2350621"/>
                  </a:cubicBezTo>
                  <a:cubicBezTo>
                    <a:pt x="-3824" y="2122021"/>
                    <a:pt x="20274" y="2081254"/>
                    <a:pt x="133812" y="1990766"/>
                  </a:cubicBezTo>
                  <a:cubicBezTo>
                    <a:pt x="241254" y="1905613"/>
                    <a:pt x="596632" y="1787693"/>
                    <a:pt x="687024" y="1787693"/>
                  </a:cubicBezTo>
                  <a:lnTo>
                    <a:pt x="691691" y="1787693"/>
                  </a:lnTo>
                  <a:lnTo>
                    <a:pt x="695215" y="1787693"/>
                  </a:lnTo>
                  <a:cubicBezTo>
                    <a:pt x="777988" y="1787693"/>
                    <a:pt x="1096599" y="1651867"/>
                    <a:pt x="1198040" y="1591859"/>
                  </a:cubicBezTo>
                  <a:cubicBezTo>
                    <a:pt x="1263286" y="1553283"/>
                    <a:pt x="1368919" y="1399454"/>
                    <a:pt x="1445690" y="1287059"/>
                  </a:cubicBezTo>
                  <a:cubicBezTo>
                    <a:pt x="1482838" y="1232957"/>
                    <a:pt x="1514937" y="1186285"/>
                    <a:pt x="1533130" y="1166092"/>
                  </a:cubicBezTo>
                  <a:cubicBezTo>
                    <a:pt x="1586470" y="1106942"/>
                    <a:pt x="1625522" y="780615"/>
                    <a:pt x="1623998" y="690413"/>
                  </a:cubicBezTo>
                  <a:cubicBezTo>
                    <a:pt x="1623046" y="629739"/>
                    <a:pt x="1585898" y="567350"/>
                    <a:pt x="1552942" y="512296"/>
                  </a:cubicBezTo>
                  <a:cubicBezTo>
                    <a:pt x="1539607" y="490007"/>
                    <a:pt x="1527034" y="468957"/>
                    <a:pt x="1517032" y="448573"/>
                  </a:cubicBezTo>
                  <a:cubicBezTo>
                    <a:pt x="1483600" y="380755"/>
                    <a:pt x="1498554" y="197971"/>
                    <a:pt x="1504174" y="129200"/>
                  </a:cubicBezTo>
                  <a:cubicBezTo>
                    <a:pt x="1504682" y="123676"/>
                    <a:pt x="1505063" y="118913"/>
                    <a:pt x="1505317" y="114913"/>
                  </a:cubicBezTo>
                  <a:cubicBezTo>
                    <a:pt x="1509127" y="65859"/>
                    <a:pt x="1539893" y="49000"/>
                    <a:pt x="1586470" y="23568"/>
                  </a:cubicBezTo>
                  <a:cubicBezTo>
                    <a:pt x="1593804" y="19567"/>
                    <a:pt x="1601519" y="15376"/>
                    <a:pt x="1609520" y="10804"/>
                  </a:cubicBezTo>
                  <a:cubicBezTo>
                    <a:pt x="1659622" y="-17771"/>
                    <a:pt x="1695245" y="16329"/>
                    <a:pt x="1723820" y="43761"/>
                  </a:cubicBezTo>
                  <a:cubicBezTo>
                    <a:pt x="1732344" y="52618"/>
                    <a:pt x="1741653" y="60684"/>
                    <a:pt x="1751633" y="67859"/>
                  </a:cubicBezTo>
                  <a:cubicBezTo>
                    <a:pt x="1789733" y="92910"/>
                    <a:pt x="1804878" y="189970"/>
                    <a:pt x="1787638" y="298745"/>
                  </a:cubicBezTo>
                  <a:cubicBezTo>
                    <a:pt x="1776779" y="367992"/>
                    <a:pt x="1755348" y="450288"/>
                    <a:pt x="1734679" y="529822"/>
                  </a:cubicBezTo>
                  <a:cubicBezTo>
                    <a:pt x="1722582" y="576209"/>
                    <a:pt x="1711152" y="620023"/>
                    <a:pt x="1701818" y="661076"/>
                  </a:cubicBezTo>
                  <a:cubicBezTo>
                    <a:pt x="1687149" y="725465"/>
                    <a:pt x="1692959" y="793379"/>
                    <a:pt x="1699151" y="865388"/>
                  </a:cubicBezTo>
                  <a:cubicBezTo>
                    <a:pt x="1705154" y="919809"/>
                    <a:pt x="1707032" y="974607"/>
                    <a:pt x="1704770" y="1029313"/>
                  </a:cubicBezTo>
                  <a:cubicBezTo>
                    <a:pt x="1698579" y="1122563"/>
                    <a:pt x="1733917" y="1333446"/>
                    <a:pt x="1757348" y="1473083"/>
                  </a:cubicBezTo>
                  <a:cubicBezTo>
                    <a:pt x="1766206" y="1525946"/>
                    <a:pt x="1773160" y="1567666"/>
                    <a:pt x="1774779" y="1585096"/>
                  </a:cubicBezTo>
                  <a:cubicBezTo>
                    <a:pt x="1778208" y="1621292"/>
                    <a:pt x="1816689" y="1655296"/>
                    <a:pt x="1850979" y="1685300"/>
                  </a:cubicBezTo>
                  <a:cubicBezTo>
                    <a:pt x="1873839" y="1705493"/>
                    <a:pt x="1895365" y="1724543"/>
                    <a:pt x="1903557" y="1741973"/>
                  </a:cubicBezTo>
                  <a:cubicBezTo>
                    <a:pt x="1911748" y="1759404"/>
                    <a:pt x="1921464" y="1798457"/>
                    <a:pt x="1933370" y="1845129"/>
                  </a:cubicBezTo>
                  <a:cubicBezTo>
                    <a:pt x="1953182" y="1922853"/>
                    <a:pt x="1977852" y="2019627"/>
                    <a:pt x="2003569" y="2059156"/>
                  </a:cubicBezTo>
                  <a:cubicBezTo>
                    <a:pt x="2020279" y="2083245"/>
                    <a:pt x="2040507" y="2104692"/>
                    <a:pt x="2063577" y="2122783"/>
                  </a:cubicBezTo>
                  <a:cubicBezTo>
                    <a:pt x="2109105" y="2160347"/>
                    <a:pt x="2148224" y="2205062"/>
                    <a:pt x="2179401" y="2255180"/>
                  </a:cubicBezTo>
                  <a:cubicBezTo>
                    <a:pt x="2236551" y="2345573"/>
                    <a:pt x="2275508" y="2326523"/>
                    <a:pt x="2306560" y="2311283"/>
                  </a:cubicBezTo>
                  <a:cubicBezTo>
                    <a:pt x="2315610" y="2305977"/>
                    <a:pt x="2325607" y="2302483"/>
                    <a:pt x="2335992" y="2300996"/>
                  </a:cubicBezTo>
                  <a:cubicBezTo>
                    <a:pt x="2371044" y="2298995"/>
                    <a:pt x="2583071" y="2100399"/>
                    <a:pt x="2624599" y="2050393"/>
                  </a:cubicBezTo>
                  <a:cubicBezTo>
                    <a:pt x="2659366" y="2008578"/>
                    <a:pt x="3396791" y="1499562"/>
                    <a:pt x="3632154" y="1395644"/>
                  </a:cubicBezTo>
                  <a:cubicBezTo>
                    <a:pt x="3861992" y="1294203"/>
                    <a:pt x="4332623" y="1361068"/>
                    <a:pt x="4391487" y="1374213"/>
                  </a:cubicBezTo>
                  <a:cubicBezTo>
                    <a:pt x="4418062" y="1380118"/>
                    <a:pt x="4479022" y="1371927"/>
                    <a:pt x="4537791" y="1364021"/>
                  </a:cubicBezTo>
                  <a:cubicBezTo>
                    <a:pt x="4576292" y="1357651"/>
                    <a:pt x="4615179" y="1353896"/>
                    <a:pt x="4654187" y="1352782"/>
                  </a:cubicBezTo>
                  <a:cubicBezTo>
                    <a:pt x="4722386" y="1355258"/>
                    <a:pt x="4844687" y="1446222"/>
                    <a:pt x="4857927" y="1456604"/>
                  </a:cubicBezTo>
                  <a:cubicBezTo>
                    <a:pt x="4884787" y="1477083"/>
                    <a:pt x="5005850" y="1511849"/>
                    <a:pt x="5085955" y="1534804"/>
                  </a:cubicBezTo>
                  <a:cubicBezTo>
                    <a:pt x="5118721" y="1544329"/>
                    <a:pt x="5144534" y="1551664"/>
                    <a:pt x="5157583" y="1556141"/>
                  </a:cubicBezTo>
                  <a:cubicBezTo>
                    <a:pt x="5175966" y="1562522"/>
                    <a:pt x="5216733" y="1572143"/>
                    <a:pt x="5259977" y="1582334"/>
                  </a:cubicBezTo>
                  <a:cubicBezTo>
                    <a:pt x="5325413" y="1597765"/>
                    <a:pt x="5399613" y="1615291"/>
                    <a:pt x="5421902" y="1627387"/>
                  </a:cubicBezTo>
                  <a:cubicBezTo>
                    <a:pt x="5459335" y="1647866"/>
                    <a:pt x="5677457" y="1859702"/>
                    <a:pt x="5728511" y="1911804"/>
                  </a:cubicBezTo>
                  <a:cubicBezTo>
                    <a:pt x="5783280" y="1967620"/>
                    <a:pt x="6025215" y="2232701"/>
                    <a:pt x="6077507" y="2291090"/>
                  </a:cubicBezTo>
                  <a:cubicBezTo>
                    <a:pt x="6102749" y="2319665"/>
                    <a:pt x="6165138" y="2365956"/>
                    <a:pt x="6231241" y="2414915"/>
                  </a:cubicBezTo>
                  <a:cubicBezTo>
                    <a:pt x="6299154" y="2465587"/>
                    <a:pt x="6369258" y="2518070"/>
                    <a:pt x="6404882" y="2554837"/>
                  </a:cubicBezTo>
                  <a:cubicBezTo>
                    <a:pt x="6456602" y="2608272"/>
                    <a:pt x="6476414" y="2732287"/>
                    <a:pt x="6465651" y="2933837"/>
                  </a:cubicBezTo>
                  <a:cubicBezTo>
                    <a:pt x="6462603" y="2989558"/>
                    <a:pt x="6463555" y="3068329"/>
                    <a:pt x="6464508" y="3151769"/>
                  </a:cubicBezTo>
                  <a:cubicBezTo>
                    <a:pt x="6465365" y="3225683"/>
                    <a:pt x="6466223" y="3302073"/>
                    <a:pt x="6464508" y="3361985"/>
                  </a:cubicBezTo>
                  <a:cubicBezTo>
                    <a:pt x="6462222" y="3428660"/>
                    <a:pt x="6469747" y="3573059"/>
                    <a:pt x="6477177" y="3712315"/>
                  </a:cubicBezTo>
                  <a:cubicBezTo>
                    <a:pt x="6483558" y="3833854"/>
                    <a:pt x="6490226" y="3959965"/>
                    <a:pt x="6490226" y="4033117"/>
                  </a:cubicBezTo>
                  <a:cubicBezTo>
                    <a:pt x="6490226" y="4184469"/>
                    <a:pt x="6488797" y="4703010"/>
                    <a:pt x="6487368" y="4823692"/>
                  </a:cubicBezTo>
                  <a:cubicBezTo>
                    <a:pt x="6486225" y="4916465"/>
                    <a:pt x="6512324" y="5075152"/>
                    <a:pt x="6531374" y="5190976"/>
                  </a:cubicBezTo>
                  <a:cubicBezTo>
                    <a:pt x="6536327" y="5221075"/>
                    <a:pt x="6540899" y="5249555"/>
                    <a:pt x="6544518" y="5272891"/>
                  </a:cubicBezTo>
                  <a:cubicBezTo>
                    <a:pt x="6554043" y="5333660"/>
                    <a:pt x="6573950" y="5398621"/>
                    <a:pt x="6593477" y="5461391"/>
                  </a:cubicBezTo>
                  <a:cubicBezTo>
                    <a:pt x="6610571" y="5512755"/>
                    <a:pt x="6624785" y="5565033"/>
                    <a:pt x="6636053" y="5617982"/>
                  </a:cubicBezTo>
                  <a:cubicBezTo>
                    <a:pt x="6649388" y="5689133"/>
                    <a:pt x="6599001" y="5810101"/>
                    <a:pt x="6558520" y="5907351"/>
                  </a:cubicBezTo>
                  <a:cubicBezTo>
                    <a:pt x="6537469" y="5957834"/>
                    <a:pt x="6519277" y="6001458"/>
                    <a:pt x="6512990" y="6030129"/>
                  </a:cubicBezTo>
                  <a:cubicBezTo>
                    <a:pt x="6508704" y="6050226"/>
                    <a:pt x="6492988" y="6081278"/>
                    <a:pt x="6471557" y="6117758"/>
                  </a:cubicBezTo>
                  <a:lnTo>
                    <a:pt x="6466032" y="6117758"/>
                  </a:lnTo>
                  <a:cubicBezTo>
                    <a:pt x="6488035" y="6080706"/>
                    <a:pt x="6504132" y="6049179"/>
                    <a:pt x="6508418" y="6029176"/>
                  </a:cubicBezTo>
                  <a:cubicBezTo>
                    <a:pt x="6514705" y="6000029"/>
                    <a:pt x="6532993" y="5956215"/>
                    <a:pt x="6554138" y="5905351"/>
                  </a:cubicBezTo>
                  <a:cubicBezTo>
                    <a:pt x="6594334" y="5808672"/>
                    <a:pt x="6644436" y="5688466"/>
                    <a:pt x="6631386" y="5618649"/>
                  </a:cubicBezTo>
                  <a:cubicBezTo>
                    <a:pt x="6620092" y="5565904"/>
                    <a:pt x="6605909" y="5513819"/>
                    <a:pt x="6588905" y="5462629"/>
                  </a:cubicBezTo>
                  <a:cubicBezTo>
                    <a:pt x="6569283" y="5399669"/>
                    <a:pt x="6549090" y="5334518"/>
                    <a:pt x="6539851" y="5273463"/>
                  </a:cubicBezTo>
                  <a:cubicBezTo>
                    <a:pt x="6536231" y="5250126"/>
                    <a:pt x="6531564" y="5221647"/>
                    <a:pt x="6526611" y="5191547"/>
                  </a:cubicBezTo>
                  <a:cubicBezTo>
                    <a:pt x="6507561" y="5075533"/>
                    <a:pt x="6481462" y="4916656"/>
                    <a:pt x="6482605" y="4823501"/>
                  </a:cubicBezTo>
                  <a:cubicBezTo>
                    <a:pt x="6484034" y="4702915"/>
                    <a:pt x="6485463" y="4184374"/>
                    <a:pt x="6485463" y="4032926"/>
                  </a:cubicBezTo>
                  <a:cubicBezTo>
                    <a:pt x="6485463" y="3959489"/>
                    <a:pt x="6478796" y="3833854"/>
                    <a:pt x="6472414" y="3712410"/>
                  </a:cubicBezTo>
                  <a:cubicBezTo>
                    <a:pt x="6464984" y="3573059"/>
                    <a:pt x="6457460" y="3428851"/>
                    <a:pt x="6459746" y="3361700"/>
                  </a:cubicBezTo>
                  <a:cubicBezTo>
                    <a:pt x="6461746" y="3301883"/>
                    <a:pt x="6460889" y="3225492"/>
                    <a:pt x="6459746" y="3151578"/>
                  </a:cubicBezTo>
                  <a:cubicBezTo>
                    <a:pt x="6458793" y="3068139"/>
                    <a:pt x="6457841" y="2989653"/>
                    <a:pt x="6460889" y="2933360"/>
                  </a:cubicBezTo>
                  <a:cubicBezTo>
                    <a:pt x="6471461" y="2736002"/>
                    <a:pt x="6451364" y="2609510"/>
                    <a:pt x="6401453" y="2557980"/>
                  </a:cubicBezTo>
                  <a:cubicBezTo>
                    <a:pt x="6366115" y="2521404"/>
                    <a:pt x="6296106" y="2469112"/>
                    <a:pt x="6228384" y="2418534"/>
                  </a:cubicBezTo>
                  <a:cubicBezTo>
                    <a:pt x="6160661" y="2367956"/>
                    <a:pt x="6099510" y="2322712"/>
                    <a:pt x="6073793" y="2294233"/>
                  </a:cubicBezTo>
                  <a:cubicBezTo>
                    <a:pt x="6021500" y="2235845"/>
                    <a:pt x="5779661" y="1970859"/>
                    <a:pt x="5724892" y="1915043"/>
                  </a:cubicBezTo>
                  <a:cubicBezTo>
                    <a:pt x="5673933" y="1863036"/>
                    <a:pt x="5456477" y="1651771"/>
                    <a:pt x="5419425" y="1631483"/>
                  </a:cubicBezTo>
                  <a:cubicBezTo>
                    <a:pt x="5397899" y="1619672"/>
                    <a:pt x="5324175" y="1602242"/>
                    <a:pt x="5258834" y="1586906"/>
                  </a:cubicBezTo>
                  <a:cubicBezTo>
                    <a:pt x="5215495" y="1576715"/>
                    <a:pt x="5174633" y="1566999"/>
                    <a:pt x="5155964" y="1560522"/>
                  </a:cubicBezTo>
                  <a:cubicBezTo>
                    <a:pt x="5143105" y="1556045"/>
                    <a:pt x="5117292" y="1548711"/>
                    <a:pt x="5084622" y="1539281"/>
                  </a:cubicBezTo>
                  <a:cubicBezTo>
                    <a:pt x="4998897" y="1514802"/>
                    <a:pt x="4882596" y="1481274"/>
                    <a:pt x="4855069" y="1460319"/>
                  </a:cubicBezTo>
                  <a:cubicBezTo>
                    <a:pt x="4841448" y="1450032"/>
                    <a:pt x="4720766" y="1359830"/>
                    <a:pt x="4654091" y="1357449"/>
                  </a:cubicBezTo>
                  <a:lnTo>
                    <a:pt x="4648281" y="1357449"/>
                  </a:lnTo>
                  <a:cubicBezTo>
                    <a:pt x="4611495" y="1359172"/>
                    <a:pt x="4574831" y="1362924"/>
                    <a:pt x="4538458" y="1368688"/>
                  </a:cubicBezTo>
                  <a:cubicBezTo>
                    <a:pt x="4479213" y="1376690"/>
                    <a:pt x="4417967" y="1384881"/>
                    <a:pt x="4390535" y="1378785"/>
                  </a:cubicBezTo>
                  <a:cubicBezTo>
                    <a:pt x="4331765" y="1365736"/>
                    <a:pt x="3862754" y="1299061"/>
                    <a:pt x="3634059" y="1399931"/>
                  </a:cubicBezTo>
                  <a:cubicBezTo>
                    <a:pt x="3399077" y="1503753"/>
                    <a:pt x="2662509" y="2011721"/>
                    <a:pt x="2628219" y="2053441"/>
                  </a:cubicBezTo>
                  <a:cubicBezTo>
                    <a:pt x="2592024" y="2097065"/>
                    <a:pt x="2375235" y="2303472"/>
                    <a:pt x="2336278" y="2305758"/>
                  </a:cubicBezTo>
                  <a:cubicBezTo>
                    <a:pt x="2326564" y="2307211"/>
                    <a:pt x="2317200" y="2310439"/>
                    <a:pt x="2308655" y="2315283"/>
                  </a:cubicBezTo>
                  <a:cubicBezTo>
                    <a:pt x="2275889" y="2331380"/>
                    <a:pt x="2235122" y="2351383"/>
                    <a:pt x="2175305" y="2257466"/>
                  </a:cubicBezTo>
                  <a:cubicBezTo>
                    <a:pt x="2144645" y="2207754"/>
                    <a:pt x="2105994" y="2163439"/>
                    <a:pt x="2060910" y="2126307"/>
                  </a:cubicBezTo>
                  <a:cubicBezTo>
                    <a:pt x="2037484" y="2107933"/>
                    <a:pt x="2016965" y="2086129"/>
                    <a:pt x="2000045" y="2061632"/>
                  </a:cubicBezTo>
                  <a:cubicBezTo>
                    <a:pt x="1973947" y="2021437"/>
                    <a:pt x="1949182" y="1924282"/>
                    <a:pt x="1929274" y="1846177"/>
                  </a:cubicBezTo>
                  <a:cubicBezTo>
                    <a:pt x="1917368" y="1799790"/>
                    <a:pt x="1907176" y="1759690"/>
                    <a:pt x="1899747" y="1743878"/>
                  </a:cubicBezTo>
                  <a:cubicBezTo>
                    <a:pt x="1892318" y="1728067"/>
                    <a:pt x="1871172" y="1708636"/>
                    <a:pt x="1848312" y="1688728"/>
                  </a:cubicBezTo>
                  <a:cubicBezTo>
                    <a:pt x="1813641" y="1658153"/>
                    <a:pt x="1774398" y="1623577"/>
                    <a:pt x="1770874" y="1585477"/>
                  </a:cubicBezTo>
                  <a:cubicBezTo>
                    <a:pt x="1769255" y="1568142"/>
                    <a:pt x="1762301" y="1526518"/>
                    <a:pt x="1753443" y="1473749"/>
                  </a:cubicBezTo>
                  <a:cubicBezTo>
                    <a:pt x="1730011" y="1333922"/>
                    <a:pt x="1694578" y="1122658"/>
                    <a:pt x="1700770" y="1028932"/>
                  </a:cubicBezTo>
                  <a:cubicBezTo>
                    <a:pt x="1703030" y="974448"/>
                    <a:pt x="1701151" y="919872"/>
                    <a:pt x="1695150" y="865673"/>
                  </a:cubicBezTo>
                  <a:cubicBezTo>
                    <a:pt x="1688959" y="793379"/>
                    <a:pt x="1683148" y="724989"/>
                    <a:pt x="1698007" y="659933"/>
                  </a:cubicBezTo>
                  <a:cubicBezTo>
                    <a:pt x="1707532" y="618880"/>
                    <a:pt x="1718772" y="574970"/>
                    <a:pt x="1730773" y="528488"/>
                  </a:cubicBezTo>
                  <a:cubicBezTo>
                    <a:pt x="1751443" y="449050"/>
                    <a:pt x="1772874" y="366563"/>
                    <a:pt x="1783732" y="297888"/>
                  </a:cubicBezTo>
                  <a:cubicBezTo>
                    <a:pt x="1800306" y="192637"/>
                    <a:pt x="1785733" y="95387"/>
                    <a:pt x="1749728" y="71764"/>
                  </a:cubicBezTo>
                  <a:cubicBezTo>
                    <a:pt x="1739496" y="64398"/>
                    <a:pt x="1729934" y="56143"/>
                    <a:pt x="1721153" y="47095"/>
                  </a:cubicBezTo>
                  <a:cubicBezTo>
                    <a:pt x="1692578" y="19377"/>
                    <a:pt x="1659717" y="-12056"/>
                    <a:pt x="1612664" y="14805"/>
                  </a:cubicBezTo>
                  <a:cubicBezTo>
                    <a:pt x="1604663" y="19377"/>
                    <a:pt x="1596947" y="23663"/>
                    <a:pt x="1589613" y="27664"/>
                  </a:cubicBezTo>
                  <a:cubicBezTo>
                    <a:pt x="1544464" y="52333"/>
                    <a:pt x="1514556" y="68716"/>
                    <a:pt x="1510936" y="115198"/>
                  </a:cubicBezTo>
                  <a:cubicBezTo>
                    <a:pt x="1510936" y="119199"/>
                    <a:pt x="1510555" y="123962"/>
                    <a:pt x="1509793" y="129486"/>
                  </a:cubicBezTo>
                  <a:cubicBezTo>
                    <a:pt x="1504174" y="197875"/>
                    <a:pt x="1489315" y="379708"/>
                    <a:pt x="1522176" y="446383"/>
                  </a:cubicBezTo>
                  <a:cubicBezTo>
                    <a:pt x="1531701" y="466576"/>
                    <a:pt x="1544655" y="487531"/>
                    <a:pt x="1557895" y="509724"/>
                  </a:cubicBezTo>
                  <a:cubicBezTo>
                    <a:pt x="1591042" y="565350"/>
                    <a:pt x="1628570" y="628310"/>
                    <a:pt x="1629618" y="690699"/>
                  </a:cubicBezTo>
                  <a:cubicBezTo>
                    <a:pt x="1631142" y="777376"/>
                    <a:pt x="1593899" y="1107037"/>
                    <a:pt x="1537511" y="1169616"/>
                  </a:cubicBezTo>
                  <a:cubicBezTo>
                    <a:pt x="1519509" y="1189523"/>
                    <a:pt x="1487505" y="1236291"/>
                    <a:pt x="1450453" y="1290012"/>
                  </a:cubicBezTo>
                  <a:cubicBezTo>
                    <a:pt x="1373110" y="1402693"/>
                    <a:pt x="1267097" y="1556712"/>
                    <a:pt x="1200898" y="1596145"/>
                  </a:cubicBezTo>
                  <a:cubicBezTo>
                    <a:pt x="1110505" y="1649676"/>
                    <a:pt x="783322" y="1792646"/>
                    <a:pt x="696073" y="1792646"/>
                  </a:cubicBezTo>
                  <a:lnTo>
                    <a:pt x="692358" y="1792646"/>
                  </a:lnTo>
                  <a:cubicBezTo>
                    <a:pt x="609967" y="1787598"/>
                    <a:pt x="245635" y="1907899"/>
                    <a:pt x="136860" y="1993624"/>
                  </a:cubicBezTo>
                  <a:cubicBezTo>
                    <a:pt x="30847" y="2077825"/>
                    <a:pt x="462" y="2112591"/>
                    <a:pt x="4843" y="2349668"/>
                  </a:cubicBezTo>
                  <a:cubicBezTo>
                    <a:pt x="5605" y="2391864"/>
                    <a:pt x="5605" y="2428916"/>
                    <a:pt x="5605" y="2464730"/>
                  </a:cubicBezTo>
                  <a:cubicBezTo>
                    <a:pt x="5605" y="2625227"/>
                    <a:pt x="5605" y="2721905"/>
                    <a:pt x="74757" y="2894308"/>
                  </a:cubicBezTo>
                  <a:cubicBezTo>
                    <a:pt x="93807" y="2940980"/>
                    <a:pt x="109999" y="2985843"/>
                    <a:pt x="126001" y="3029182"/>
                  </a:cubicBezTo>
                  <a:cubicBezTo>
                    <a:pt x="182485" y="3181582"/>
                    <a:pt x="226966" y="3301883"/>
                    <a:pt x="305452" y="3351317"/>
                  </a:cubicBezTo>
                  <a:cubicBezTo>
                    <a:pt x="410227" y="3417230"/>
                    <a:pt x="465853" y="3457902"/>
                    <a:pt x="524527" y="3545913"/>
                  </a:cubicBezTo>
                  <a:cubicBezTo>
                    <a:pt x="565675" y="3607254"/>
                    <a:pt x="691024" y="3793563"/>
                    <a:pt x="755413" y="3803660"/>
                  </a:cubicBezTo>
                  <a:cubicBezTo>
                    <a:pt x="762518" y="3805199"/>
                    <a:pt x="769938" y="3803449"/>
                    <a:pt x="775607" y="3798897"/>
                  </a:cubicBezTo>
                  <a:cubicBezTo>
                    <a:pt x="795990" y="3782514"/>
                    <a:pt x="819517" y="3751272"/>
                    <a:pt x="846853" y="3716030"/>
                  </a:cubicBezTo>
                  <a:cubicBezTo>
                    <a:pt x="889621" y="3660023"/>
                    <a:pt x="938198" y="3596586"/>
                    <a:pt x="991824" y="3566487"/>
                  </a:cubicBezTo>
                  <a:cubicBezTo>
                    <a:pt x="1095742" y="3508099"/>
                    <a:pt x="1295195" y="3410849"/>
                    <a:pt x="1383587" y="3416945"/>
                  </a:cubicBezTo>
                  <a:cubicBezTo>
                    <a:pt x="1416989" y="3417329"/>
                    <a:pt x="1450359" y="3414780"/>
                    <a:pt x="1483314" y="3409325"/>
                  </a:cubicBezTo>
                  <a:cubicBezTo>
                    <a:pt x="1575040" y="3397323"/>
                    <a:pt x="1689340" y="3382464"/>
                    <a:pt x="1740013" y="3456378"/>
                  </a:cubicBezTo>
                  <a:cubicBezTo>
                    <a:pt x="1803164" y="3548580"/>
                    <a:pt x="1930513" y="3770036"/>
                    <a:pt x="1937752" y="3864524"/>
                  </a:cubicBezTo>
                  <a:cubicBezTo>
                    <a:pt x="1939561" y="3887289"/>
                    <a:pt x="1940323" y="3909196"/>
                    <a:pt x="1940990" y="3930342"/>
                  </a:cubicBezTo>
                  <a:cubicBezTo>
                    <a:pt x="1942990" y="3992350"/>
                    <a:pt x="1944705" y="4045881"/>
                    <a:pt x="1973185" y="4091410"/>
                  </a:cubicBezTo>
                  <a:cubicBezTo>
                    <a:pt x="2011285" y="4151894"/>
                    <a:pt x="2133300" y="4426214"/>
                    <a:pt x="2153683" y="4580233"/>
                  </a:cubicBezTo>
                  <a:cubicBezTo>
                    <a:pt x="2176544" y="4753207"/>
                    <a:pt x="2236741" y="5122015"/>
                    <a:pt x="2272079" y="5190976"/>
                  </a:cubicBezTo>
                  <a:cubicBezTo>
                    <a:pt x="2307417" y="5259937"/>
                    <a:pt x="2416002" y="5515683"/>
                    <a:pt x="2468104" y="5664369"/>
                  </a:cubicBezTo>
                  <a:cubicBezTo>
                    <a:pt x="2515729" y="5801243"/>
                    <a:pt x="2636982" y="6047750"/>
                    <a:pt x="2709372" y="6117568"/>
                  </a:cubicBezTo>
                  <a:lnTo>
                    <a:pt x="2702514" y="6117568"/>
                  </a:lnTo>
                  <a:cubicBezTo>
                    <a:pt x="2629267" y="6042797"/>
                    <a:pt x="2511062" y="5801052"/>
                    <a:pt x="2463627" y="5665892"/>
                  </a:cubicBezTo>
                  <a:cubicBezTo>
                    <a:pt x="2412001" y="5517874"/>
                    <a:pt x="2303893" y="5263080"/>
                    <a:pt x="2268269" y="519402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7">
              <a:extLst>
                <a:ext uri="{FF2B5EF4-FFF2-40B4-BE49-F238E27FC236}">
                  <a16:creationId xmlns:a16="http://schemas.microsoft.com/office/drawing/2014/main" id="{D82F4A41-2A25-4E4C-9BC0-BE413984B2FB}"/>
                </a:ext>
              </a:extLst>
            </p:cNvPr>
            <p:cNvSpPr/>
            <p:nvPr/>
          </p:nvSpPr>
          <p:spPr>
            <a:xfrm>
              <a:off x="2553173" y="2852941"/>
              <a:ext cx="4314235" cy="4462258"/>
            </a:xfrm>
            <a:custGeom>
              <a:avLst/>
              <a:gdLst>
                <a:gd name="connsiteX0" fmla="*/ 482348 w 4314235"/>
                <a:gd name="connsiteY0" fmla="*/ 4160220 h 4462258"/>
                <a:gd name="connsiteX1" fmla="*/ 157736 w 4314235"/>
                <a:gd name="connsiteY1" fmla="*/ 3424700 h 4462258"/>
                <a:gd name="connsiteX2" fmla="*/ 1050 w 4314235"/>
                <a:gd name="connsiteY2" fmla="*/ 2439720 h 4462258"/>
                <a:gd name="connsiteX3" fmla="*/ 204980 w 4314235"/>
                <a:gd name="connsiteY3" fmla="*/ 1470361 h 4462258"/>
                <a:gd name="connsiteX4" fmla="*/ 574550 w 4314235"/>
                <a:gd name="connsiteY4" fmla="*/ 919530 h 4462258"/>
                <a:gd name="connsiteX5" fmla="*/ 603125 w 4314235"/>
                <a:gd name="connsiteY5" fmla="*/ 895622 h 4462258"/>
                <a:gd name="connsiteX6" fmla="*/ 758669 w 4314235"/>
                <a:gd name="connsiteY6" fmla="*/ 687310 h 4462258"/>
                <a:gd name="connsiteX7" fmla="*/ 1012700 w 4314235"/>
                <a:gd name="connsiteY7" fmla="*/ 423944 h 4462258"/>
                <a:gd name="connsiteX8" fmla="*/ 1013462 w 4314235"/>
                <a:gd name="connsiteY8" fmla="*/ 423944 h 4462258"/>
                <a:gd name="connsiteX9" fmla="*/ 1289687 w 4314235"/>
                <a:gd name="connsiteY9" fmla="*/ 347268 h 4462258"/>
                <a:gd name="connsiteX10" fmla="*/ 1679355 w 4314235"/>
                <a:gd name="connsiteY10" fmla="*/ 120763 h 4462258"/>
                <a:gd name="connsiteX11" fmla="*/ 1901192 w 4314235"/>
                <a:gd name="connsiteY11" fmla="*/ 110286 h 4462258"/>
                <a:gd name="connsiteX12" fmla="*/ 2017492 w 4314235"/>
                <a:gd name="connsiteY12" fmla="*/ 129812 h 4462258"/>
                <a:gd name="connsiteX13" fmla="*/ 2306291 w 4314235"/>
                <a:gd name="connsiteY13" fmla="*/ 53612 h 4462258"/>
                <a:gd name="connsiteX14" fmla="*/ 2480408 w 4314235"/>
                <a:gd name="connsiteY14" fmla="*/ 1987 h 4462258"/>
                <a:gd name="connsiteX15" fmla="*/ 2831213 w 4314235"/>
                <a:gd name="connsiteY15" fmla="*/ 89045 h 4462258"/>
                <a:gd name="connsiteX16" fmla="*/ 2974755 w 4314235"/>
                <a:gd name="connsiteY16" fmla="*/ 136194 h 4462258"/>
                <a:gd name="connsiteX17" fmla="*/ 3186877 w 4314235"/>
                <a:gd name="connsiteY17" fmla="*/ 179818 h 4462258"/>
                <a:gd name="connsiteX18" fmla="*/ 3227739 w 4314235"/>
                <a:gd name="connsiteY18" fmla="*/ 187343 h 4462258"/>
                <a:gd name="connsiteX19" fmla="*/ 3731231 w 4314235"/>
                <a:gd name="connsiteY19" fmla="*/ 645400 h 4462258"/>
                <a:gd name="connsiteX20" fmla="*/ 3972785 w 4314235"/>
                <a:gd name="connsiteY20" fmla="*/ 884383 h 4462258"/>
                <a:gd name="connsiteX21" fmla="*/ 4117660 w 4314235"/>
                <a:gd name="connsiteY21" fmla="*/ 1198708 h 4462258"/>
                <a:gd name="connsiteX22" fmla="*/ 4130614 w 4314235"/>
                <a:gd name="connsiteY22" fmla="*/ 1408258 h 4462258"/>
                <a:gd name="connsiteX23" fmla="*/ 4143377 w 4314235"/>
                <a:gd name="connsiteY23" fmla="*/ 1610759 h 4462258"/>
                <a:gd name="connsiteX24" fmla="*/ 4175667 w 4314235"/>
                <a:gd name="connsiteY24" fmla="*/ 2164162 h 4462258"/>
                <a:gd name="connsiteX25" fmla="*/ 4190907 w 4314235"/>
                <a:gd name="connsiteY25" fmla="*/ 2909493 h 4462258"/>
                <a:gd name="connsiteX26" fmla="*/ 4199194 w 4314235"/>
                <a:gd name="connsiteY26" fmla="*/ 3266776 h 4462258"/>
                <a:gd name="connsiteX27" fmla="*/ 4284919 w 4314235"/>
                <a:gd name="connsiteY27" fmla="*/ 3762076 h 4462258"/>
                <a:gd name="connsiteX28" fmla="*/ 4312446 w 4314235"/>
                <a:gd name="connsiteY28" fmla="*/ 3890092 h 4462258"/>
                <a:gd name="connsiteX29" fmla="*/ 4167571 w 4314235"/>
                <a:gd name="connsiteY29" fmla="*/ 4427111 h 4462258"/>
                <a:gd name="connsiteX30" fmla="*/ 4160046 w 4314235"/>
                <a:gd name="connsiteY30" fmla="*/ 4447400 h 4462258"/>
                <a:gd name="connsiteX31" fmla="*/ 4153378 w 4314235"/>
                <a:gd name="connsiteY31" fmla="*/ 4462259 h 4462258"/>
                <a:gd name="connsiteX32" fmla="*/ 4148044 w 4314235"/>
                <a:gd name="connsiteY32" fmla="*/ 4462259 h 4462258"/>
                <a:gd name="connsiteX33" fmla="*/ 4155569 w 4314235"/>
                <a:gd name="connsiteY33" fmla="*/ 4445781 h 4462258"/>
                <a:gd name="connsiteX34" fmla="*/ 4163094 w 4314235"/>
                <a:gd name="connsiteY34" fmla="*/ 4425492 h 4462258"/>
                <a:gd name="connsiteX35" fmla="*/ 4307779 w 4314235"/>
                <a:gd name="connsiteY35" fmla="*/ 3890949 h 4462258"/>
                <a:gd name="connsiteX36" fmla="*/ 4280347 w 4314235"/>
                <a:gd name="connsiteY36" fmla="*/ 3763123 h 4462258"/>
                <a:gd name="connsiteX37" fmla="*/ 4194050 w 4314235"/>
                <a:gd name="connsiteY37" fmla="*/ 3267252 h 4462258"/>
                <a:gd name="connsiteX38" fmla="*/ 4185764 w 4314235"/>
                <a:gd name="connsiteY38" fmla="*/ 2910160 h 4462258"/>
                <a:gd name="connsiteX39" fmla="*/ 4170524 w 4314235"/>
                <a:gd name="connsiteY39" fmla="*/ 2164638 h 4462258"/>
                <a:gd name="connsiteX40" fmla="*/ 4138329 w 4314235"/>
                <a:gd name="connsiteY40" fmla="*/ 1612188 h 4462258"/>
                <a:gd name="connsiteX41" fmla="*/ 4125470 w 4314235"/>
                <a:gd name="connsiteY41" fmla="*/ 1408829 h 4462258"/>
                <a:gd name="connsiteX42" fmla="*/ 4112612 w 4314235"/>
                <a:gd name="connsiteY42" fmla="*/ 1199851 h 4462258"/>
                <a:gd name="connsiteX43" fmla="*/ 3969737 w 4314235"/>
                <a:gd name="connsiteY43" fmla="*/ 888288 h 4462258"/>
                <a:gd name="connsiteX44" fmla="*/ 3726563 w 4314235"/>
                <a:gd name="connsiteY44" fmla="*/ 647782 h 4462258"/>
                <a:gd name="connsiteX45" fmla="*/ 3226215 w 4314235"/>
                <a:gd name="connsiteY45" fmla="*/ 191820 h 4462258"/>
                <a:gd name="connsiteX46" fmla="*/ 3185353 w 4314235"/>
                <a:gd name="connsiteY46" fmla="*/ 184390 h 4462258"/>
                <a:gd name="connsiteX47" fmla="*/ 2972945 w 4314235"/>
                <a:gd name="connsiteY47" fmla="*/ 140671 h 4462258"/>
                <a:gd name="connsiteX48" fmla="*/ 2828927 w 4314235"/>
                <a:gd name="connsiteY48" fmla="*/ 93046 h 4462258"/>
                <a:gd name="connsiteX49" fmla="*/ 2504601 w 4314235"/>
                <a:gd name="connsiteY49" fmla="*/ 4558 h 4462258"/>
                <a:gd name="connsiteX50" fmla="*/ 2481836 w 4314235"/>
                <a:gd name="connsiteY50" fmla="*/ 6463 h 4462258"/>
                <a:gd name="connsiteX51" fmla="*/ 2308291 w 4314235"/>
                <a:gd name="connsiteY51" fmla="*/ 57993 h 4462258"/>
                <a:gd name="connsiteX52" fmla="*/ 2018064 w 4314235"/>
                <a:gd name="connsiteY52" fmla="*/ 134193 h 4462258"/>
                <a:gd name="connsiteX53" fmla="*/ 1900526 w 4314235"/>
                <a:gd name="connsiteY53" fmla="*/ 114572 h 4462258"/>
                <a:gd name="connsiteX54" fmla="*/ 1682784 w 4314235"/>
                <a:gd name="connsiteY54" fmla="*/ 124097 h 4462258"/>
                <a:gd name="connsiteX55" fmla="*/ 1291592 w 4314235"/>
                <a:gd name="connsiteY55" fmla="*/ 351459 h 4462258"/>
                <a:gd name="connsiteX56" fmla="*/ 1015367 w 4314235"/>
                <a:gd name="connsiteY56" fmla="*/ 428135 h 4462258"/>
                <a:gd name="connsiteX57" fmla="*/ 763526 w 4314235"/>
                <a:gd name="connsiteY57" fmla="*/ 688644 h 4462258"/>
                <a:gd name="connsiteX58" fmla="*/ 606554 w 4314235"/>
                <a:gd name="connsiteY58" fmla="*/ 899242 h 4462258"/>
                <a:gd name="connsiteX59" fmla="*/ 577979 w 4314235"/>
                <a:gd name="connsiteY59" fmla="*/ 923054 h 4462258"/>
                <a:gd name="connsiteX60" fmla="*/ 209743 w 4314235"/>
                <a:gd name="connsiteY60" fmla="*/ 1471694 h 4462258"/>
                <a:gd name="connsiteX61" fmla="*/ 6098 w 4314235"/>
                <a:gd name="connsiteY61" fmla="*/ 2439148 h 4462258"/>
                <a:gd name="connsiteX62" fmla="*/ 162594 w 4314235"/>
                <a:gd name="connsiteY62" fmla="*/ 3422986 h 4462258"/>
                <a:gd name="connsiteX63" fmla="*/ 487016 w 4314235"/>
                <a:gd name="connsiteY63" fmla="*/ 4158221 h 4462258"/>
                <a:gd name="connsiteX64" fmla="*/ 591791 w 4314235"/>
                <a:gd name="connsiteY64" fmla="*/ 4388059 h 4462258"/>
                <a:gd name="connsiteX65" fmla="*/ 628271 w 4314235"/>
                <a:gd name="connsiteY65" fmla="*/ 4462163 h 4462258"/>
                <a:gd name="connsiteX66" fmla="*/ 622937 w 4314235"/>
                <a:gd name="connsiteY66" fmla="*/ 4462163 h 4462258"/>
                <a:gd name="connsiteX67" fmla="*/ 587409 w 4314235"/>
                <a:gd name="connsiteY67" fmla="*/ 4389964 h 4462258"/>
                <a:gd name="connsiteX68" fmla="*/ 482348 w 4314235"/>
                <a:gd name="connsiteY68" fmla="*/ 4160220 h 4462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Lst>
              <a:rect l="l" t="t" r="r" b="b"/>
              <a:pathLst>
                <a:path w="4314235" h="4462258">
                  <a:moveTo>
                    <a:pt x="482348" y="4160220"/>
                  </a:moveTo>
                  <a:cubicBezTo>
                    <a:pt x="365953" y="3906189"/>
                    <a:pt x="206123" y="3558146"/>
                    <a:pt x="157736" y="3424700"/>
                  </a:cubicBezTo>
                  <a:cubicBezTo>
                    <a:pt x="86680" y="3229247"/>
                    <a:pt x="14195" y="2593073"/>
                    <a:pt x="1050" y="2439720"/>
                  </a:cubicBezTo>
                  <a:cubicBezTo>
                    <a:pt x="-13618" y="2267508"/>
                    <a:pt x="128971" y="1714486"/>
                    <a:pt x="204980" y="1470361"/>
                  </a:cubicBezTo>
                  <a:cubicBezTo>
                    <a:pt x="272322" y="1254048"/>
                    <a:pt x="508733" y="977728"/>
                    <a:pt x="574550" y="919530"/>
                  </a:cubicBezTo>
                  <a:cubicBezTo>
                    <a:pt x="583408" y="911719"/>
                    <a:pt x="592838" y="903909"/>
                    <a:pt x="603125" y="895622"/>
                  </a:cubicBezTo>
                  <a:cubicBezTo>
                    <a:pt x="657132" y="850855"/>
                    <a:pt x="724283" y="795038"/>
                    <a:pt x="758669" y="687310"/>
                  </a:cubicBezTo>
                  <a:cubicBezTo>
                    <a:pt x="799150" y="560151"/>
                    <a:pt x="1010605" y="425278"/>
                    <a:pt x="1012700" y="423944"/>
                  </a:cubicBezTo>
                  <a:lnTo>
                    <a:pt x="1013462" y="423944"/>
                  </a:lnTo>
                  <a:cubicBezTo>
                    <a:pt x="1014986" y="423944"/>
                    <a:pt x="1169196" y="385177"/>
                    <a:pt x="1289687" y="347268"/>
                  </a:cubicBezTo>
                  <a:cubicBezTo>
                    <a:pt x="1419704" y="306501"/>
                    <a:pt x="1595821" y="185343"/>
                    <a:pt x="1679355" y="120763"/>
                  </a:cubicBezTo>
                  <a:cubicBezTo>
                    <a:pt x="1744411" y="70186"/>
                    <a:pt x="1824135" y="90569"/>
                    <a:pt x="1901192" y="110286"/>
                  </a:cubicBezTo>
                  <a:cubicBezTo>
                    <a:pt x="1942626" y="120954"/>
                    <a:pt x="1981869" y="130955"/>
                    <a:pt x="2017492" y="129812"/>
                  </a:cubicBezTo>
                  <a:cubicBezTo>
                    <a:pt x="2079310" y="127907"/>
                    <a:pt x="2199897" y="88474"/>
                    <a:pt x="2306291" y="53612"/>
                  </a:cubicBezTo>
                  <a:cubicBezTo>
                    <a:pt x="2375728" y="30942"/>
                    <a:pt x="2441260" y="9607"/>
                    <a:pt x="2480408" y="1987"/>
                  </a:cubicBezTo>
                  <a:cubicBezTo>
                    <a:pt x="2548416" y="-11253"/>
                    <a:pt x="2705198" y="44373"/>
                    <a:pt x="2831213" y="89045"/>
                  </a:cubicBezTo>
                  <a:cubicBezTo>
                    <a:pt x="2890459" y="110000"/>
                    <a:pt x="2941513" y="128098"/>
                    <a:pt x="2974755" y="136194"/>
                  </a:cubicBezTo>
                  <a:cubicBezTo>
                    <a:pt x="3059623" y="156863"/>
                    <a:pt x="3127155" y="169055"/>
                    <a:pt x="3186877" y="179818"/>
                  </a:cubicBezTo>
                  <a:lnTo>
                    <a:pt x="3227739" y="187343"/>
                  </a:lnTo>
                  <a:cubicBezTo>
                    <a:pt x="3294986" y="199821"/>
                    <a:pt x="3647982" y="511193"/>
                    <a:pt x="3731231" y="645400"/>
                  </a:cubicBezTo>
                  <a:cubicBezTo>
                    <a:pt x="3790658" y="743882"/>
                    <a:pt x="3873673" y="826013"/>
                    <a:pt x="3972785" y="884383"/>
                  </a:cubicBezTo>
                  <a:cubicBezTo>
                    <a:pt x="4046318" y="927531"/>
                    <a:pt x="4096610" y="1080883"/>
                    <a:pt x="4117660" y="1198708"/>
                  </a:cubicBezTo>
                  <a:cubicBezTo>
                    <a:pt x="4128423" y="1259477"/>
                    <a:pt x="4129471" y="1335201"/>
                    <a:pt x="4130614" y="1408258"/>
                  </a:cubicBezTo>
                  <a:cubicBezTo>
                    <a:pt x="4131662" y="1483696"/>
                    <a:pt x="4132709" y="1554943"/>
                    <a:pt x="4143377" y="1610759"/>
                  </a:cubicBezTo>
                  <a:cubicBezTo>
                    <a:pt x="4163285" y="1714391"/>
                    <a:pt x="4175667" y="1926418"/>
                    <a:pt x="4175667" y="2164162"/>
                  </a:cubicBezTo>
                  <a:cubicBezTo>
                    <a:pt x="4175667" y="2298845"/>
                    <a:pt x="4184145" y="2637459"/>
                    <a:pt x="4190907" y="2909493"/>
                  </a:cubicBezTo>
                  <a:cubicBezTo>
                    <a:pt x="4195003" y="3069418"/>
                    <a:pt x="4198432" y="3207530"/>
                    <a:pt x="4199194" y="3266776"/>
                  </a:cubicBezTo>
                  <a:cubicBezTo>
                    <a:pt x="4200813" y="3384124"/>
                    <a:pt x="4251677" y="3611295"/>
                    <a:pt x="4284919" y="3762076"/>
                  </a:cubicBezTo>
                  <a:cubicBezTo>
                    <a:pt x="4297016" y="3815797"/>
                    <a:pt x="4307398" y="3862183"/>
                    <a:pt x="4312446" y="3890092"/>
                  </a:cubicBezTo>
                  <a:cubicBezTo>
                    <a:pt x="4330449" y="3988390"/>
                    <a:pt x="4207671" y="4318717"/>
                    <a:pt x="4167571" y="4427111"/>
                  </a:cubicBezTo>
                  <a:lnTo>
                    <a:pt x="4160046" y="4447400"/>
                  </a:lnTo>
                  <a:cubicBezTo>
                    <a:pt x="4158111" y="4452477"/>
                    <a:pt x="4155885" y="4457438"/>
                    <a:pt x="4153378" y="4462259"/>
                  </a:cubicBezTo>
                  <a:lnTo>
                    <a:pt x="4148044" y="4462259"/>
                  </a:lnTo>
                  <a:cubicBezTo>
                    <a:pt x="4150899" y="4456930"/>
                    <a:pt x="4153412" y="4451427"/>
                    <a:pt x="4155569" y="4445781"/>
                  </a:cubicBezTo>
                  <a:lnTo>
                    <a:pt x="4163094" y="4425492"/>
                  </a:lnTo>
                  <a:cubicBezTo>
                    <a:pt x="4203290" y="4317288"/>
                    <a:pt x="4325591" y="3988009"/>
                    <a:pt x="4307779" y="3890949"/>
                  </a:cubicBezTo>
                  <a:cubicBezTo>
                    <a:pt x="4302731" y="3863136"/>
                    <a:pt x="4292349" y="3816844"/>
                    <a:pt x="4280347" y="3763123"/>
                  </a:cubicBezTo>
                  <a:cubicBezTo>
                    <a:pt x="4246629" y="3612628"/>
                    <a:pt x="4195670" y="3385171"/>
                    <a:pt x="4194050" y="3267252"/>
                  </a:cubicBezTo>
                  <a:cubicBezTo>
                    <a:pt x="4193288" y="3208102"/>
                    <a:pt x="4189859" y="3069989"/>
                    <a:pt x="4185764" y="2910160"/>
                  </a:cubicBezTo>
                  <a:cubicBezTo>
                    <a:pt x="4179001" y="2638030"/>
                    <a:pt x="4170524" y="2299417"/>
                    <a:pt x="4170524" y="2164638"/>
                  </a:cubicBezTo>
                  <a:cubicBezTo>
                    <a:pt x="4170524" y="1927180"/>
                    <a:pt x="4158141" y="1715534"/>
                    <a:pt x="4138329" y="1612188"/>
                  </a:cubicBezTo>
                  <a:cubicBezTo>
                    <a:pt x="4127566" y="1555895"/>
                    <a:pt x="4126518" y="1484458"/>
                    <a:pt x="4125470" y="1408829"/>
                  </a:cubicBezTo>
                  <a:cubicBezTo>
                    <a:pt x="4124327" y="1335772"/>
                    <a:pt x="4123280" y="1260239"/>
                    <a:pt x="4112612" y="1199851"/>
                  </a:cubicBezTo>
                  <a:cubicBezTo>
                    <a:pt x="4090228" y="1073264"/>
                    <a:pt x="4037459" y="927912"/>
                    <a:pt x="3969737" y="888288"/>
                  </a:cubicBezTo>
                  <a:cubicBezTo>
                    <a:pt x="3869959" y="829565"/>
                    <a:pt x="3786383" y="746906"/>
                    <a:pt x="3726563" y="647782"/>
                  </a:cubicBezTo>
                  <a:cubicBezTo>
                    <a:pt x="3646363" y="518623"/>
                    <a:pt x="3290985" y="203821"/>
                    <a:pt x="3226215" y="191820"/>
                  </a:cubicBezTo>
                  <a:lnTo>
                    <a:pt x="3185353" y="184390"/>
                  </a:lnTo>
                  <a:cubicBezTo>
                    <a:pt x="3125631" y="173532"/>
                    <a:pt x="3058003" y="161340"/>
                    <a:pt x="2972945" y="140671"/>
                  </a:cubicBezTo>
                  <a:cubicBezTo>
                    <a:pt x="2939512" y="132479"/>
                    <a:pt x="2888268" y="114382"/>
                    <a:pt x="2828927" y="93046"/>
                  </a:cubicBezTo>
                  <a:cubicBezTo>
                    <a:pt x="2716818" y="53326"/>
                    <a:pt x="2579182" y="4558"/>
                    <a:pt x="2504601" y="4558"/>
                  </a:cubicBezTo>
                  <a:cubicBezTo>
                    <a:pt x="2496969" y="4452"/>
                    <a:pt x="2489345" y="5090"/>
                    <a:pt x="2481836" y="6463"/>
                  </a:cubicBezTo>
                  <a:cubicBezTo>
                    <a:pt x="2442879" y="13988"/>
                    <a:pt x="2377537" y="35038"/>
                    <a:pt x="2308291" y="57993"/>
                  </a:cubicBezTo>
                  <a:cubicBezTo>
                    <a:pt x="2201611" y="92855"/>
                    <a:pt x="2080643" y="132384"/>
                    <a:pt x="2018064" y="134193"/>
                  </a:cubicBezTo>
                  <a:cubicBezTo>
                    <a:pt x="1981774" y="135241"/>
                    <a:pt x="1941864" y="125240"/>
                    <a:pt x="1900526" y="114572"/>
                  </a:cubicBezTo>
                  <a:cubicBezTo>
                    <a:pt x="1824326" y="95522"/>
                    <a:pt x="1745935" y="74948"/>
                    <a:pt x="1682784" y="124097"/>
                  </a:cubicBezTo>
                  <a:cubicBezTo>
                    <a:pt x="1598964" y="189248"/>
                    <a:pt x="1422275" y="310501"/>
                    <a:pt x="1291592" y="351459"/>
                  </a:cubicBezTo>
                  <a:cubicBezTo>
                    <a:pt x="1173578" y="388416"/>
                    <a:pt x="1023749" y="425944"/>
                    <a:pt x="1015367" y="428135"/>
                  </a:cubicBezTo>
                  <a:cubicBezTo>
                    <a:pt x="1005842" y="434136"/>
                    <a:pt x="802865" y="565390"/>
                    <a:pt x="763526" y="688644"/>
                  </a:cubicBezTo>
                  <a:cubicBezTo>
                    <a:pt x="728760" y="797705"/>
                    <a:pt x="661037" y="853998"/>
                    <a:pt x="606554" y="899242"/>
                  </a:cubicBezTo>
                  <a:cubicBezTo>
                    <a:pt x="596553" y="907528"/>
                    <a:pt x="587504" y="915243"/>
                    <a:pt x="577979" y="923054"/>
                  </a:cubicBezTo>
                  <a:cubicBezTo>
                    <a:pt x="530354" y="965536"/>
                    <a:pt x="280704" y="1243761"/>
                    <a:pt x="209743" y="1471694"/>
                  </a:cubicBezTo>
                  <a:cubicBezTo>
                    <a:pt x="133543" y="1715534"/>
                    <a:pt x="-8570" y="2267698"/>
                    <a:pt x="6098" y="2439148"/>
                  </a:cubicBezTo>
                  <a:cubicBezTo>
                    <a:pt x="19148" y="2592501"/>
                    <a:pt x="91823" y="3228009"/>
                    <a:pt x="162594" y="3422986"/>
                  </a:cubicBezTo>
                  <a:cubicBezTo>
                    <a:pt x="211076" y="3556336"/>
                    <a:pt x="370525" y="3904188"/>
                    <a:pt x="487016" y="4158221"/>
                  </a:cubicBezTo>
                  <a:cubicBezTo>
                    <a:pt x="534641" y="4262520"/>
                    <a:pt x="572741" y="4345006"/>
                    <a:pt x="591791" y="4388059"/>
                  </a:cubicBezTo>
                  <a:cubicBezTo>
                    <a:pt x="601792" y="4410919"/>
                    <a:pt x="614270" y="4435684"/>
                    <a:pt x="628271" y="4462163"/>
                  </a:cubicBezTo>
                  <a:lnTo>
                    <a:pt x="622937" y="4462163"/>
                  </a:lnTo>
                  <a:cubicBezTo>
                    <a:pt x="609316" y="4436732"/>
                    <a:pt x="597220" y="4412252"/>
                    <a:pt x="587409" y="4389964"/>
                  </a:cubicBezTo>
                  <a:cubicBezTo>
                    <a:pt x="567978" y="4347006"/>
                    <a:pt x="530259" y="4264615"/>
                    <a:pt x="482348" y="4160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86">
              <a:extLst>
                <a:ext uri="{FF2B5EF4-FFF2-40B4-BE49-F238E27FC236}">
                  <a16:creationId xmlns:a16="http://schemas.microsoft.com/office/drawing/2014/main" id="{C9C032DF-A9B9-9D45-802B-9D83E8059830}"/>
                </a:ext>
              </a:extLst>
            </p:cNvPr>
            <p:cNvSpPr/>
            <p:nvPr/>
          </p:nvSpPr>
          <p:spPr>
            <a:xfrm>
              <a:off x="2735809" y="3122710"/>
              <a:ext cx="4011438" cy="4192489"/>
            </a:xfrm>
            <a:custGeom>
              <a:avLst/>
              <a:gdLst>
                <a:gd name="connsiteX0" fmla="*/ 335527 w 4011438"/>
                <a:gd name="connsiteY0" fmla="*/ 3669663 h 4192489"/>
                <a:gd name="connsiteX1" fmla="*/ 63112 w 4011438"/>
                <a:gd name="connsiteY1" fmla="*/ 3030345 h 4192489"/>
                <a:gd name="connsiteX2" fmla="*/ 5009 w 4011438"/>
                <a:gd name="connsiteY2" fmla="*/ 2281394 h 4192489"/>
                <a:gd name="connsiteX3" fmla="*/ 45300 w 4011438"/>
                <a:gd name="connsiteY3" fmla="*/ 2149664 h 4192489"/>
                <a:gd name="connsiteX4" fmla="*/ 99498 w 4011438"/>
                <a:gd name="connsiteY4" fmla="*/ 2009170 h 4192489"/>
                <a:gd name="connsiteX5" fmla="*/ 254565 w 4011438"/>
                <a:gd name="connsiteY5" fmla="*/ 1688939 h 4192489"/>
                <a:gd name="connsiteX6" fmla="*/ 442683 w 4011438"/>
                <a:gd name="connsiteY6" fmla="*/ 1296890 h 4192489"/>
                <a:gd name="connsiteX7" fmla="*/ 874832 w 4011438"/>
                <a:gd name="connsiteY7" fmla="*/ 713388 h 4192489"/>
                <a:gd name="connsiteX8" fmla="*/ 891501 w 4011438"/>
                <a:gd name="connsiteY8" fmla="*/ 695196 h 4192489"/>
                <a:gd name="connsiteX9" fmla="*/ 1131817 w 4011438"/>
                <a:gd name="connsiteY9" fmla="*/ 521269 h 4192489"/>
                <a:gd name="connsiteX10" fmla="*/ 1181728 w 4011438"/>
                <a:gd name="connsiteY10" fmla="*/ 493361 h 4192489"/>
                <a:gd name="connsiteX11" fmla="*/ 1621116 w 4011438"/>
                <a:gd name="connsiteY11" fmla="*/ 215517 h 4192489"/>
                <a:gd name="connsiteX12" fmla="*/ 2002592 w 4011438"/>
                <a:gd name="connsiteY12" fmla="*/ 86262 h 4192489"/>
                <a:gd name="connsiteX13" fmla="*/ 2230716 w 4011438"/>
                <a:gd name="connsiteY13" fmla="*/ 18730 h 4192489"/>
                <a:gd name="connsiteX14" fmla="*/ 2553328 w 4011438"/>
                <a:gd name="connsiteY14" fmla="*/ 44067 h 4192489"/>
                <a:gd name="connsiteX15" fmla="*/ 2592666 w 4011438"/>
                <a:gd name="connsiteY15" fmla="*/ 55306 h 4192489"/>
                <a:gd name="connsiteX16" fmla="*/ 2773641 w 4011438"/>
                <a:gd name="connsiteY16" fmla="*/ 70832 h 4192489"/>
                <a:gd name="connsiteX17" fmla="*/ 2930994 w 4011438"/>
                <a:gd name="connsiteY17" fmla="*/ 80357 h 4192489"/>
                <a:gd name="connsiteX18" fmla="*/ 3166071 w 4011438"/>
                <a:gd name="connsiteY18" fmla="*/ 199610 h 4192489"/>
                <a:gd name="connsiteX19" fmla="*/ 3242843 w 4011438"/>
                <a:gd name="connsiteY19" fmla="*/ 250092 h 4192489"/>
                <a:gd name="connsiteX20" fmla="*/ 3411435 w 4011438"/>
                <a:gd name="connsiteY20" fmla="*/ 428115 h 4192489"/>
                <a:gd name="connsiteX21" fmla="*/ 3475062 w 4011438"/>
                <a:gd name="connsiteY21" fmla="*/ 509363 h 4192489"/>
                <a:gd name="connsiteX22" fmla="*/ 3714997 w 4011438"/>
                <a:gd name="connsiteY22" fmla="*/ 739201 h 4192489"/>
                <a:gd name="connsiteX23" fmla="*/ 3846728 w 4011438"/>
                <a:gd name="connsiteY23" fmla="*/ 993043 h 4192489"/>
                <a:gd name="connsiteX24" fmla="*/ 3865778 w 4011438"/>
                <a:gd name="connsiteY24" fmla="*/ 1158777 h 4192489"/>
                <a:gd name="connsiteX25" fmla="*/ 3889304 w 4011438"/>
                <a:gd name="connsiteY25" fmla="*/ 1360612 h 4192489"/>
                <a:gd name="connsiteX26" fmla="*/ 3906545 w 4011438"/>
                <a:gd name="connsiteY26" fmla="*/ 2083465 h 4192489"/>
                <a:gd name="connsiteX27" fmla="*/ 3931691 w 4011438"/>
                <a:gd name="connsiteY27" fmla="*/ 2849274 h 4192489"/>
                <a:gd name="connsiteX28" fmla="*/ 3941216 w 4011438"/>
                <a:gd name="connsiteY28" fmla="*/ 3023010 h 4192489"/>
                <a:gd name="connsiteX29" fmla="*/ 3971886 w 4011438"/>
                <a:gd name="connsiteY29" fmla="*/ 3291806 h 4192489"/>
                <a:gd name="connsiteX30" fmla="*/ 4009986 w 4011438"/>
                <a:gd name="connsiteY30" fmla="*/ 3620609 h 4192489"/>
                <a:gd name="connsiteX31" fmla="*/ 3895686 w 4011438"/>
                <a:gd name="connsiteY31" fmla="*/ 4168201 h 4192489"/>
                <a:gd name="connsiteX32" fmla="*/ 3884066 w 4011438"/>
                <a:gd name="connsiteY32" fmla="*/ 4192490 h 4192489"/>
                <a:gd name="connsiteX33" fmla="*/ 3878732 w 4011438"/>
                <a:gd name="connsiteY33" fmla="*/ 4192490 h 4192489"/>
                <a:gd name="connsiteX34" fmla="*/ 3891496 w 4011438"/>
                <a:gd name="connsiteY34" fmla="*/ 4166296 h 4192489"/>
                <a:gd name="connsiteX35" fmla="*/ 4005033 w 4011438"/>
                <a:gd name="connsiteY35" fmla="*/ 3620895 h 4192489"/>
                <a:gd name="connsiteX36" fmla="*/ 3966933 w 4011438"/>
                <a:gd name="connsiteY36" fmla="*/ 3292473 h 4192489"/>
                <a:gd name="connsiteX37" fmla="*/ 3936167 w 4011438"/>
                <a:gd name="connsiteY37" fmla="*/ 3023201 h 4192489"/>
                <a:gd name="connsiteX38" fmla="*/ 3926642 w 4011438"/>
                <a:gd name="connsiteY38" fmla="*/ 2849465 h 4192489"/>
                <a:gd name="connsiteX39" fmla="*/ 3901497 w 4011438"/>
                <a:gd name="connsiteY39" fmla="*/ 2083369 h 4192489"/>
                <a:gd name="connsiteX40" fmla="*/ 3884352 w 4011438"/>
                <a:gd name="connsiteY40" fmla="*/ 1361565 h 4192489"/>
                <a:gd name="connsiteX41" fmla="*/ 3860730 w 4011438"/>
                <a:gd name="connsiteY41" fmla="*/ 1159159 h 4192489"/>
                <a:gd name="connsiteX42" fmla="*/ 3841679 w 4011438"/>
                <a:gd name="connsiteY42" fmla="*/ 994090 h 4192489"/>
                <a:gd name="connsiteX43" fmla="*/ 3711663 w 4011438"/>
                <a:gd name="connsiteY43" fmla="*/ 742916 h 4192489"/>
                <a:gd name="connsiteX44" fmla="*/ 3471157 w 4011438"/>
                <a:gd name="connsiteY44" fmla="*/ 512601 h 4192489"/>
                <a:gd name="connsiteX45" fmla="*/ 3407150 w 4011438"/>
                <a:gd name="connsiteY45" fmla="*/ 430877 h 4192489"/>
                <a:gd name="connsiteX46" fmla="*/ 3239985 w 4011438"/>
                <a:gd name="connsiteY46" fmla="*/ 254093 h 4192489"/>
                <a:gd name="connsiteX47" fmla="*/ 3163023 w 4011438"/>
                <a:gd name="connsiteY47" fmla="*/ 203515 h 4192489"/>
                <a:gd name="connsiteX48" fmla="*/ 2929851 w 4011438"/>
                <a:gd name="connsiteY48" fmla="*/ 85024 h 4192489"/>
                <a:gd name="connsiteX49" fmla="*/ 2773165 w 4011438"/>
                <a:gd name="connsiteY49" fmla="*/ 75499 h 4192489"/>
                <a:gd name="connsiteX50" fmla="*/ 2590761 w 4011438"/>
                <a:gd name="connsiteY50" fmla="*/ 59783 h 4192489"/>
                <a:gd name="connsiteX51" fmla="*/ 2551233 w 4011438"/>
                <a:gd name="connsiteY51" fmla="*/ 48543 h 4192489"/>
                <a:gd name="connsiteX52" fmla="*/ 2324823 w 4011438"/>
                <a:gd name="connsiteY52" fmla="*/ 4633 h 4192489"/>
                <a:gd name="connsiteX53" fmla="*/ 2232050 w 4011438"/>
                <a:gd name="connsiteY53" fmla="*/ 22921 h 4192489"/>
                <a:gd name="connsiteX54" fmla="*/ 2002974 w 4011438"/>
                <a:gd name="connsiteY54" fmla="*/ 90739 h 4192489"/>
                <a:gd name="connsiteX55" fmla="*/ 1623307 w 4011438"/>
                <a:gd name="connsiteY55" fmla="*/ 219231 h 4192489"/>
                <a:gd name="connsiteX56" fmla="*/ 1184014 w 4011438"/>
                <a:gd name="connsiteY56" fmla="*/ 496790 h 4192489"/>
                <a:gd name="connsiteX57" fmla="*/ 1134198 w 4011438"/>
                <a:gd name="connsiteY57" fmla="*/ 524603 h 4192489"/>
                <a:gd name="connsiteX58" fmla="*/ 895025 w 4011438"/>
                <a:gd name="connsiteY58" fmla="*/ 697672 h 4192489"/>
                <a:gd name="connsiteX59" fmla="*/ 878357 w 4011438"/>
                <a:gd name="connsiteY59" fmla="*/ 715865 h 4192489"/>
                <a:gd name="connsiteX60" fmla="*/ 447255 w 4011438"/>
                <a:gd name="connsiteY60" fmla="*/ 1297652 h 4192489"/>
                <a:gd name="connsiteX61" fmla="*/ 258756 w 4011438"/>
                <a:gd name="connsiteY61" fmla="*/ 1690844 h 4192489"/>
                <a:gd name="connsiteX62" fmla="*/ 104069 w 4011438"/>
                <a:gd name="connsiteY62" fmla="*/ 2010313 h 4192489"/>
                <a:gd name="connsiteX63" fmla="*/ 49586 w 4011438"/>
                <a:gd name="connsiteY63" fmla="*/ 2151283 h 4192489"/>
                <a:gd name="connsiteX64" fmla="*/ 9772 w 4011438"/>
                <a:gd name="connsiteY64" fmla="*/ 2281489 h 4192489"/>
                <a:gd name="connsiteX65" fmla="*/ 67493 w 4011438"/>
                <a:gd name="connsiteY65" fmla="*/ 3028249 h 4192489"/>
                <a:gd name="connsiteX66" fmla="*/ 339908 w 4011438"/>
                <a:gd name="connsiteY66" fmla="*/ 3667377 h 4192489"/>
                <a:gd name="connsiteX67" fmla="*/ 343528 w 4011438"/>
                <a:gd name="connsiteY67" fmla="*/ 3675663 h 4192489"/>
                <a:gd name="connsiteX68" fmla="*/ 623373 w 4011438"/>
                <a:gd name="connsiteY68" fmla="*/ 4192204 h 4192489"/>
                <a:gd name="connsiteX69" fmla="*/ 616991 w 4011438"/>
                <a:gd name="connsiteY69" fmla="*/ 4192204 h 4192489"/>
                <a:gd name="connsiteX70" fmla="*/ 338861 w 4011438"/>
                <a:gd name="connsiteY70" fmla="*/ 3677854 h 4192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4011438" h="4192489">
                  <a:moveTo>
                    <a:pt x="335527" y="3669663"/>
                  </a:moveTo>
                  <a:cubicBezTo>
                    <a:pt x="289902" y="3566126"/>
                    <a:pt x="137883" y="3213892"/>
                    <a:pt x="63112" y="3030345"/>
                  </a:cubicBezTo>
                  <a:cubicBezTo>
                    <a:pt x="-8231" y="2855275"/>
                    <a:pt x="-4230" y="2378454"/>
                    <a:pt x="5009" y="2281394"/>
                  </a:cubicBezTo>
                  <a:cubicBezTo>
                    <a:pt x="9962" y="2229959"/>
                    <a:pt x="24821" y="2196240"/>
                    <a:pt x="45300" y="2149664"/>
                  </a:cubicBezTo>
                  <a:cubicBezTo>
                    <a:pt x="66005" y="2103894"/>
                    <a:pt x="84100" y="2056987"/>
                    <a:pt x="99498" y="2009170"/>
                  </a:cubicBezTo>
                  <a:cubicBezTo>
                    <a:pt x="121976" y="1939256"/>
                    <a:pt x="186365" y="1817622"/>
                    <a:pt x="254565" y="1688939"/>
                  </a:cubicBezTo>
                  <a:cubicBezTo>
                    <a:pt x="331241" y="1544540"/>
                    <a:pt x="410108" y="1395378"/>
                    <a:pt x="442683" y="1296890"/>
                  </a:cubicBezTo>
                  <a:cubicBezTo>
                    <a:pt x="501643" y="1118487"/>
                    <a:pt x="772724" y="824164"/>
                    <a:pt x="874832" y="713388"/>
                  </a:cubicBezTo>
                  <a:lnTo>
                    <a:pt x="891501" y="695196"/>
                  </a:lnTo>
                  <a:cubicBezTo>
                    <a:pt x="967701" y="612519"/>
                    <a:pt x="1036376" y="574228"/>
                    <a:pt x="1131817" y="521269"/>
                  </a:cubicBezTo>
                  <a:cubicBezTo>
                    <a:pt x="1147628" y="512506"/>
                    <a:pt x="1164202" y="503267"/>
                    <a:pt x="1181728" y="493361"/>
                  </a:cubicBezTo>
                  <a:cubicBezTo>
                    <a:pt x="1299838" y="426686"/>
                    <a:pt x="1514341" y="297527"/>
                    <a:pt x="1621116" y="215517"/>
                  </a:cubicBezTo>
                  <a:cubicBezTo>
                    <a:pt x="1683886" y="167320"/>
                    <a:pt x="1853241" y="124267"/>
                    <a:pt x="2002592" y="86262"/>
                  </a:cubicBezTo>
                  <a:cubicBezTo>
                    <a:pt x="2099271" y="61688"/>
                    <a:pt x="2190521" y="38637"/>
                    <a:pt x="2230716" y="18730"/>
                  </a:cubicBezTo>
                  <a:cubicBezTo>
                    <a:pt x="2318442" y="-24418"/>
                    <a:pt x="2459792" y="16825"/>
                    <a:pt x="2553328" y="44067"/>
                  </a:cubicBezTo>
                  <a:cubicBezTo>
                    <a:pt x="2567615" y="48258"/>
                    <a:pt x="2581236" y="52258"/>
                    <a:pt x="2592666" y="55306"/>
                  </a:cubicBezTo>
                  <a:cubicBezTo>
                    <a:pt x="2638481" y="67593"/>
                    <a:pt x="2707442" y="69213"/>
                    <a:pt x="2773641" y="70832"/>
                  </a:cubicBezTo>
                  <a:cubicBezTo>
                    <a:pt x="2826237" y="70800"/>
                    <a:pt x="2878786" y="73981"/>
                    <a:pt x="2930994" y="80357"/>
                  </a:cubicBezTo>
                  <a:cubicBezTo>
                    <a:pt x="3007194" y="92454"/>
                    <a:pt x="3088061" y="147032"/>
                    <a:pt x="3166071" y="199610"/>
                  </a:cubicBezTo>
                  <a:cubicBezTo>
                    <a:pt x="3191408" y="216660"/>
                    <a:pt x="3217506" y="234281"/>
                    <a:pt x="3242843" y="250092"/>
                  </a:cubicBezTo>
                  <a:cubicBezTo>
                    <a:pt x="3312947" y="293526"/>
                    <a:pt x="3365239" y="364964"/>
                    <a:pt x="3411435" y="428115"/>
                  </a:cubicBezTo>
                  <a:cubicBezTo>
                    <a:pt x="3431207" y="456293"/>
                    <a:pt x="3452445" y="483413"/>
                    <a:pt x="3475062" y="509363"/>
                  </a:cubicBezTo>
                  <a:cubicBezTo>
                    <a:pt x="3550097" y="590975"/>
                    <a:pt x="3630237" y="667742"/>
                    <a:pt x="3714997" y="739201"/>
                  </a:cubicBezTo>
                  <a:cubicBezTo>
                    <a:pt x="3795960" y="805876"/>
                    <a:pt x="3827011" y="904936"/>
                    <a:pt x="3846728" y="993043"/>
                  </a:cubicBezTo>
                  <a:cubicBezTo>
                    <a:pt x="3856253" y="1034952"/>
                    <a:pt x="3860920" y="1095055"/>
                    <a:pt x="3865778" y="1158777"/>
                  </a:cubicBezTo>
                  <a:cubicBezTo>
                    <a:pt x="3869929" y="1226435"/>
                    <a:pt x="3877783" y="1293814"/>
                    <a:pt x="3889304" y="1360612"/>
                  </a:cubicBezTo>
                  <a:cubicBezTo>
                    <a:pt x="3913212" y="1480246"/>
                    <a:pt x="3914927" y="1819241"/>
                    <a:pt x="3906545" y="2083465"/>
                  </a:cubicBezTo>
                  <a:cubicBezTo>
                    <a:pt x="3900068" y="2285585"/>
                    <a:pt x="3919118" y="2624770"/>
                    <a:pt x="3931691" y="2849274"/>
                  </a:cubicBezTo>
                  <a:cubicBezTo>
                    <a:pt x="3935786" y="2921283"/>
                    <a:pt x="3939215" y="2983482"/>
                    <a:pt x="3941216" y="3023010"/>
                  </a:cubicBezTo>
                  <a:cubicBezTo>
                    <a:pt x="3944359" y="3100639"/>
                    <a:pt x="3957789" y="3193508"/>
                    <a:pt x="3971886" y="3291806"/>
                  </a:cubicBezTo>
                  <a:cubicBezTo>
                    <a:pt x="3987317" y="3398582"/>
                    <a:pt x="4003224" y="3508881"/>
                    <a:pt x="4009986" y="3620609"/>
                  </a:cubicBezTo>
                  <a:cubicBezTo>
                    <a:pt x="4019511" y="3782534"/>
                    <a:pt x="3982268" y="3961509"/>
                    <a:pt x="3895686" y="4168201"/>
                  </a:cubicBezTo>
                  <a:cubicBezTo>
                    <a:pt x="3892239" y="4176495"/>
                    <a:pt x="3888360" y="4184602"/>
                    <a:pt x="3884066" y="4192490"/>
                  </a:cubicBezTo>
                  <a:lnTo>
                    <a:pt x="3878732" y="4192490"/>
                  </a:lnTo>
                  <a:cubicBezTo>
                    <a:pt x="3883446" y="4183991"/>
                    <a:pt x="3887707" y="4175247"/>
                    <a:pt x="3891496" y="4166296"/>
                  </a:cubicBezTo>
                  <a:cubicBezTo>
                    <a:pt x="3977221" y="3960366"/>
                    <a:pt x="4014558" y="3781963"/>
                    <a:pt x="4005033" y="3620895"/>
                  </a:cubicBezTo>
                  <a:cubicBezTo>
                    <a:pt x="3998366" y="3509452"/>
                    <a:pt x="3982459" y="3399153"/>
                    <a:pt x="3966933" y="3292473"/>
                  </a:cubicBezTo>
                  <a:cubicBezTo>
                    <a:pt x="3952741" y="3194079"/>
                    <a:pt x="3939311" y="3101020"/>
                    <a:pt x="3936167" y="3023201"/>
                  </a:cubicBezTo>
                  <a:cubicBezTo>
                    <a:pt x="3934548" y="2983767"/>
                    <a:pt x="3931119" y="2921569"/>
                    <a:pt x="3926642" y="2849465"/>
                  </a:cubicBezTo>
                  <a:cubicBezTo>
                    <a:pt x="3914070" y="2624961"/>
                    <a:pt x="3895020" y="2285680"/>
                    <a:pt x="3901497" y="2083369"/>
                  </a:cubicBezTo>
                  <a:cubicBezTo>
                    <a:pt x="3909879" y="1819336"/>
                    <a:pt x="3908164" y="1480818"/>
                    <a:pt x="3884352" y="1361565"/>
                  </a:cubicBezTo>
                  <a:cubicBezTo>
                    <a:pt x="3872762" y="1294582"/>
                    <a:pt x="3864876" y="1227010"/>
                    <a:pt x="3860730" y="1159159"/>
                  </a:cubicBezTo>
                  <a:cubicBezTo>
                    <a:pt x="3855586" y="1095627"/>
                    <a:pt x="3851204" y="1035334"/>
                    <a:pt x="3841679" y="994090"/>
                  </a:cubicBezTo>
                  <a:cubicBezTo>
                    <a:pt x="3822629" y="906746"/>
                    <a:pt x="3791388" y="808638"/>
                    <a:pt x="3711663" y="742916"/>
                  </a:cubicBezTo>
                  <a:cubicBezTo>
                    <a:pt x="3626716" y="671295"/>
                    <a:pt x="3546387" y="594370"/>
                    <a:pt x="3471157" y="512601"/>
                  </a:cubicBezTo>
                  <a:cubicBezTo>
                    <a:pt x="3448413" y="486493"/>
                    <a:pt x="3427048" y="459214"/>
                    <a:pt x="3407150" y="430877"/>
                  </a:cubicBezTo>
                  <a:cubicBezTo>
                    <a:pt x="3361238" y="368202"/>
                    <a:pt x="3309232" y="297051"/>
                    <a:pt x="3239985" y="254093"/>
                  </a:cubicBezTo>
                  <a:cubicBezTo>
                    <a:pt x="3214554" y="238281"/>
                    <a:pt x="3188360" y="220660"/>
                    <a:pt x="3163023" y="203515"/>
                  </a:cubicBezTo>
                  <a:cubicBezTo>
                    <a:pt x="3085490" y="151128"/>
                    <a:pt x="3005289" y="97026"/>
                    <a:pt x="2929851" y="85024"/>
                  </a:cubicBezTo>
                  <a:cubicBezTo>
                    <a:pt x="2877862" y="78694"/>
                    <a:pt x="2825538" y="75513"/>
                    <a:pt x="2773165" y="75499"/>
                  </a:cubicBezTo>
                  <a:cubicBezTo>
                    <a:pt x="2706490" y="73880"/>
                    <a:pt x="2637053" y="72166"/>
                    <a:pt x="2590761" y="59783"/>
                  </a:cubicBezTo>
                  <a:cubicBezTo>
                    <a:pt x="2579141" y="56735"/>
                    <a:pt x="2565615" y="52734"/>
                    <a:pt x="2551233" y="48543"/>
                  </a:cubicBezTo>
                  <a:cubicBezTo>
                    <a:pt x="2487224" y="29493"/>
                    <a:pt x="2400642" y="4633"/>
                    <a:pt x="2324823" y="4633"/>
                  </a:cubicBezTo>
                  <a:cubicBezTo>
                    <a:pt x="2292911" y="3608"/>
                    <a:pt x="2261185" y="9862"/>
                    <a:pt x="2232050" y="22921"/>
                  </a:cubicBezTo>
                  <a:cubicBezTo>
                    <a:pt x="2191378" y="42828"/>
                    <a:pt x="2104129" y="65022"/>
                    <a:pt x="2002974" y="90739"/>
                  </a:cubicBezTo>
                  <a:cubicBezTo>
                    <a:pt x="1854098" y="128839"/>
                    <a:pt x="1685219" y="171606"/>
                    <a:pt x="1623307" y="219231"/>
                  </a:cubicBezTo>
                  <a:cubicBezTo>
                    <a:pt x="1517103" y="300956"/>
                    <a:pt x="1302791" y="430115"/>
                    <a:pt x="1184014" y="496790"/>
                  </a:cubicBezTo>
                  <a:cubicBezTo>
                    <a:pt x="1166488" y="506315"/>
                    <a:pt x="1149915" y="515840"/>
                    <a:pt x="1134198" y="524603"/>
                  </a:cubicBezTo>
                  <a:cubicBezTo>
                    <a:pt x="1038948" y="577371"/>
                    <a:pt x="970368" y="615567"/>
                    <a:pt x="895025" y="697672"/>
                  </a:cubicBezTo>
                  <a:lnTo>
                    <a:pt x="878357" y="715865"/>
                  </a:lnTo>
                  <a:cubicBezTo>
                    <a:pt x="776439" y="826450"/>
                    <a:pt x="505834" y="1120201"/>
                    <a:pt x="447255" y="1297652"/>
                  </a:cubicBezTo>
                  <a:cubicBezTo>
                    <a:pt x="414489" y="1396998"/>
                    <a:pt x="335336" y="1546350"/>
                    <a:pt x="258756" y="1690844"/>
                  </a:cubicBezTo>
                  <a:cubicBezTo>
                    <a:pt x="190747" y="1819431"/>
                    <a:pt x="126358" y="1940780"/>
                    <a:pt x="104069" y="2010313"/>
                  </a:cubicBezTo>
                  <a:cubicBezTo>
                    <a:pt x="88618" y="2058306"/>
                    <a:pt x="70427" y="2105373"/>
                    <a:pt x="49586" y="2151283"/>
                  </a:cubicBezTo>
                  <a:cubicBezTo>
                    <a:pt x="29298" y="2197479"/>
                    <a:pt x="14630" y="2230816"/>
                    <a:pt x="9772" y="2281489"/>
                  </a:cubicBezTo>
                  <a:cubicBezTo>
                    <a:pt x="247" y="2378454"/>
                    <a:pt x="-3468" y="2853942"/>
                    <a:pt x="67493" y="3028249"/>
                  </a:cubicBezTo>
                  <a:cubicBezTo>
                    <a:pt x="142360" y="3211796"/>
                    <a:pt x="294284" y="3563935"/>
                    <a:pt x="339908" y="3667377"/>
                  </a:cubicBezTo>
                  <a:lnTo>
                    <a:pt x="343528" y="3675663"/>
                  </a:lnTo>
                  <a:cubicBezTo>
                    <a:pt x="394201" y="3790535"/>
                    <a:pt x="508787" y="4050663"/>
                    <a:pt x="623373" y="4192204"/>
                  </a:cubicBezTo>
                  <a:lnTo>
                    <a:pt x="616991" y="4192204"/>
                  </a:lnTo>
                  <a:cubicBezTo>
                    <a:pt x="502691" y="4049329"/>
                    <a:pt x="389248" y="3792154"/>
                    <a:pt x="338861" y="36778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87">
              <a:extLst>
                <a:ext uri="{FF2B5EF4-FFF2-40B4-BE49-F238E27FC236}">
                  <a16:creationId xmlns:a16="http://schemas.microsoft.com/office/drawing/2014/main" id="{709B0AAE-DC91-4B42-A5F1-0A9BB1BBE33F}"/>
                </a:ext>
              </a:extLst>
            </p:cNvPr>
            <p:cNvSpPr/>
            <p:nvPr/>
          </p:nvSpPr>
          <p:spPr>
            <a:xfrm>
              <a:off x="2889590" y="3378998"/>
              <a:ext cx="3771413" cy="3936201"/>
            </a:xfrm>
            <a:custGeom>
              <a:avLst/>
              <a:gdLst>
                <a:gd name="connsiteX0" fmla="*/ 569699 w 3771413"/>
                <a:gd name="connsiteY0" fmla="*/ 3800756 h 3936201"/>
                <a:gd name="connsiteX1" fmla="*/ 332336 w 3771413"/>
                <a:gd name="connsiteY1" fmla="*/ 3389943 h 3936201"/>
                <a:gd name="connsiteX2" fmla="*/ 306237 w 3771413"/>
                <a:gd name="connsiteY2" fmla="*/ 3337841 h 3936201"/>
                <a:gd name="connsiteX3" fmla="*/ 8 w 3771413"/>
                <a:gd name="connsiteY3" fmla="*/ 2424774 h 3936201"/>
                <a:gd name="connsiteX4" fmla="*/ 247658 w 3771413"/>
                <a:gd name="connsiteY4" fmla="*/ 1743832 h 3936201"/>
                <a:gd name="connsiteX5" fmla="*/ 489879 w 3771413"/>
                <a:gd name="connsiteY5" fmla="*/ 1218242 h 3936201"/>
                <a:gd name="connsiteX6" fmla="*/ 514930 w 3771413"/>
                <a:gd name="connsiteY6" fmla="*/ 1160331 h 3936201"/>
                <a:gd name="connsiteX7" fmla="*/ 952413 w 3771413"/>
                <a:gd name="connsiteY7" fmla="*/ 643409 h 3936201"/>
                <a:gd name="connsiteX8" fmla="*/ 984512 w 3771413"/>
                <a:gd name="connsiteY8" fmla="*/ 611976 h 3936201"/>
                <a:gd name="connsiteX9" fmla="*/ 1181680 w 3771413"/>
                <a:gd name="connsiteY9" fmla="*/ 521870 h 3936201"/>
                <a:gd name="connsiteX10" fmla="*/ 1605162 w 3771413"/>
                <a:gd name="connsiteY10" fmla="*/ 226595 h 3936201"/>
                <a:gd name="connsiteX11" fmla="*/ 1983971 w 3771413"/>
                <a:gd name="connsiteY11" fmla="*/ 58193 h 3936201"/>
                <a:gd name="connsiteX12" fmla="*/ 2106081 w 3771413"/>
                <a:gd name="connsiteY12" fmla="*/ 21712 h 3936201"/>
                <a:gd name="connsiteX13" fmla="*/ 2672818 w 3771413"/>
                <a:gd name="connsiteY13" fmla="*/ 17045 h 3936201"/>
                <a:gd name="connsiteX14" fmla="*/ 2742256 w 3771413"/>
                <a:gd name="connsiteY14" fmla="*/ 21426 h 3936201"/>
                <a:gd name="connsiteX15" fmla="*/ 3008956 w 3771413"/>
                <a:gd name="connsiteY15" fmla="*/ 137346 h 3936201"/>
                <a:gd name="connsiteX16" fmla="*/ 3130209 w 3771413"/>
                <a:gd name="connsiteY16" fmla="*/ 256598 h 3936201"/>
                <a:gd name="connsiteX17" fmla="*/ 3285086 w 3771413"/>
                <a:gd name="connsiteY17" fmla="*/ 414523 h 3936201"/>
                <a:gd name="connsiteX18" fmla="*/ 3445392 w 3771413"/>
                <a:gd name="connsiteY18" fmla="*/ 563875 h 3936201"/>
                <a:gd name="connsiteX19" fmla="*/ 3556453 w 3771413"/>
                <a:gd name="connsiteY19" fmla="*/ 659125 h 3936201"/>
                <a:gd name="connsiteX20" fmla="*/ 3632081 w 3771413"/>
                <a:gd name="connsiteY20" fmla="*/ 872199 h 3936201"/>
                <a:gd name="connsiteX21" fmla="*/ 3663609 w 3771413"/>
                <a:gd name="connsiteY21" fmla="*/ 1015646 h 3936201"/>
                <a:gd name="connsiteX22" fmla="*/ 3674849 w 3771413"/>
                <a:gd name="connsiteY22" fmla="*/ 1556761 h 3936201"/>
                <a:gd name="connsiteX23" fmla="*/ 3672277 w 3771413"/>
                <a:gd name="connsiteY23" fmla="*/ 1596099 h 3936201"/>
                <a:gd name="connsiteX24" fmla="*/ 3672277 w 3771413"/>
                <a:gd name="connsiteY24" fmla="*/ 2037678 h 3936201"/>
                <a:gd name="connsiteX25" fmla="*/ 3673706 w 3771413"/>
                <a:gd name="connsiteY25" fmla="*/ 2467446 h 3936201"/>
                <a:gd name="connsiteX26" fmla="*/ 3729998 w 3771413"/>
                <a:gd name="connsiteY26" fmla="*/ 2894833 h 3936201"/>
                <a:gd name="connsiteX27" fmla="*/ 3756573 w 3771413"/>
                <a:gd name="connsiteY27" fmla="*/ 3010276 h 3936201"/>
                <a:gd name="connsiteX28" fmla="*/ 3748667 w 3771413"/>
                <a:gd name="connsiteY28" fmla="*/ 3367083 h 3936201"/>
                <a:gd name="connsiteX29" fmla="*/ 3723712 w 3771413"/>
                <a:gd name="connsiteY29" fmla="*/ 3562726 h 3936201"/>
                <a:gd name="connsiteX30" fmla="*/ 3570550 w 3771413"/>
                <a:gd name="connsiteY30" fmla="*/ 3936201 h 3936201"/>
                <a:gd name="connsiteX31" fmla="*/ 3564549 w 3771413"/>
                <a:gd name="connsiteY31" fmla="*/ 3936201 h 3936201"/>
                <a:gd name="connsiteX32" fmla="*/ 3718949 w 3771413"/>
                <a:gd name="connsiteY32" fmla="*/ 3562440 h 3936201"/>
                <a:gd name="connsiteX33" fmla="*/ 3744000 w 3771413"/>
                <a:gd name="connsiteY33" fmla="*/ 3366416 h 3936201"/>
                <a:gd name="connsiteX34" fmla="*/ 3751906 w 3771413"/>
                <a:gd name="connsiteY34" fmla="*/ 3011229 h 3936201"/>
                <a:gd name="connsiteX35" fmla="*/ 3725426 w 3771413"/>
                <a:gd name="connsiteY35" fmla="*/ 2895976 h 3936201"/>
                <a:gd name="connsiteX36" fmla="*/ 3668943 w 3771413"/>
                <a:gd name="connsiteY36" fmla="*/ 2467351 h 3936201"/>
                <a:gd name="connsiteX37" fmla="*/ 3667514 w 3771413"/>
                <a:gd name="connsiteY37" fmla="*/ 2037678 h 3936201"/>
                <a:gd name="connsiteX38" fmla="*/ 3667514 w 3771413"/>
                <a:gd name="connsiteY38" fmla="*/ 1595813 h 3936201"/>
                <a:gd name="connsiteX39" fmla="*/ 3669991 w 3771413"/>
                <a:gd name="connsiteY39" fmla="*/ 1556380 h 3936201"/>
                <a:gd name="connsiteX40" fmla="*/ 3659037 w 3771413"/>
                <a:gd name="connsiteY40" fmla="*/ 1017170 h 3936201"/>
                <a:gd name="connsiteX41" fmla="*/ 3626652 w 3771413"/>
                <a:gd name="connsiteY41" fmla="*/ 872771 h 3936201"/>
                <a:gd name="connsiteX42" fmla="*/ 3552357 w 3771413"/>
                <a:gd name="connsiteY42" fmla="*/ 662268 h 3936201"/>
                <a:gd name="connsiteX43" fmla="*/ 3441581 w 3771413"/>
                <a:gd name="connsiteY43" fmla="*/ 567018 h 3936201"/>
                <a:gd name="connsiteX44" fmla="*/ 3280323 w 3771413"/>
                <a:gd name="connsiteY44" fmla="*/ 416618 h 3936201"/>
                <a:gd name="connsiteX45" fmla="*/ 3126209 w 3771413"/>
                <a:gd name="connsiteY45" fmla="*/ 259551 h 3936201"/>
                <a:gd name="connsiteX46" fmla="*/ 3004479 w 3771413"/>
                <a:gd name="connsiteY46" fmla="*/ 139822 h 3936201"/>
                <a:gd name="connsiteX47" fmla="*/ 2741685 w 3771413"/>
                <a:gd name="connsiteY47" fmla="*/ 25522 h 3936201"/>
                <a:gd name="connsiteX48" fmla="*/ 2672057 w 3771413"/>
                <a:gd name="connsiteY48" fmla="*/ 21140 h 3936201"/>
                <a:gd name="connsiteX49" fmla="*/ 2296962 w 3771413"/>
                <a:gd name="connsiteY49" fmla="*/ 4281 h 3936201"/>
                <a:gd name="connsiteX50" fmla="*/ 2108177 w 3771413"/>
                <a:gd name="connsiteY50" fmla="*/ 25141 h 3936201"/>
                <a:gd name="connsiteX51" fmla="*/ 1984352 w 3771413"/>
                <a:gd name="connsiteY51" fmla="*/ 62193 h 3936201"/>
                <a:gd name="connsiteX52" fmla="*/ 1607733 w 3771413"/>
                <a:gd name="connsiteY52" fmla="*/ 229357 h 3936201"/>
                <a:gd name="connsiteX53" fmla="*/ 1181870 w 3771413"/>
                <a:gd name="connsiteY53" fmla="*/ 526156 h 3936201"/>
                <a:gd name="connsiteX54" fmla="*/ 987179 w 3771413"/>
                <a:gd name="connsiteY54" fmla="*/ 615024 h 3936201"/>
                <a:gd name="connsiteX55" fmla="*/ 955080 w 3771413"/>
                <a:gd name="connsiteY55" fmla="*/ 646457 h 3936201"/>
                <a:gd name="connsiteX56" fmla="*/ 518645 w 3771413"/>
                <a:gd name="connsiteY56" fmla="*/ 1161855 h 3936201"/>
                <a:gd name="connsiteX57" fmla="*/ 493594 w 3771413"/>
                <a:gd name="connsiteY57" fmla="*/ 1219766 h 3936201"/>
                <a:gd name="connsiteX58" fmla="*/ 251087 w 3771413"/>
                <a:gd name="connsiteY58" fmla="*/ 1745927 h 3936201"/>
                <a:gd name="connsiteX59" fmla="*/ 4104 w 3771413"/>
                <a:gd name="connsiteY59" fmla="*/ 2424394 h 3936201"/>
                <a:gd name="connsiteX60" fmla="*/ 309857 w 3771413"/>
                <a:gd name="connsiteY60" fmla="*/ 3335269 h 3936201"/>
                <a:gd name="connsiteX61" fmla="*/ 335860 w 3771413"/>
                <a:gd name="connsiteY61" fmla="*/ 3387466 h 3936201"/>
                <a:gd name="connsiteX62" fmla="*/ 572556 w 3771413"/>
                <a:gd name="connsiteY62" fmla="*/ 3797041 h 3936201"/>
                <a:gd name="connsiteX63" fmla="*/ 589701 w 3771413"/>
                <a:gd name="connsiteY63" fmla="*/ 3815520 h 3936201"/>
                <a:gd name="connsiteX64" fmla="*/ 702858 w 3771413"/>
                <a:gd name="connsiteY64" fmla="*/ 3935725 h 3936201"/>
                <a:gd name="connsiteX65" fmla="*/ 696191 w 3771413"/>
                <a:gd name="connsiteY65" fmla="*/ 3935725 h 3936201"/>
                <a:gd name="connsiteX66" fmla="*/ 586177 w 3771413"/>
                <a:gd name="connsiteY66" fmla="*/ 3818663 h 3936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3771413" h="3936201">
                  <a:moveTo>
                    <a:pt x="569699" y="3800756"/>
                  </a:moveTo>
                  <a:cubicBezTo>
                    <a:pt x="498071" y="3723413"/>
                    <a:pt x="394343" y="3515006"/>
                    <a:pt x="332336" y="3389943"/>
                  </a:cubicBezTo>
                  <a:cubicBezTo>
                    <a:pt x="322811" y="3370035"/>
                    <a:pt x="313286" y="3352319"/>
                    <a:pt x="306237" y="3337841"/>
                  </a:cubicBezTo>
                  <a:cubicBezTo>
                    <a:pt x="254612" y="3235923"/>
                    <a:pt x="1437" y="2652041"/>
                    <a:pt x="8" y="2424774"/>
                  </a:cubicBezTo>
                  <a:cubicBezTo>
                    <a:pt x="-1420" y="2203509"/>
                    <a:pt x="182983" y="1850226"/>
                    <a:pt x="247658" y="1743832"/>
                  </a:cubicBezTo>
                  <a:cubicBezTo>
                    <a:pt x="297855" y="1661536"/>
                    <a:pt x="408821" y="1405314"/>
                    <a:pt x="489879" y="1218242"/>
                  </a:cubicBezTo>
                  <a:lnTo>
                    <a:pt x="514930" y="1160331"/>
                  </a:lnTo>
                  <a:cubicBezTo>
                    <a:pt x="584272" y="1000787"/>
                    <a:pt x="851734" y="741231"/>
                    <a:pt x="952413" y="643409"/>
                  </a:cubicBezTo>
                  <a:cubicBezTo>
                    <a:pt x="966415" y="629788"/>
                    <a:pt x="977559" y="619025"/>
                    <a:pt x="984512" y="611976"/>
                  </a:cubicBezTo>
                  <a:cubicBezTo>
                    <a:pt x="1043282" y="552921"/>
                    <a:pt x="1091954" y="538539"/>
                    <a:pt x="1181680" y="521870"/>
                  </a:cubicBezTo>
                  <a:cubicBezTo>
                    <a:pt x="1268738" y="505677"/>
                    <a:pt x="1427044" y="395187"/>
                    <a:pt x="1605162" y="226595"/>
                  </a:cubicBezTo>
                  <a:cubicBezTo>
                    <a:pt x="1721938" y="115819"/>
                    <a:pt x="1873385" y="82577"/>
                    <a:pt x="1983971" y="58193"/>
                  </a:cubicBezTo>
                  <a:cubicBezTo>
                    <a:pt x="2038263" y="46286"/>
                    <a:pt x="2081125" y="36857"/>
                    <a:pt x="2106081" y="21712"/>
                  </a:cubicBezTo>
                  <a:cubicBezTo>
                    <a:pt x="2170279" y="-17245"/>
                    <a:pt x="2509655" y="5900"/>
                    <a:pt x="2672818" y="17045"/>
                  </a:cubicBezTo>
                  <a:cubicBezTo>
                    <a:pt x="2706442" y="19331"/>
                    <a:pt x="2730731" y="21045"/>
                    <a:pt x="2742256" y="21426"/>
                  </a:cubicBezTo>
                  <a:cubicBezTo>
                    <a:pt x="2812360" y="23712"/>
                    <a:pt x="2954377" y="71051"/>
                    <a:pt x="3008956" y="137346"/>
                  </a:cubicBezTo>
                  <a:cubicBezTo>
                    <a:pt x="3033435" y="167349"/>
                    <a:pt x="3080489" y="210688"/>
                    <a:pt x="3130209" y="256598"/>
                  </a:cubicBezTo>
                  <a:cubicBezTo>
                    <a:pt x="3193360" y="314796"/>
                    <a:pt x="3258511" y="374994"/>
                    <a:pt x="3285086" y="414523"/>
                  </a:cubicBezTo>
                  <a:cubicBezTo>
                    <a:pt x="3313661" y="457005"/>
                    <a:pt x="3380336" y="511297"/>
                    <a:pt x="3445392" y="563875"/>
                  </a:cubicBezTo>
                  <a:cubicBezTo>
                    <a:pt x="3487777" y="598260"/>
                    <a:pt x="3527783" y="630550"/>
                    <a:pt x="3556453" y="659125"/>
                  </a:cubicBezTo>
                  <a:cubicBezTo>
                    <a:pt x="3603220" y="705702"/>
                    <a:pt x="3617222" y="786569"/>
                    <a:pt x="3632081" y="872199"/>
                  </a:cubicBezTo>
                  <a:cubicBezTo>
                    <a:pt x="3639043" y="920726"/>
                    <a:pt x="3649581" y="968672"/>
                    <a:pt x="3663609" y="1015646"/>
                  </a:cubicBezTo>
                  <a:cubicBezTo>
                    <a:pt x="3701709" y="1129946"/>
                    <a:pt x="3685707" y="1387121"/>
                    <a:pt x="3674849" y="1556761"/>
                  </a:cubicBezTo>
                  <a:cubicBezTo>
                    <a:pt x="3673896" y="1570572"/>
                    <a:pt x="3673134" y="1583717"/>
                    <a:pt x="3672277" y="1596099"/>
                  </a:cubicBezTo>
                  <a:cubicBezTo>
                    <a:pt x="3667133" y="1680777"/>
                    <a:pt x="3669610" y="1854131"/>
                    <a:pt x="3672277" y="2037678"/>
                  </a:cubicBezTo>
                  <a:cubicBezTo>
                    <a:pt x="3674563" y="2199603"/>
                    <a:pt x="3677039" y="2366958"/>
                    <a:pt x="3673706" y="2467446"/>
                  </a:cubicBezTo>
                  <a:cubicBezTo>
                    <a:pt x="3667991" y="2633753"/>
                    <a:pt x="3696756" y="2754721"/>
                    <a:pt x="3729998" y="2894833"/>
                  </a:cubicBezTo>
                  <a:cubicBezTo>
                    <a:pt x="3738762" y="2931790"/>
                    <a:pt x="3747810" y="2969890"/>
                    <a:pt x="3756573" y="3010276"/>
                  </a:cubicBezTo>
                  <a:cubicBezTo>
                    <a:pt x="3784481" y="3139245"/>
                    <a:pt x="3767908" y="3244877"/>
                    <a:pt x="3748667" y="3367083"/>
                  </a:cubicBezTo>
                  <a:cubicBezTo>
                    <a:pt x="3739142" y="3427852"/>
                    <a:pt x="3729617" y="3490908"/>
                    <a:pt x="3723712" y="3562726"/>
                  </a:cubicBezTo>
                  <a:cubicBezTo>
                    <a:pt x="3711615" y="3717412"/>
                    <a:pt x="3639225" y="3842952"/>
                    <a:pt x="3570550" y="3936201"/>
                  </a:cubicBezTo>
                  <a:lnTo>
                    <a:pt x="3564549" y="3936201"/>
                  </a:lnTo>
                  <a:cubicBezTo>
                    <a:pt x="3633510" y="3843142"/>
                    <a:pt x="3706852" y="3717126"/>
                    <a:pt x="3718949" y="3562440"/>
                  </a:cubicBezTo>
                  <a:cubicBezTo>
                    <a:pt x="3724664" y="3490050"/>
                    <a:pt x="3734475" y="3427185"/>
                    <a:pt x="3744000" y="3366416"/>
                  </a:cubicBezTo>
                  <a:cubicBezTo>
                    <a:pt x="3763050" y="3244591"/>
                    <a:pt x="3779624" y="3139435"/>
                    <a:pt x="3751906" y="3011229"/>
                  </a:cubicBezTo>
                  <a:cubicBezTo>
                    <a:pt x="3743143" y="2970938"/>
                    <a:pt x="3734094" y="2932838"/>
                    <a:pt x="3725426" y="2895976"/>
                  </a:cubicBezTo>
                  <a:cubicBezTo>
                    <a:pt x="3691993" y="2755482"/>
                    <a:pt x="3663228" y="2634229"/>
                    <a:pt x="3668943" y="2467351"/>
                  </a:cubicBezTo>
                  <a:cubicBezTo>
                    <a:pt x="3672277" y="2366958"/>
                    <a:pt x="3669801" y="2199508"/>
                    <a:pt x="3667514" y="2037678"/>
                  </a:cubicBezTo>
                  <a:cubicBezTo>
                    <a:pt x="3664752" y="1854131"/>
                    <a:pt x="3662180" y="1680681"/>
                    <a:pt x="3667514" y="1595813"/>
                  </a:cubicBezTo>
                  <a:cubicBezTo>
                    <a:pt x="3668276" y="1583431"/>
                    <a:pt x="3669038" y="1570191"/>
                    <a:pt x="3669991" y="1556380"/>
                  </a:cubicBezTo>
                  <a:cubicBezTo>
                    <a:pt x="3680754" y="1386930"/>
                    <a:pt x="3697137" y="1130803"/>
                    <a:pt x="3659037" y="1017170"/>
                  </a:cubicBezTo>
                  <a:cubicBezTo>
                    <a:pt x="3644636" y="969917"/>
                    <a:pt x="3633811" y="921648"/>
                    <a:pt x="3626652" y="872771"/>
                  </a:cubicBezTo>
                  <a:cubicBezTo>
                    <a:pt x="3611984" y="787808"/>
                    <a:pt x="3598077" y="707702"/>
                    <a:pt x="3552357" y="662268"/>
                  </a:cubicBezTo>
                  <a:cubicBezTo>
                    <a:pt x="3523782" y="633693"/>
                    <a:pt x="3483872" y="601594"/>
                    <a:pt x="3441581" y="567018"/>
                  </a:cubicBezTo>
                  <a:cubicBezTo>
                    <a:pt x="3376526" y="514250"/>
                    <a:pt x="3309279" y="459672"/>
                    <a:pt x="3280323" y="416618"/>
                  </a:cubicBezTo>
                  <a:cubicBezTo>
                    <a:pt x="3254130" y="377566"/>
                    <a:pt x="3189169" y="317558"/>
                    <a:pt x="3126209" y="259551"/>
                  </a:cubicBezTo>
                  <a:cubicBezTo>
                    <a:pt x="3076393" y="213450"/>
                    <a:pt x="3029244" y="170016"/>
                    <a:pt x="3004479" y="139822"/>
                  </a:cubicBezTo>
                  <a:cubicBezTo>
                    <a:pt x="2951139" y="74481"/>
                    <a:pt x="2811026" y="27808"/>
                    <a:pt x="2741685" y="25522"/>
                  </a:cubicBezTo>
                  <a:cubicBezTo>
                    <a:pt x="2730159" y="25522"/>
                    <a:pt x="2705775" y="23426"/>
                    <a:pt x="2672057" y="21140"/>
                  </a:cubicBezTo>
                  <a:cubicBezTo>
                    <a:pt x="2583569" y="15140"/>
                    <a:pt x="2424978" y="4281"/>
                    <a:pt x="2296962" y="4281"/>
                  </a:cubicBezTo>
                  <a:cubicBezTo>
                    <a:pt x="2208094" y="4281"/>
                    <a:pt x="2133894" y="9520"/>
                    <a:pt x="2108177" y="25141"/>
                  </a:cubicBezTo>
                  <a:cubicBezTo>
                    <a:pt x="2082459" y="40762"/>
                    <a:pt x="2039311" y="50192"/>
                    <a:pt x="1984352" y="62193"/>
                  </a:cubicBezTo>
                  <a:cubicBezTo>
                    <a:pt x="1874338" y="86387"/>
                    <a:pt x="1723652" y="119343"/>
                    <a:pt x="1607733" y="229357"/>
                  </a:cubicBezTo>
                  <a:cubicBezTo>
                    <a:pt x="1426758" y="401379"/>
                    <a:pt x="1271120" y="509582"/>
                    <a:pt x="1181870" y="526156"/>
                  </a:cubicBezTo>
                  <a:cubicBezTo>
                    <a:pt x="1092621" y="542730"/>
                    <a:pt x="1044996" y="556826"/>
                    <a:pt x="987179" y="615024"/>
                  </a:cubicBezTo>
                  <a:cubicBezTo>
                    <a:pt x="980226" y="621977"/>
                    <a:pt x="969082" y="632836"/>
                    <a:pt x="955080" y="646457"/>
                  </a:cubicBezTo>
                  <a:cubicBezTo>
                    <a:pt x="854496" y="743993"/>
                    <a:pt x="587606" y="1003168"/>
                    <a:pt x="518645" y="1161855"/>
                  </a:cubicBezTo>
                  <a:lnTo>
                    <a:pt x="493594" y="1219766"/>
                  </a:lnTo>
                  <a:cubicBezTo>
                    <a:pt x="412441" y="1406933"/>
                    <a:pt x="301379" y="1663346"/>
                    <a:pt x="251087" y="1745927"/>
                  </a:cubicBezTo>
                  <a:cubicBezTo>
                    <a:pt x="186603" y="1851941"/>
                    <a:pt x="2675" y="2204175"/>
                    <a:pt x="4104" y="2424394"/>
                  </a:cubicBezTo>
                  <a:cubicBezTo>
                    <a:pt x="5533" y="2650993"/>
                    <a:pt x="258326" y="3234019"/>
                    <a:pt x="309857" y="3335269"/>
                  </a:cubicBezTo>
                  <a:cubicBezTo>
                    <a:pt x="317191" y="3349842"/>
                    <a:pt x="325954" y="3367463"/>
                    <a:pt x="335860" y="3387466"/>
                  </a:cubicBezTo>
                  <a:cubicBezTo>
                    <a:pt x="397772" y="3511958"/>
                    <a:pt x="501404" y="3720270"/>
                    <a:pt x="572556" y="3797041"/>
                  </a:cubicBezTo>
                  <a:lnTo>
                    <a:pt x="589701" y="3815520"/>
                  </a:lnTo>
                  <a:cubicBezTo>
                    <a:pt x="623324" y="3851905"/>
                    <a:pt x="663996" y="3895911"/>
                    <a:pt x="702858" y="3935725"/>
                  </a:cubicBezTo>
                  <a:lnTo>
                    <a:pt x="696191" y="3935725"/>
                  </a:lnTo>
                  <a:cubicBezTo>
                    <a:pt x="659138" y="3897625"/>
                    <a:pt x="619991" y="3855525"/>
                    <a:pt x="586177" y="38186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88">
              <a:extLst>
                <a:ext uri="{FF2B5EF4-FFF2-40B4-BE49-F238E27FC236}">
                  <a16:creationId xmlns:a16="http://schemas.microsoft.com/office/drawing/2014/main" id="{0EAB12B2-2DAC-9A49-824A-F50564D77391}"/>
                </a:ext>
              </a:extLst>
            </p:cNvPr>
            <p:cNvSpPr/>
            <p:nvPr/>
          </p:nvSpPr>
          <p:spPr>
            <a:xfrm>
              <a:off x="4273962" y="7155587"/>
              <a:ext cx="908970" cy="159612"/>
            </a:xfrm>
            <a:custGeom>
              <a:avLst/>
              <a:gdLst>
                <a:gd name="connsiteX0" fmla="*/ 362903 w 908970"/>
                <a:gd name="connsiteY0" fmla="*/ 27025 h 159612"/>
                <a:gd name="connsiteX1" fmla="*/ 630841 w 908970"/>
                <a:gd name="connsiteY1" fmla="*/ 3213 h 159612"/>
                <a:gd name="connsiteX2" fmla="*/ 908971 w 908970"/>
                <a:gd name="connsiteY2" fmla="*/ 159613 h 159612"/>
                <a:gd name="connsiteX3" fmla="*/ 900303 w 908970"/>
                <a:gd name="connsiteY3" fmla="*/ 159613 h 159612"/>
                <a:gd name="connsiteX4" fmla="*/ 629126 w 908970"/>
                <a:gd name="connsiteY4" fmla="*/ 7213 h 159612"/>
                <a:gd name="connsiteX5" fmla="*/ 363569 w 908970"/>
                <a:gd name="connsiteY5" fmla="*/ 31311 h 159612"/>
                <a:gd name="connsiteX6" fmla="*/ 258794 w 908970"/>
                <a:gd name="connsiteY6" fmla="*/ 45694 h 159612"/>
                <a:gd name="connsiteX7" fmla="*/ 9525 w 908970"/>
                <a:gd name="connsiteY7" fmla="*/ 159137 h 159612"/>
                <a:gd name="connsiteX8" fmla="*/ 0 w 908970"/>
                <a:gd name="connsiteY8" fmla="*/ 159137 h 159612"/>
                <a:gd name="connsiteX9" fmla="*/ 258223 w 908970"/>
                <a:gd name="connsiteY9" fmla="*/ 40931 h 159612"/>
                <a:gd name="connsiteX10" fmla="*/ 362903 w 908970"/>
                <a:gd name="connsiteY10" fmla="*/ 27025 h 159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08970" h="159612">
                  <a:moveTo>
                    <a:pt x="362903" y="27025"/>
                  </a:moveTo>
                  <a:cubicBezTo>
                    <a:pt x="469583" y="11595"/>
                    <a:pt x="602361" y="-7741"/>
                    <a:pt x="630841" y="3213"/>
                  </a:cubicBezTo>
                  <a:cubicBezTo>
                    <a:pt x="659321" y="14166"/>
                    <a:pt x="798862" y="89890"/>
                    <a:pt x="908971" y="159613"/>
                  </a:cubicBezTo>
                  <a:lnTo>
                    <a:pt x="900303" y="159613"/>
                  </a:lnTo>
                  <a:cubicBezTo>
                    <a:pt x="791623" y="91319"/>
                    <a:pt x="655796" y="17976"/>
                    <a:pt x="629126" y="7213"/>
                  </a:cubicBezTo>
                  <a:cubicBezTo>
                    <a:pt x="602456" y="-3550"/>
                    <a:pt x="469678" y="15880"/>
                    <a:pt x="363569" y="31311"/>
                  </a:cubicBezTo>
                  <a:cubicBezTo>
                    <a:pt x="322993" y="37217"/>
                    <a:pt x="284797" y="42741"/>
                    <a:pt x="258794" y="45694"/>
                  </a:cubicBezTo>
                  <a:cubicBezTo>
                    <a:pt x="203645" y="51980"/>
                    <a:pt x="97441" y="108749"/>
                    <a:pt x="9525" y="159137"/>
                  </a:cubicBezTo>
                  <a:lnTo>
                    <a:pt x="0" y="159137"/>
                  </a:lnTo>
                  <a:cubicBezTo>
                    <a:pt x="89535" y="107511"/>
                    <a:pt x="200692" y="47503"/>
                    <a:pt x="258223" y="40931"/>
                  </a:cubicBezTo>
                  <a:cubicBezTo>
                    <a:pt x="284131" y="38455"/>
                    <a:pt x="322421" y="32930"/>
                    <a:pt x="362903" y="2702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89">
              <a:extLst>
                <a:ext uri="{FF2B5EF4-FFF2-40B4-BE49-F238E27FC236}">
                  <a16:creationId xmlns:a16="http://schemas.microsoft.com/office/drawing/2014/main" id="{7137ACE8-F36D-6848-AFEB-29B882D0D101}"/>
                </a:ext>
              </a:extLst>
            </p:cNvPr>
            <p:cNvSpPr/>
            <p:nvPr/>
          </p:nvSpPr>
          <p:spPr>
            <a:xfrm>
              <a:off x="3329215" y="3781225"/>
              <a:ext cx="3188924" cy="3534832"/>
            </a:xfrm>
            <a:custGeom>
              <a:avLst/>
              <a:gdLst>
                <a:gd name="connsiteX0" fmla="*/ 1757135 w 3188924"/>
                <a:gd name="connsiteY0" fmla="*/ 3110874 h 3534832"/>
                <a:gd name="connsiteX1" fmla="*/ 1646550 w 3188924"/>
                <a:gd name="connsiteY1" fmla="*/ 3053724 h 3534832"/>
                <a:gd name="connsiteX2" fmla="*/ 1622833 w 3188924"/>
                <a:gd name="connsiteY2" fmla="*/ 3051629 h 3534832"/>
                <a:gd name="connsiteX3" fmla="*/ 1587209 w 3188924"/>
                <a:gd name="connsiteY3" fmla="*/ 3047533 h 3534832"/>
                <a:gd name="connsiteX4" fmla="*/ 1345750 w 3188924"/>
                <a:gd name="connsiteY4" fmla="*/ 3032483 h 3534832"/>
                <a:gd name="connsiteX5" fmla="*/ 1167347 w 3188924"/>
                <a:gd name="connsiteY5" fmla="*/ 3086776 h 3534832"/>
                <a:gd name="connsiteX6" fmla="*/ 1069049 w 3188924"/>
                <a:gd name="connsiteY6" fmla="*/ 3124400 h 3534832"/>
                <a:gd name="connsiteX7" fmla="*/ 795491 w 3188924"/>
                <a:gd name="connsiteY7" fmla="*/ 3294326 h 3534832"/>
                <a:gd name="connsiteX8" fmla="*/ 524505 w 3188924"/>
                <a:gd name="connsiteY8" fmla="*/ 3363096 h 3534832"/>
                <a:gd name="connsiteX9" fmla="*/ 285808 w 3188924"/>
                <a:gd name="connsiteY9" fmla="*/ 3168310 h 3534832"/>
                <a:gd name="connsiteX10" fmla="*/ 38158 w 3188924"/>
                <a:gd name="connsiteY10" fmla="*/ 2575189 h 3534832"/>
                <a:gd name="connsiteX11" fmla="*/ 8059 w 3188924"/>
                <a:gd name="connsiteY11" fmla="*/ 2290486 h 3534832"/>
                <a:gd name="connsiteX12" fmla="*/ 18060 w 3188924"/>
                <a:gd name="connsiteY12" fmla="*/ 2176186 h 3534832"/>
                <a:gd name="connsiteX13" fmla="*/ 142552 w 3188924"/>
                <a:gd name="connsiteY13" fmla="*/ 1529820 h 3534832"/>
                <a:gd name="connsiteX14" fmla="*/ 296572 w 3188924"/>
                <a:gd name="connsiteY14" fmla="*/ 1232449 h 3534832"/>
                <a:gd name="connsiteX15" fmla="*/ 370009 w 3188924"/>
                <a:gd name="connsiteY15" fmla="*/ 1101289 h 3534832"/>
                <a:gd name="connsiteX16" fmla="*/ 746723 w 3188924"/>
                <a:gd name="connsiteY16" fmla="*/ 723338 h 3534832"/>
                <a:gd name="connsiteX17" fmla="*/ 913411 w 3188924"/>
                <a:gd name="connsiteY17" fmla="*/ 619325 h 3534832"/>
                <a:gd name="connsiteX18" fmla="*/ 1050094 w 3188924"/>
                <a:gd name="connsiteY18" fmla="*/ 539982 h 3534832"/>
                <a:gd name="connsiteX19" fmla="*/ 1559015 w 3188924"/>
                <a:gd name="connsiteY19" fmla="*/ 211940 h 3534832"/>
                <a:gd name="connsiteX20" fmla="*/ 2039361 w 3188924"/>
                <a:gd name="connsiteY20" fmla="*/ 32680 h 3534832"/>
                <a:gd name="connsiteX21" fmla="*/ 2111846 w 3188924"/>
                <a:gd name="connsiteY21" fmla="*/ 15440 h 3534832"/>
                <a:gd name="connsiteX22" fmla="*/ 2385404 w 3188924"/>
                <a:gd name="connsiteY22" fmla="*/ 39157 h 3534832"/>
                <a:gd name="connsiteX23" fmla="*/ 2393976 w 3188924"/>
                <a:gd name="connsiteY23" fmla="*/ 44586 h 3534832"/>
                <a:gd name="connsiteX24" fmla="*/ 2770024 w 3188924"/>
                <a:gd name="connsiteY24" fmla="*/ 279949 h 3534832"/>
                <a:gd name="connsiteX25" fmla="*/ 3005101 w 3188924"/>
                <a:gd name="connsiteY25" fmla="*/ 499881 h 3534832"/>
                <a:gd name="connsiteX26" fmla="*/ 3079396 w 3188924"/>
                <a:gd name="connsiteY26" fmla="*/ 787727 h 3534832"/>
                <a:gd name="connsiteX27" fmla="*/ 3092921 w 3188924"/>
                <a:gd name="connsiteY27" fmla="*/ 918695 h 3534832"/>
                <a:gd name="connsiteX28" fmla="*/ 3080062 w 3188924"/>
                <a:gd name="connsiteY28" fmla="*/ 1598971 h 3534832"/>
                <a:gd name="connsiteX29" fmla="*/ 3087302 w 3188924"/>
                <a:gd name="connsiteY29" fmla="*/ 2046646 h 3534832"/>
                <a:gd name="connsiteX30" fmla="*/ 3091493 w 3188924"/>
                <a:gd name="connsiteY30" fmla="*/ 2125322 h 3534832"/>
                <a:gd name="connsiteX31" fmla="*/ 3114067 w 3188924"/>
                <a:gd name="connsiteY31" fmla="*/ 2283819 h 3534832"/>
                <a:gd name="connsiteX32" fmla="*/ 3175884 w 3188924"/>
                <a:gd name="connsiteY32" fmla="*/ 2662056 h 3534832"/>
                <a:gd name="connsiteX33" fmla="*/ 3105209 w 3188924"/>
                <a:gd name="connsiteY33" fmla="*/ 3178216 h 3534832"/>
                <a:gd name="connsiteX34" fmla="*/ 3086159 w 3188924"/>
                <a:gd name="connsiteY34" fmla="*/ 3219174 h 3534832"/>
                <a:gd name="connsiteX35" fmla="*/ 2933759 w 3188924"/>
                <a:gd name="connsiteY35" fmla="*/ 3347951 h 3534832"/>
                <a:gd name="connsiteX36" fmla="*/ 2848986 w 3188924"/>
                <a:gd name="connsiteY36" fmla="*/ 3405673 h 3534832"/>
                <a:gd name="connsiteX37" fmla="*/ 2730971 w 3188924"/>
                <a:gd name="connsiteY37" fmla="*/ 3534546 h 3534832"/>
                <a:gd name="connsiteX38" fmla="*/ 2724685 w 3188924"/>
                <a:gd name="connsiteY38" fmla="*/ 3534546 h 3534832"/>
                <a:gd name="connsiteX39" fmla="*/ 2845938 w 3188924"/>
                <a:gd name="connsiteY39" fmla="*/ 3401958 h 3534832"/>
                <a:gd name="connsiteX40" fmla="*/ 2931663 w 3188924"/>
                <a:gd name="connsiteY40" fmla="*/ 3343951 h 3534832"/>
                <a:gd name="connsiteX41" fmla="*/ 3081586 w 3188924"/>
                <a:gd name="connsiteY41" fmla="*/ 3217745 h 3534832"/>
                <a:gd name="connsiteX42" fmla="*/ 3101494 w 3188924"/>
                <a:gd name="connsiteY42" fmla="*/ 3175930 h 3534832"/>
                <a:gd name="connsiteX43" fmla="*/ 3171598 w 3188924"/>
                <a:gd name="connsiteY43" fmla="*/ 2662723 h 3534832"/>
                <a:gd name="connsiteX44" fmla="*/ 3109876 w 3188924"/>
                <a:gd name="connsiteY44" fmla="*/ 2284676 h 3534832"/>
                <a:gd name="connsiteX45" fmla="*/ 3087206 w 3188924"/>
                <a:gd name="connsiteY45" fmla="*/ 2125513 h 3534832"/>
                <a:gd name="connsiteX46" fmla="*/ 3083015 w 3188924"/>
                <a:gd name="connsiteY46" fmla="*/ 2046932 h 3534832"/>
                <a:gd name="connsiteX47" fmla="*/ 3075776 w 3188924"/>
                <a:gd name="connsiteY47" fmla="*/ 1599257 h 3534832"/>
                <a:gd name="connsiteX48" fmla="*/ 3088730 w 3188924"/>
                <a:gd name="connsiteY48" fmla="*/ 920219 h 3534832"/>
                <a:gd name="connsiteX49" fmla="*/ 3075109 w 3188924"/>
                <a:gd name="connsiteY49" fmla="*/ 788870 h 3534832"/>
                <a:gd name="connsiteX50" fmla="*/ 3002053 w 3188924"/>
                <a:gd name="connsiteY50" fmla="*/ 503786 h 3534832"/>
                <a:gd name="connsiteX51" fmla="*/ 2768119 w 3188924"/>
                <a:gd name="connsiteY51" fmla="*/ 284711 h 3534832"/>
                <a:gd name="connsiteX52" fmla="*/ 2391881 w 3188924"/>
                <a:gd name="connsiteY52" fmla="*/ 49253 h 3534832"/>
                <a:gd name="connsiteX53" fmla="*/ 2383404 w 3188924"/>
                <a:gd name="connsiteY53" fmla="*/ 43919 h 3534832"/>
                <a:gd name="connsiteX54" fmla="*/ 2229861 w 3188924"/>
                <a:gd name="connsiteY54" fmla="*/ 5819 h 3534832"/>
                <a:gd name="connsiteX55" fmla="*/ 2113560 w 3188924"/>
                <a:gd name="connsiteY55" fmla="*/ 21154 h 3534832"/>
                <a:gd name="connsiteX56" fmla="*/ 2040980 w 3188924"/>
                <a:gd name="connsiteY56" fmla="*/ 38300 h 3534832"/>
                <a:gd name="connsiteX57" fmla="*/ 1562635 w 3188924"/>
                <a:gd name="connsiteY57" fmla="*/ 216608 h 3534832"/>
                <a:gd name="connsiteX58" fmla="*/ 1053238 w 3188924"/>
                <a:gd name="connsiteY58" fmla="*/ 544934 h 3534832"/>
                <a:gd name="connsiteX59" fmla="*/ 916173 w 3188924"/>
                <a:gd name="connsiteY59" fmla="*/ 624563 h 3534832"/>
                <a:gd name="connsiteX60" fmla="*/ 750247 w 3188924"/>
                <a:gd name="connsiteY60" fmla="*/ 728005 h 3534832"/>
                <a:gd name="connsiteX61" fmla="*/ 374772 w 3188924"/>
                <a:gd name="connsiteY61" fmla="*/ 1104338 h 3534832"/>
                <a:gd name="connsiteX62" fmla="*/ 301239 w 3188924"/>
                <a:gd name="connsiteY62" fmla="*/ 1235878 h 3534832"/>
                <a:gd name="connsiteX63" fmla="*/ 147600 w 3188924"/>
                <a:gd name="connsiteY63" fmla="*/ 1532296 h 3534832"/>
                <a:gd name="connsiteX64" fmla="*/ 23775 w 3188924"/>
                <a:gd name="connsiteY64" fmla="*/ 2177234 h 3534832"/>
                <a:gd name="connsiteX65" fmla="*/ 13679 w 3188924"/>
                <a:gd name="connsiteY65" fmla="*/ 2292391 h 3534832"/>
                <a:gd name="connsiteX66" fmla="*/ 43683 w 3188924"/>
                <a:gd name="connsiteY66" fmla="*/ 2574998 h 3534832"/>
                <a:gd name="connsiteX67" fmla="*/ 290666 w 3188924"/>
                <a:gd name="connsiteY67" fmla="*/ 3166595 h 3534832"/>
                <a:gd name="connsiteX68" fmla="*/ 526696 w 3188924"/>
                <a:gd name="connsiteY68" fmla="*/ 3359572 h 3534832"/>
                <a:gd name="connsiteX69" fmla="*/ 793396 w 3188924"/>
                <a:gd name="connsiteY69" fmla="*/ 3291945 h 3534832"/>
                <a:gd name="connsiteX70" fmla="*/ 1069049 w 3188924"/>
                <a:gd name="connsiteY70" fmla="*/ 3120495 h 3534832"/>
                <a:gd name="connsiteX71" fmla="*/ 1166776 w 3188924"/>
                <a:gd name="connsiteY71" fmla="*/ 3083633 h 3534832"/>
                <a:gd name="connsiteX72" fmla="*/ 1346893 w 3188924"/>
                <a:gd name="connsiteY72" fmla="*/ 3028864 h 3534832"/>
                <a:gd name="connsiteX73" fmla="*/ 1589114 w 3188924"/>
                <a:gd name="connsiteY73" fmla="*/ 3044009 h 3534832"/>
                <a:gd name="connsiteX74" fmla="*/ 1624643 w 3188924"/>
                <a:gd name="connsiteY74" fmla="*/ 3048009 h 3534832"/>
                <a:gd name="connsiteX75" fmla="*/ 1648264 w 3188924"/>
                <a:gd name="connsiteY75" fmla="*/ 3050200 h 3534832"/>
                <a:gd name="connsiteX76" fmla="*/ 1761898 w 3188924"/>
                <a:gd name="connsiteY76" fmla="*/ 3108398 h 3534832"/>
                <a:gd name="connsiteX77" fmla="*/ 2025454 w 3188924"/>
                <a:gd name="connsiteY77" fmla="*/ 3437201 h 3534832"/>
                <a:gd name="connsiteX78" fmla="*/ 2077937 w 3188924"/>
                <a:gd name="connsiteY78" fmla="*/ 3534832 h 3534832"/>
                <a:gd name="connsiteX79" fmla="*/ 2071460 w 3188924"/>
                <a:gd name="connsiteY79" fmla="*/ 3534832 h 3534832"/>
                <a:gd name="connsiteX80" fmla="*/ 2020215 w 3188924"/>
                <a:gd name="connsiteY80" fmla="*/ 3439582 h 3534832"/>
                <a:gd name="connsiteX81" fmla="*/ 1757135 w 3188924"/>
                <a:gd name="connsiteY81" fmla="*/ 3110874 h 35348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3188924" h="3534832">
                  <a:moveTo>
                    <a:pt x="1757135" y="3110874"/>
                  </a:moveTo>
                  <a:cubicBezTo>
                    <a:pt x="1706557" y="3058772"/>
                    <a:pt x="1687698" y="3057249"/>
                    <a:pt x="1646550" y="3053724"/>
                  </a:cubicBezTo>
                  <a:cubicBezTo>
                    <a:pt x="1639406" y="3053153"/>
                    <a:pt x="1631596" y="3052581"/>
                    <a:pt x="1622833" y="3051629"/>
                  </a:cubicBezTo>
                  <a:cubicBezTo>
                    <a:pt x="1612450" y="3050581"/>
                    <a:pt x="1600449" y="3049152"/>
                    <a:pt x="1587209" y="3047533"/>
                  </a:cubicBezTo>
                  <a:cubicBezTo>
                    <a:pt x="1524439" y="3040199"/>
                    <a:pt x="1429665" y="3028483"/>
                    <a:pt x="1345750" y="3032483"/>
                  </a:cubicBezTo>
                  <a:cubicBezTo>
                    <a:pt x="1284124" y="3035055"/>
                    <a:pt x="1221925" y="3062583"/>
                    <a:pt x="1167347" y="3086776"/>
                  </a:cubicBezTo>
                  <a:cubicBezTo>
                    <a:pt x="1135803" y="3102303"/>
                    <a:pt x="1102899" y="3114898"/>
                    <a:pt x="1069049" y="3124400"/>
                  </a:cubicBezTo>
                  <a:cubicBezTo>
                    <a:pt x="992849" y="3141545"/>
                    <a:pt x="849212" y="3248225"/>
                    <a:pt x="795491" y="3294326"/>
                  </a:cubicBezTo>
                  <a:cubicBezTo>
                    <a:pt x="737103" y="3344332"/>
                    <a:pt x="608896" y="3384337"/>
                    <a:pt x="524505" y="3363096"/>
                  </a:cubicBezTo>
                  <a:cubicBezTo>
                    <a:pt x="422301" y="3337283"/>
                    <a:pt x="323527" y="3218221"/>
                    <a:pt x="285808" y="3168310"/>
                  </a:cubicBezTo>
                  <a:cubicBezTo>
                    <a:pt x="220943" y="3082585"/>
                    <a:pt x="109786" y="2815885"/>
                    <a:pt x="38158" y="2575189"/>
                  </a:cubicBezTo>
                  <a:cubicBezTo>
                    <a:pt x="-11181" y="2409453"/>
                    <a:pt x="-2228" y="2354304"/>
                    <a:pt x="8059" y="2290486"/>
                  </a:cubicBezTo>
                  <a:cubicBezTo>
                    <a:pt x="14991" y="2252787"/>
                    <a:pt x="18340" y="2214516"/>
                    <a:pt x="18060" y="2176186"/>
                  </a:cubicBezTo>
                  <a:cubicBezTo>
                    <a:pt x="16632" y="2021405"/>
                    <a:pt x="109977" y="1635356"/>
                    <a:pt x="142552" y="1529820"/>
                  </a:cubicBezTo>
                  <a:cubicBezTo>
                    <a:pt x="164079" y="1460192"/>
                    <a:pt x="237802" y="1333890"/>
                    <a:pt x="296572" y="1232449"/>
                  </a:cubicBezTo>
                  <a:cubicBezTo>
                    <a:pt x="328575" y="1177489"/>
                    <a:pt x="356103" y="1130150"/>
                    <a:pt x="370009" y="1101289"/>
                  </a:cubicBezTo>
                  <a:cubicBezTo>
                    <a:pt x="410490" y="1017374"/>
                    <a:pt x="660331" y="794870"/>
                    <a:pt x="746723" y="723338"/>
                  </a:cubicBezTo>
                  <a:cubicBezTo>
                    <a:pt x="798158" y="680761"/>
                    <a:pt x="854165" y="650948"/>
                    <a:pt x="913411" y="619325"/>
                  </a:cubicBezTo>
                  <a:cubicBezTo>
                    <a:pt x="960357" y="595339"/>
                    <a:pt x="1005984" y="568854"/>
                    <a:pt x="1050094" y="539982"/>
                  </a:cubicBezTo>
                  <a:cubicBezTo>
                    <a:pt x="1154869" y="468925"/>
                    <a:pt x="1548252" y="218799"/>
                    <a:pt x="1559015" y="211940"/>
                  </a:cubicBezTo>
                  <a:cubicBezTo>
                    <a:pt x="1655122" y="120882"/>
                    <a:pt x="1895628" y="65636"/>
                    <a:pt x="2039361" y="32680"/>
                  </a:cubicBezTo>
                  <a:cubicBezTo>
                    <a:pt x="2067936" y="26108"/>
                    <a:pt x="2092701" y="20393"/>
                    <a:pt x="2111846" y="15440"/>
                  </a:cubicBezTo>
                  <a:cubicBezTo>
                    <a:pt x="2216621" y="-11611"/>
                    <a:pt x="2319205" y="-2753"/>
                    <a:pt x="2385404" y="39157"/>
                  </a:cubicBezTo>
                  <a:lnTo>
                    <a:pt x="2393976" y="44586"/>
                  </a:lnTo>
                  <a:cubicBezTo>
                    <a:pt x="2599907" y="175079"/>
                    <a:pt x="2726495" y="254136"/>
                    <a:pt x="2770024" y="279949"/>
                  </a:cubicBezTo>
                  <a:cubicBezTo>
                    <a:pt x="2827174" y="313667"/>
                    <a:pt x="2904135" y="385581"/>
                    <a:pt x="3005101" y="499881"/>
                  </a:cubicBezTo>
                  <a:cubicBezTo>
                    <a:pt x="3061203" y="563318"/>
                    <a:pt x="3070061" y="672284"/>
                    <a:pt x="3079396" y="787727"/>
                  </a:cubicBezTo>
                  <a:cubicBezTo>
                    <a:pt x="3082920" y="831256"/>
                    <a:pt x="3086539" y="876404"/>
                    <a:pt x="3092921" y="918695"/>
                  </a:cubicBezTo>
                  <a:cubicBezTo>
                    <a:pt x="3115305" y="1066619"/>
                    <a:pt x="3095207" y="1440761"/>
                    <a:pt x="3080062" y="1598971"/>
                  </a:cubicBezTo>
                  <a:cubicBezTo>
                    <a:pt x="3068632" y="1718224"/>
                    <a:pt x="3080062" y="1915677"/>
                    <a:pt x="3087302" y="2046646"/>
                  </a:cubicBezTo>
                  <a:cubicBezTo>
                    <a:pt x="3089111" y="2078173"/>
                    <a:pt x="3090635" y="2105320"/>
                    <a:pt x="3091493" y="2125322"/>
                  </a:cubicBezTo>
                  <a:cubicBezTo>
                    <a:pt x="3093588" y="2173519"/>
                    <a:pt x="3101018" y="2212667"/>
                    <a:pt x="3114067" y="2283819"/>
                  </a:cubicBezTo>
                  <a:cubicBezTo>
                    <a:pt x="3127783" y="2357637"/>
                    <a:pt x="3148547" y="2469365"/>
                    <a:pt x="3175884" y="2662056"/>
                  </a:cubicBezTo>
                  <a:cubicBezTo>
                    <a:pt x="3218937" y="2965904"/>
                    <a:pt x="3144928" y="3104016"/>
                    <a:pt x="3105209" y="3178216"/>
                  </a:cubicBezTo>
                  <a:cubicBezTo>
                    <a:pt x="3097696" y="3191297"/>
                    <a:pt x="3091322" y="3205000"/>
                    <a:pt x="3086159" y="3219174"/>
                  </a:cubicBezTo>
                  <a:cubicBezTo>
                    <a:pt x="3073586" y="3259655"/>
                    <a:pt x="2999481" y="3306518"/>
                    <a:pt x="2933759" y="3347951"/>
                  </a:cubicBezTo>
                  <a:cubicBezTo>
                    <a:pt x="2904410" y="3365539"/>
                    <a:pt x="2876105" y="3384811"/>
                    <a:pt x="2848986" y="3405673"/>
                  </a:cubicBezTo>
                  <a:cubicBezTo>
                    <a:pt x="2826507" y="3424723"/>
                    <a:pt x="2781263" y="3475396"/>
                    <a:pt x="2730971" y="3534546"/>
                  </a:cubicBezTo>
                  <a:lnTo>
                    <a:pt x="2724685" y="3534546"/>
                  </a:lnTo>
                  <a:cubicBezTo>
                    <a:pt x="2776215" y="3473872"/>
                    <a:pt x="2822887" y="3421199"/>
                    <a:pt x="2845938" y="3401958"/>
                  </a:cubicBezTo>
                  <a:cubicBezTo>
                    <a:pt x="2873381" y="3381000"/>
                    <a:pt x="2902002" y="3361632"/>
                    <a:pt x="2931663" y="3343951"/>
                  </a:cubicBezTo>
                  <a:cubicBezTo>
                    <a:pt x="2996243" y="3302994"/>
                    <a:pt x="3069490" y="3256607"/>
                    <a:pt x="3081586" y="3217745"/>
                  </a:cubicBezTo>
                  <a:cubicBezTo>
                    <a:pt x="3087050" y="3203278"/>
                    <a:pt x="3093709" y="3189292"/>
                    <a:pt x="3101494" y="3175930"/>
                  </a:cubicBezTo>
                  <a:cubicBezTo>
                    <a:pt x="3141022" y="3102206"/>
                    <a:pt x="3214555" y="2965047"/>
                    <a:pt x="3171598" y="2662723"/>
                  </a:cubicBezTo>
                  <a:cubicBezTo>
                    <a:pt x="3144261" y="2470127"/>
                    <a:pt x="3123973" y="2358495"/>
                    <a:pt x="3109876" y="2284676"/>
                  </a:cubicBezTo>
                  <a:cubicBezTo>
                    <a:pt x="3096636" y="2213333"/>
                    <a:pt x="3089301" y="2174090"/>
                    <a:pt x="3087206" y="2125513"/>
                  </a:cubicBezTo>
                  <a:cubicBezTo>
                    <a:pt x="3086349" y="2105511"/>
                    <a:pt x="3084825" y="2077888"/>
                    <a:pt x="3083015" y="2046932"/>
                  </a:cubicBezTo>
                  <a:cubicBezTo>
                    <a:pt x="3075585" y="1916154"/>
                    <a:pt x="3063965" y="1718510"/>
                    <a:pt x="3075776" y="1599257"/>
                  </a:cubicBezTo>
                  <a:cubicBezTo>
                    <a:pt x="3090921" y="1441237"/>
                    <a:pt x="3111019" y="1067667"/>
                    <a:pt x="3088730" y="920219"/>
                  </a:cubicBezTo>
                  <a:cubicBezTo>
                    <a:pt x="3082253" y="877643"/>
                    <a:pt x="3078634" y="832494"/>
                    <a:pt x="3075109" y="788870"/>
                  </a:cubicBezTo>
                  <a:cubicBezTo>
                    <a:pt x="3065584" y="674570"/>
                    <a:pt x="3057107" y="566080"/>
                    <a:pt x="3002053" y="503786"/>
                  </a:cubicBezTo>
                  <a:cubicBezTo>
                    <a:pt x="2901373" y="389486"/>
                    <a:pt x="2824793" y="318240"/>
                    <a:pt x="2768119" y="284711"/>
                  </a:cubicBezTo>
                  <a:cubicBezTo>
                    <a:pt x="2724494" y="258994"/>
                    <a:pt x="2597907" y="179936"/>
                    <a:pt x="2391881" y="49253"/>
                  </a:cubicBezTo>
                  <a:lnTo>
                    <a:pt x="2383404" y="43919"/>
                  </a:lnTo>
                  <a:cubicBezTo>
                    <a:pt x="2343209" y="18488"/>
                    <a:pt x="2289487" y="5819"/>
                    <a:pt x="2229861" y="5819"/>
                  </a:cubicBezTo>
                  <a:cubicBezTo>
                    <a:pt x="2190604" y="6031"/>
                    <a:pt x="2151530" y="11183"/>
                    <a:pt x="2113560" y="21154"/>
                  </a:cubicBezTo>
                  <a:cubicBezTo>
                    <a:pt x="2094510" y="26108"/>
                    <a:pt x="2069555" y="31727"/>
                    <a:pt x="2040980" y="38300"/>
                  </a:cubicBezTo>
                  <a:cubicBezTo>
                    <a:pt x="1897533" y="71256"/>
                    <a:pt x="1657599" y="126311"/>
                    <a:pt x="1562635" y="216608"/>
                  </a:cubicBezTo>
                  <a:cubicBezTo>
                    <a:pt x="1558253" y="219370"/>
                    <a:pt x="1159251" y="473783"/>
                    <a:pt x="1053238" y="544934"/>
                  </a:cubicBezTo>
                  <a:cubicBezTo>
                    <a:pt x="1009010" y="573915"/>
                    <a:pt x="963256" y="600497"/>
                    <a:pt x="916173" y="624563"/>
                  </a:cubicBezTo>
                  <a:cubicBezTo>
                    <a:pt x="857118" y="656091"/>
                    <a:pt x="801301" y="685809"/>
                    <a:pt x="750247" y="728005"/>
                  </a:cubicBezTo>
                  <a:cubicBezTo>
                    <a:pt x="664046" y="799442"/>
                    <a:pt x="414872" y="1021184"/>
                    <a:pt x="374772" y="1104338"/>
                  </a:cubicBezTo>
                  <a:cubicBezTo>
                    <a:pt x="360865" y="1133389"/>
                    <a:pt x="333147" y="1180538"/>
                    <a:pt x="301239" y="1235878"/>
                  </a:cubicBezTo>
                  <a:cubicBezTo>
                    <a:pt x="242279" y="1337129"/>
                    <a:pt x="168937" y="1463145"/>
                    <a:pt x="147600" y="1532296"/>
                  </a:cubicBezTo>
                  <a:cubicBezTo>
                    <a:pt x="115025" y="1637642"/>
                    <a:pt x="21871" y="2022929"/>
                    <a:pt x="23775" y="2177234"/>
                  </a:cubicBezTo>
                  <a:cubicBezTo>
                    <a:pt x="24020" y="2215851"/>
                    <a:pt x="20640" y="2254406"/>
                    <a:pt x="13679" y="2292391"/>
                  </a:cubicBezTo>
                  <a:cubicBezTo>
                    <a:pt x="3487" y="2355637"/>
                    <a:pt x="-5371" y="2410215"/>
                    <a:pt x="43683" y="2574998"/>
                  </a:cubicBezTo>
                  <a:cubicBezTo>
                    <a:pt x="115311" y="2815695"/>
                    <a:pt x="226087" y="3081061"/>
                    <a:pt x="290666" y="3166595"/>
                  </a:cubicBezTo>
                  <a:cubicBezTo>
                    <a:pt x="328099" y="3216126"/>
                    <a:pt x="426016" y="3334140"/>
                    <a:pt x="526696" y="3359572"/>
                  </a:cubicBezTo>
                  <a:cubicBezTo>
                    <a:pt x="609658" y="3380527"/>
                    <a:pt x="736246" y="3341094"/>
                    <a:pt x="793396" y="3291945"/>
                  </a:cubicBezTo>
                  <a:cubicBezTo>
                    <a:pt x="847498" y="3245557"/>
                    <a:pt x="991897" y="3138306"/>
                    <a:pt x="1069049" y="3120495"/>
                  </a:cubicBezTo>
                  <a:cubicBezTo>
                    <a:pt x="1102681" y="3111216"/>
                    <a:pt x="1135394" y="3098877"/>
                    <a:pt x="1166776" y="3083633"/>
                  </a:cubicBezTo>
                  <a:cubicBezTo>
                    <a:pt x="1221925" y="3059154"/>
                    <a:pt x="1284409" y="3031531"/>
                    <a:pt x="1346893" y="3028864"/>
                  </a:cubicBezTo>
                  <a:cubicBezTo>
                    <a:pt x="1431190" y="3025340"/>
                    <a:pt x="1526154" y="3036580"/>
                    <a:pt x="1589114" y="3044009"/>
                  </a:cubicBezTo>
                  <a:cubicBezTo>
                    <a:pt x="1602354" y="3045532"/>
                    <a:pt x="1614355" y="3046961"/>
                    <a:pt x="1624643" y="3048009"/>
                  </a:cubicBezTo>
                  <a:cubicBezTo>
                    <a:pt x="1633405" y="3048962"/>
                    <a:pt x="1641216" y="3049629"/>
                    <a:pt x="1648264" y="3050200"/>
                  </a:cubicBezTo>
                  <a:cubicBezTo>
                    <a:pt x="1690651" y="3053534"/>
                    <a:pt x="1709986" y="3055057"/>
                    <a:pt x="1761898" y="3108398"/>
                  </a:cubicBezTo>
                  <a:cubicBezTo>
                    <a:pt x="1833240" y="3181740"/>
                    <a:pt x="1980020" y="3344904"/>
                    <a:pt x="2025454" y="3437201"/>
                  </a:cubicBezTo>
                  <a:cubicBezTo>
                    <a:pt x="2042028" y="3470824"/>
                    <a:pt x="2059935" y="3503876"/>
                    <a:pt x="2077937" y="3534832"/>
                  </a:cubicBezTo>
                  <a:lnTo>
                    <a:pt x="2071460" y="3534832"/>
                  </a:lnTo>
                  <a:cubicBezTo>
                    <a:pt x="2053839" y="3504638"/>
                    <a:pt x="2036408" y="3472158"/>
                    <a:pt x="2020215" y="3439582"/>
                  </a:cubicBezTo>
                  <a:cubicBezTo>
                    <a:pt x="1974972" y="3346714"/>
                    <a:pt x="1828573" y="3184026"/>
                    <a:pt x="1757135" y="311087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90">
              <a:extLst>
                <a:ext uri="{FF2B5EF4-FFF2-40B4-BE49-F238E27FC236}">
                  <a16:creationId xmlns:a16="http://schemas.microsoft.com/office/drawing/2014/main" id="{FCE1DD34-53E5-D149-9FFB-A568EF8F5E46}"/>
                </a:ext>
              </a:extLst>
            </p:cNvPr>
            <p:cNvSpPr/>
            <p:nvPr/>
          </p:nvSpPr>
          <p:spPr>
            <a:xfrm>
              <a:off x="3480468" y="3963698"/>
              <a:ext cx="2937991" cy="3351310"/>
            </a:xfrm>
            <a:custGeom>
              <a:avLst/>
              <a:gdLst>
                <a:gd name="connsiteX0" fmla="*/ 1834482 w 2937991"/>
                <a:gd name="connsiteY0" fmla="*/ 3036414 h 3351310"/>
                <a:gd name="connsiteX1" fmla="*/ 1621408 w 2937991"/>
                <a:gd name="connsiteY1" fmla="*/ 2731043 h 3351310"/>
                <a:gd name="connsiteX2" fmla="*/ 1349755 w 2937991"/>
                <a:gd name="connsiteY2" fmla="*/ 2657510 h 3351310"/>
                <a:gd name="connsiteX3" fmla="*/ 1286413 w 2937991"/>
                <a:gd name="connsiteY3" fmla="*/ 2654652 h 3351310"/>
                <a:gd name="connsiteX4" fmla="*/ 1072768 w 2937991"/>
                <a:gd name="connsiteY4" fmla="*/ 2689323 h 3351310"/>
                <a:gd name="connsiteX5" fmla="*/ 688434 w 2937991"/>
                <a:gd name="connsiteY5" fmla="*/ 2898873 h 3351310"/>
                <a:gd name="connsiteX6" fmla="*/ 417543 w 2937991"/>
                <a:gd name="connsiteY6" fmla="*/ 3033557 h 3351310"/>
                <a:gd name="connsiteX7" fmla="*/ 196658 w 2937991"/>
                <a:gd name="connsiteY7" fmla="*/ 2865345 h 3351310"/>
                <a:gd name="connsiteX8" fmla="*/ 44258 w 2937991"/>
                <a:gd name="connsiteY8" fmla="*/ 2491775 h 3351310"/>
                <a:gd name="connsiteX9" fmla="*/ 538 w 2937991"/>
                <a:gd name="connsiteY9" fmla="*/ 1881698 h 3351310"/>
                <a:gd name="connsiteX10" fmla="*/ 233044 w 2937991"/>
                <a:gd name="connsiteY10" fmla="*/ 1198184 h 3351310"/>
                <a:gd name="connsiteX11" fmla="*/ 247427 w 2937991"/>
                <a:gd name="connsiteY11" fmla="*/ 1164847 h 3351310"/>
                <a:gd name="connsiteX12" fmla="*/ 466502 w 2937991"/>
                <a:gd name="connsiteY12" fmla="*/ 916625 h 3351310"/>
                <a:gd name="connsiteX13" fmla="*/ 512031 w 2937991"/>
                <a:gd name="connsiteY13" fmla="*/ 879573 h 3351310"/>
                <a:gd name="connsiteX14" fmla="*/ 1016856 w 2937991"/>
                <a:gd name="connsiteY14" fmla="*/ 553247 h 3351310"/>
                <a:gd name="connsiteX15" fmla="*/ 1325180 w 2937991"/>
                <a:gd name="connsiteY15" fmla="*/ 359413 h 3351310"/>
                <a:gd name="connsiteX16" fmla="*/ 1539969 w 2937991"/>
                <a:gd name="connsiteY16" fmla="*/ 217776 h 3351310"/>
                <a:gd name="connsiteX17" fmla="*/ 1941257 w 2937991"/>
                <a:gd name="connsiteY17" fmla="*/ 6702 h 3351310"/>
                <a:gd name="connsiteX18" fmla="*/ 2092229 w 2937991"/>
                <a:gd name="connsiteY18" fmla="*/ 5654 h 3351310"/>
                <a:gd name="connsiteX19" fmla="*/ 2103373 w 2937991"/>
                <a:gd name="connsiteY19" fmla="*/ 6512 h 3351310"/>
                <a:gd name="connsiteX20" fmla="*/ 2350451 w 2937991"/>
                <a:gd name="connsiteY20" fmla="*/ 54137 h 3351310"/>
                <a:gd name="connsiteX21" fmla="*/ 2422937 w 2937991"/>
                <a:gd name="connsiteY21" fmla="*/ 111287 h 3351310"/>
                <a:gd name="connsiteX22" fmla="*/ 2452559 w 2937991"/>
                <a:gd name="connsiteY22" fmla="*/ 160245 h 3351310"/>
                <a:gd name="connsiteX23" fmla="*/ 2571527 w 2937991"/>
                <a:gd name="connsiteY23" fmla="*/ 250637 h 3351310"/>
                <a:gd name="connsiteX24" fmla="*/ 2711734 w 2937991"/>
                <a:gd name="connsiteY24" fmla="*/ 345126 h 3351310"/>
                <a:gd name="connsiteX25" fmla="*/ 2835559 w 2937991"/>
                <a:gd name="connsiteY25" fmla="*/ 736793 h 3351310"/>
                <a:gd name="connsiteX26" fmla="*/ 2837179 w 2937991"/>
                <a:gd name="connsiteY26" fmla="*/ 757748 h 3351310"/>
                <a:gd name="connsiteX27" fmla="*/ 2861087 w 2937991"/>
                <a:gd name="connsiteY27" fmla="*/ 965869 h 3351310"/>
                <a:gd name="connsiteX28" fmla="*/ 2884327 w 2937991"/>
                <a:gd name="connsiteY28" fmla="*/ 1177801 h 3351310"/>
                <a:gd name="connsiteX29" fmla="*/ 2875755 w 2937991"/>
                <a:gd name="connsiteY29" fmla="*/ 1726441 h 3351310"/>
                <a:gd name="connsiteX30" fmla="*/ 2916522 w 2937991"/>
                <a:gd name="connsiteY30" fmla="*/ 2219455 h 3351310"/>
                <a:gd name="connsiteX31" fmla="*/ 2937287 w 2937991"/>
                <a:gd name="connsiteY31" fmla="*/ 2661129 h 3351310"/>
                <a:gd name="connsiteX32" fmla="*/ 2937953 w 2937991"/>
                <a:gd name="connsiteY32" fmla="*/ 2695991 h 3351310"/>
                <a:gd name="connsiteX33" fmla="*/ 2808699 w 2937991"/>
                <a:gd name="connsiteY33" fmla="*/ 2946975 h 3351310"/>
                <a:gd name="connsiteX34" fmla="*/ 2645345 w 2937991"/>
                <a:gd name="connsiteY34" fmla="*/ 3094326 h 3351310"/>
                <a:gd name="connsiteX35" fmla="*/ 2465227 w 2937991"/>
                <a:gd name="connsiteY35" fmla="*/ 3297113 h 3351310"/>
                <a:gd name="connsiteX36" fmla="*/ 2421127 w 2937991"/>
                <a:gd name="connsiteY36" fmla="*/ 3350930 h 3351310"/>
                <a:gd name="connsiteX37" fmla="*/ 2414936 w 2937991"/>
                <a:gd name="connsiteY37" fmla="*/ 3350930 h 3351310"/>
                <a:gd name="connsiteX38" fmla="*/ 2461513 w 2937991"/>
                <a:gd name="connsiteY38" fmla="*/ 3293780 h 3351310"/>
                <a:gd name="connsiteX39" fmla="*/ 2642488 w 2937991"/>
                <a:gd name="connsiteY39" fmla="*/ 3090231 h 3351310"/>
                <a:gd name="connsiteX40" fmla="*/ 2805175 w 2937991"/>
                <a:gd name="connsiteY40" fmla="*/ 2943451 h 3351310"/>
                <a:gd name="connsiteX41" fmla="*/ 2933191 w 2937991"/>
                <a:gd name="connsiteY41" fmla="*/ 2695800 h 3351310"/>
                <a:gd name="connsiteX42" fmla="*/ 2932524 w 2937991"/>
                <a:gd name="connsiteY42" fmla="*/ 2660939 h 3351310"/>
                <a:gd name="connsiteX43" fmla="*/ 2911759 w 2937991"/>
                <a:gd name="connsiteY43" fmla="*/ 2219931 h 3351310"/>
                <a:gd name="connsiteX44" fmla="*/ 2870993 w 2937991"/>
                <a:gd name="connsiteY44" fmla="*/ 1725870 h 3351310"/>
                <a:gd name="connsiteX45" fmla="*/ 2879565 w 2937991"/>
                <a:gd name="connsiteY45" fmla="*/ 1177801 h 3351310"/>
                <a:gd name="connsiteX46" fmla="*/ 2856324 w 2937991"/>
                <a:gd name="connsiteY46" fmla="*/ 966155 h 3351310"/>
                <a:gd name="connsiteX47" fmla="*/ 2832417 w 2937991"/>
                <a:gd name="connsiteY47" fmla="*/ 757844 h 3351310"/>
                <a:gd name="connsiteX48" fmla="*/ 2830797 w 2937991"/>
                <a:gd name="connsiteY48" fmla="*/ 736889 h 3351310"/>
                <a:gd name="connsiteX49" fmla="*/ 2708782 w 2937991"/>
                <a:gd name="connsiteY49" fmla="*/ 348459 h 3351310"/>
                <a:gd name="connsiteX50" fmla="*/ 2569336 w 2937991"/>
                <a:gd name="connsiteY50" fmla="*/ 254447 h 3351310"/>
                <a:gd name="connsiteX51" fmla="*/ 2448845 w 2937991"/>
                <a:gd name="connsiteY51" fmla="*/ 162722 h 3351310"/>
                <a:gd name="connsiteX52" fmla="*/ 2418936 w 2937991"/>
                <a:gd name="connsiteY52" fmla="*/ 113287 h 3351310"/>
                <a:gd name="connsiteX53" fmla="*/ 2349404 w 2937991"/>
                <a:gd name="connsiteY53" fmla="*/ 58137 h 3351310"/>
                <a:gd name="connsiteX54" fmla="*/ 2103183 w 2937991"/>
                <a:gd name="connsiteY54" fmla="*/ 10512 h 3351310"/>
                <a:gd name="connsiteX55" fmla="*/ 2092038 w 2937991"/>
                <a:gd name="connsiteY55" fmla="*/ 9750 h 3351310"/>
                <a:gd name="connsiteX56" fmla="*/ 1988787 w 2937991"/>
                <a:gd name="connsiteY56" fmla="*/ 4035 h 3351310"/>
                <a:gd name="connsiteX57" fmla="*/ 1943543 w 2937991"/>
                <a:gd name="connsiteY57" fmla="*/ 10322 h 3351310"/>
                <a:gd name="connsiteX58" fmla="*/ 1542541 w 2937991"/>
                <a:gd name="connsiteY58" fmla="*/ 221205 h 3351310"/>
                <a:gd name="connsiteX59" fmla="*/ 1328038 w 2937991"/>
                <a:gd name="connsiteY59" fmla="*/ 362651 h 3351310"/>
                <a:gd name="connsiteX60" fmla="*/ 1018952 w 2937991"/>
                <a:gd name="connsiteY60" fmla="*/ 556866 h 3351310"/>
                <a:gd name="connsiteX61" fmla="*/ 515460 w 2937991"/>
                <a:gd name="connsiteY61" fmla="*/ 882526 h 3351310"/>
                <a:gd name="connsiteX62" fmla="*/ 469930 w 2937991"/>
                <a:gd name="connsiteY62" fmla="*/ 919673 h 3351310"/>
                <a:gd name="connsiteX63" fmla="*/ 252284 w 2937991"/>
                <a:gd name="connsiteY63" fmla="*/ 1166085 h 3351310"/>
                <a:gd name="connsiteX64" fmla="*/ 237902 w 2937991"/>
                <a:gd name="connsiteY64" fmla="*/ 1199327 h 3351310"/>
                <a:gd name="connsiteX65" fmla="*/ 5777 w 2937991"/>
                <a:gd name="connsiteY65" fmla="*/ 1881127 h 3351310"/>
                <a:gd name="connsiteX66" fmla="*/ 49306 w 2937991"/>
                <a:gd name="connsiteY66" fmla="*/ 2489775 h 3351310"/>
                <a:gd name="connsiteX67" fmla="*/ 201706 w 2937991"/>
                <a:gd name="connsiteY67" fmla="*/ 2862011 h 3351310"/>
                <a:gd name="connsiteX68" fmla="*/ 419734 w 2937991"/>
                <a:gd name="connsiteY68" fmla="*/ 3028223 h 3351310"/>
                <a:gd name="connsiteX69" fmla="*/ 686434 w 2937991"/>
                <a:gd name="connsiteY69" fmla="*/ 2894873 h 3351310"/>
                <a:gd name="connsiteX70" fmla="*/ 1072101 w 2937991"/>
                <a:gd name="connsiteY70" fmla="*/ 2684656 h 3351310"/>
                <a:gd name="connsiteX71" fmla="*/ 1287842 w 2937991"/>
                <a:gd name="connsiteY71" fmla="*/ 2649795 h 3351310"/>
                <a:gd name="connsiteX72" fmla="*/ 1350612 w 2937991"/>
                <a:gd name="connsiteY72" fmla="*/ 2652557 h 3351310"/>
                <a:gd name="connsiteX73" fmla="*/ 1625884 w 2937991"/>
                <a:gd name="connsiteY73" fmla="*/ 2727614 h 3351310"/>
                <a:gd name="connsiteX74" fmla="*/ 1839721 w 2937991"/>
                <a:gd name="connsiteY74" fmla="*/ 3034223 h 3351310"/>
                <a:gd name="connsiteX75" fmla="*/ 2025744 w 2937991"/>
                <a:gd name="connsiteY75" fmla="*/ 3346643 h 3351310"/>
                <a:gd name="connsiteX76" fmla="*/ 2030697 w 2937991"/>
                <a:gd name="connsiteY76" fmla="*/ 3351311 h 3351310"/>
                <a:gd name="connsiteX77" fmla="*/ 2023744 w 2937991"/>
                <a:gd name="connsiteY77" fmla="*/ 3351311 h 3351310"/>
                <a:gd name="connsiteX78" fmla="*/ 2022601 w 2937991"/>
                <a:gd name="connsiteY78" fmla="*/ 3350263 h 3351310"/>
                <a:gd name="connsiteX79" fmla="*/ 1834482 w 2937991"/>
                <a:gd name="connsiteY79" fmla="*/ 3036414 h 3351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2937991" h="3351310">
                  <a:moveTo>
                    <a:pt x="1834482" y="3036414"/>
                  </a:moveTo>
                  <a:cubicBezTo>
                    <a:pt x="1797620" y="2958976"/>
                    <a:pt x="1667318" y="2781811"/>
                    <a:pt x="1621408" y="2731043"/>
                  </a:cubicBezTo>
                  <a:cubicBezTo>
                    <a:pt x="1567591" y="2671416"/>
                    <a:pt x="1441576" y="2654081"/>
                    <a:pt x="1349755" y="2657510"/>
                  </a:cubicBezTo>
                  <a:cubicBezTo>
                    <a:pt x="1328600" y="2658027"/>
                    <a:pt x="1307435" y="2657072"/>
                    <a:pt x="1286413" y="2654652"/>
                  </a:cubicBezTo>
                  <a:cubicBezTo>
                    <a:pt x="1238217" y="2650080"/>
                    <a:pt x="1192687" y="2645794"/>
                    <a:pt x="1072768" y="2689323"/>
                  </a:cubicBezTo>
                  <a:cubicBezTo>
                    <a:pt x="1020571" y="2708373"/>
                    <a:pt x="763491" y="2839532"/>
                    <a:pt x="688434" y="2898873"/>
                  </a:cubicBezTo>
                  <a:cubicBezTo>
                    <a:pt x="617092" y="2955166"/>
                    <a:pt x="479741" y="3046797"/>
                    <a:pt x="417543" y="3033557"/>
                  </a:cubicBezTo>
                  <a:cubicBezTo>
                    <a:pt x="358869" y="3021079"/>
                    <a:pt x="245331" y="2934592"/>
                    <a:pt x="196658" y="2865345"/>
                  </a:cubicBezTo>
                  <a:cubicBezTo>
                    <a:pt x="149700" y="2798670"/>
                    <a:pt x="82358" y="2622934"/>
                    <a:pt x="44258" y="2491775"/>
                  </a:cubicBezTo>
                  <a:cubicBezTo>
                    <a:pt x="14254" y="2388429"/>
                    <a:pt x="-3367" y="2048671"/>
                    <a:pt x="538" y="1881698"/>
                  </a:cubicBezTo>
                  <a:cubicBezTo>
                    <a:pt x="4539" y="1724631"/>
                    <a:pt x="164654" y="1355728"/>
                    <a:pt x="233044" y="1198184"/>
                  </a:cubicBezTo>
                  <a:cubicBezTo>
                    <a:pt x="238568" y="1185516"/>
                    <a:pt x="243331" y="1174372"/>
                    <a:pt x="247427" y="1164847"/>
                  </a:cubicBezTo>
                  <a:cubicBezTo>
                    <a:pt x="294289" y="1055976"/>
                    <a:pt x="370204" y="994540"/>
                    <a:pt x="466502" y="916625"/>
                  </a:cubicBezTo>
                  <a:cubicBezTo>
                    <a:pt x="481170" y="904814"/>
                    <a:pt x="496315" y="892527"/>
                    <a:pt x="512031" y="879573"/>
                  </a:cubicBezTo>
                  <a:cubicBezTo>
                    <a:pt x="631951" y="780608"/>
                    <a:pt x="878458" y="616588"/>
                    <a:pt x="1016856" y="553247"/>
                  </a:cubicBezTo>
                  <a:cubicBezTo>
                    <a:pt x="1098676" y="515718"/>
                    <a:pt x="1213833" y="436280"/>
                    <a:pt x="1325180" y="359413"/>
                  </a:cubicBezTo>
                  <a:cubicBezTo>
                    <a:pt x="1404238" y="304835"/>
                    <a:pt x="1479009" y="253304"/>
                    <a:pt x="1539969" y="217776"/>
                  </a:cubicBezTo>
                  <a:cubicBezTo>
                    <a:pt x="1686273" y="132051"/>
                    <a:pt x="1938400" y="8226"/>
                    <a:pt x="1941257" y="6702"/>
                  </a:cubicBezTo>
                  <a:cubicBezTo>
                    <a:pt x="1962403" y="-3776"/>
                    <a:pt x="2011266" y="-251"/>
                    <a:pt x="2092229" y="5654"/>
                  </a:cubicBezTo>
                  <a:lnTo>
                    <a:pt x="2103373" y="6512"/>
                  </a:lnTo>
                  <a:cubicBezTo>
                    <a:pt x="2194527" y="13084"/>
                    <a:pt x="2288063" y="37087"/>
                    <a:pt x="2350451" y="54137"/>
                  </a:cubicBezTo>
                  <a:cubicBezTo>
                    <a:pt x="2399314" y="67757"/>
                    <a:pt x="2406649" y="81473"/>
                    <a:pt x="2422937" y="111287"/>
                  </a:cubicBezTo>
                  <a:cubicBezTo>
                    <a:pt x="2431743" y="128229"/>
                    <a:pt x="2441638" y="144583"/>
                    <a:pt x="2452559" y="160245"/>
                  </a:cubicBezTo>
                  <a:cubicBezTo>
                    <a:pt x="2477896" y="196154"/>
                    <a:pt x="2521234" y="221396"/>
                    <a:pt x="2571527" y="250637"/>
                  </a:cubicBezTo>
                  <a:cubicBezTo>
                    <a:pt x="2621105" y="277696"/>
                    <a:pt x="2668045" y="309329"/>
                    <a:pt x="2711734" y="345126"/>
                  </a:cubicBezTo>
                  <a:cubicBezTo>
                    <a:pt x="2812414" y="430850"/>
                    <a:pt x="2825177" y="600491"/>
                    <a:pt x="2835559" y="736793"/>
                  </a:cubicBezTo>
                  <a:lnTo>
                    <a:pt x="2837179" y="757748"/>
                  </a:lnTo>
                  <a:cubicBezTo>
                    <a:pt x="2842227" y="824423"/>
                    <a:pt x="2851847" y="896242"/>
                    <a:pt x="2861087" y="965869"/>
                  </a:cubicBezTo>
                  <a:cubicBezTo>
                    <a:pt x="2871278" y="1043022"/>
                    <a:pt x="2880994" y="1115984"/>
                    <a:pt x="2884327" y="1177801"/>
                  </a:cubicBezTo>
                  <a:cubicBezTo>
                    <a:pt x="2890805" y="1296387"/>
                    <a:pt x="2880042" y="1635001"/>
                    <a:pt x="2875755" y="1726441"/>
                  </a:cubicBezTo>
                  <a:cubicBezTo>
                    <a:pt x="2871469" y="1817881"/>
                    <a:pt x="2902044" y="2133159"/>
                    <a:pt x="2916522" y="2219455"/>
                  </a:cubicBezTo>
                  <a:cubicBezTo>
                    <a:pt x="2930048" y="2300227"/>
                    <a:pt x="2934906" y="2543971"/>
                    <a:pt x="2937287" y="2661129"/>
                  </a:cubicBezTo>
                  <a:lnTo>
                    <a:pt x="2937953" y="2695991"/>
                  </a:lnTo>
                  <a:cubicBezTo>
                    <a:pt x="2939477" y="2766666"/>
                    <a:pt x="2895948" y="2851058"/>
                    <a:pt x="2808699" y="2946975"/>
                  </a:cubicBezTo>
                  <a:cubicBezTo>
                    <a:pt x="2758680" y="3000793"/>
                    <a:pt x="2704017" y="3050101"/>
                    <a:pt x="2645345" y="3094326"/>
                  </a:cubicBezTo>
                  <a:cubicBezTo>
                    <a:pt x="2608293" y="3121854"/>
                    <a:pt x="2532284" y="3215008"/>
                    <a:pt x="2465227" y="3297113"/>
                  </a:cubicBezTo>
                  <a:cubicBezTo>
                    <a:pt x="2449511" y="3316163"/>
                    <a:pt x="2434652" y="3334546"/>
                    <a:pt x="2421127" y="3350930"/>
                  </a:cubicBezTo>
                  <a:lnTo>
                    <a:pt x="2414936" y="3350930"/>
                  </a:lnTo>
                  <a:cubicBezTo>
                    <a:pt x="2429414" y="3333403"/>
                    <a:pt x="2445320" y="3313973"/>
                    <a:pt x="2461513" y="3293780"/>
                  </a:cubicBezTo>
                  <a:cubicBezTo>
                    <a:pt x="2528759" y="3211484"/>
                    <a:pt x="2604959" y="3118139"/>
                    <a:pt x="2642488" y="3090231"/>
                  </a:cubicBezTo>
                  <a:cubicBezTo>
                    <a:pt x="2700916" y="3046169"/>
                    <a:pt x="2755355" y="2997053"/>
                    <a:pt x="2805175" y="2943451"/>
                  </a:cubicBezTo>
                  <a:cubicBezTo>
                    <a:pt x="2891662" y="2848200"/>
                    <a:pt x="2934715" y="2765142"/>
                    <a:pt x="2933191" y="2695800"/>
                  </a:cubicBezTo>
                  <a:lnTo>
                    <a:pt x="2932524" y="2660939"/>
                  </a:lnTo>
                  <a:cubicBezTo>
                    <a:pt x="2930143" y="2543877"/>
                    <a:pt x="2925285" y="2300322"/>
                    <a:pt x="2911759" y="2219931"/>
                  </a:cubicBezTo>
                  <a:cubicBezTo>
                    <a:pt x="2896900" y="2131158"/>
                    <a:pt x="2866611" y="1819881"/>
                    <a:pt x="2870993" y="1725870"/>
                  </a:cubicBezTo>
                  <a:cubicBezTo>
                    <a:pt x="2875279" y="1634620"/>
                    <a:pt x="2886042" y="1296196"/>
                    <a:pt x="2879565" y="1177801"/>
                  </a:cubicBezTo>
                  <a:cubicBezTo>
                    <a:pt x="2876231" y="1116174"/>
                    <a:pt x="2866611" y="1043308"/>
                    <a:pt x="2856324" y="966155"/>
                  </a:cubicBezTo>
                  <a:cubicBezTo>
                    <a:pt x="2846799" y="896528"/>
                    <a:pt x="2837274" y="824423"/>
                    <a:pt x="2832417" y="757844"/>
                  </a:cubicBezTo>
                  <a:lnTo>
                    <a:pt x="2830797" y="736889"/>
                  </a:lnTo>
                  <a:cubicBezTo>
                    <a:pt x="2820606" y="601443"/>
                    <a:pt x="2808033" y="432946"/>
                    <a:pt x="2708782" y="348459"/>
                  </a:cubicBezTo>
                  <a:cubicBezTo>
                    <a:pt x="2665291" y="312898"/>
                    <a:pt x="2618612" y="281427"/>
                    <a:pt x="2569336" y="254447"/>
                  </a:cubicBezTo>
                  <a:cubicBezTo>
                    <a:pt x="2518568" y="224920"/>
                    <a:pt x="2474752" y="199488"/>
                    <a:pt x="2448845" y="162722"/>
                  </a:cubicBezTo>
                  <a:cubicBezTo>
                    <a:pt x="2437834" y="146896"/>
                    <a:pt x="2427845" y="130384"/>
                    <a:pt x="2418936" y="113287"/>
                  </a:cubicBezTo>
                  <a:cubicBezTo>
                    <a:pt x="2402839" y="83569"/>
                    <a:pt x="2396266" y="71186"/>
                    <a:pt x="2349404" y="58137"/>
                  </a:cubicBezTo>
                  <a:cubicBezTo>
                    <a:pt x="2287110" y="40706"/>
                    <a:pt x="2193860" y="16894"/>
                    <a:pt x="2103183" y="10512"/>
                  </a:cubicBezTo>
                  <a:lnTo>
                    <a:pt x="2092038" y="9750"/>
                  </a:lnTo>
                  <a:cubicBezTo>
                    <a:pt x="2048318" y="6607"/>
                    <a:pt x="2014123" y="4035"/>
                    <a:pt x="1988787" y="4035"/>
                  </a:cubicBezTo>
                  <a:cubicBezTo>
                    <a:pt x="1973434" y="2990"/>
                    <a:pt x="1958030" y="5130"/>
                    <a:pt x="1943543" y="10322"/>
                  </a:cubicBezTo>
                  <a:cubicBezTo>
                    <a:pt x="1940971" y="11560"/>
                    <a:pt x="1688845" y="135956"/>
                    <a:pt x="1542541" y="221205"/>
                  </a:cubicBezTo>
                  <a:cubicBezTo>
                    <a:pt x="1481676" y="256638"/>
                    <a:pt x="1407095" y="308168"/>
                    <a:pt x="1328038" y="362651"/>
                  </a:cubicBezTo>
                  <a:cubicBezTo>
                    <a:pt x="1216500" y="439613"/>
                    <a:pt x="1101152" y="519147"/>
                    <a:pt x="1018952" y="556866"/>
                  </a:cubicBezTo>
                  <a:cubicBezTo>
                    <a:pt x="881125" y="620017"/>
                    <a:pt x="635094" y="783847"/>
                    <a:pt x="515460" y="882526"/>
                  </a:cubicBezTo>
                  <a:cubicBezTo>
                    <a:pt x="499744" y="895480"/>
                    <a:pt x="484504" y="907767"/>
                    <a:pt x="469930" y="919673"/>
                  </a:cubicBezTo>
                  <a:cubicBezTo>
                    <a:pt x="374204" y="997112"/>
                    <a:pt x="298480" y="1058262"/>
                    <a:pt x="252284" y="1166085"/>
                  </a:cubicBezTo>
                  <a:cubicBezTo>
                    <a:pt x="248188" y="1175610"/>
                    <a:pt x="243426" y="1186754"/>
                    <a:pt x="237902" y="1199327"/>
                  </a:cubicBezTo>
                  <a:cubicBezTo>
                    <a:pt x="169607" y="1356680"/>
                    <a:pt x="9778" y="1725012"/>
                    <a:pt x="5777" y="1881127"/>
                  </a:cubicBezTo>
                  <a:cubicBezTo>
                    <a:pt x="1586" y="2047910"/>
                    <a:pt x="19398" y="2386904"/>
                    <a:pt x="49306" y="2489775"/>
                  </a:cubicBezTo>
                  <a:cubicBezTo>
                    <a:pt x="87406" y="2620648"/>
                    <a:pt x="154653" y="2795622"/>
                    <a:pt x="201706" y="2862011"/>
                  </a:cubicBezTo>
                  <a:cubicBezTo>
                    <a:pt x="249903" y="2930496"/>
                    <a:pt x="361917" y="3015936"/>
                    <a:pt x="419734" y="3028223"/>
                  </a:cubicBezTo>
                  <a:cubicBezTo>
                    <a:pt x="480313" y="3041177"/>
                    <a:pt x="620806" y="2946403"/>
                    <a:pt x="686434" y="2894873"/>
                  </a:cubicBezTo>
                  <a:cubicBezTo>
                    <a:pt x="761777" y="2835437"/>
                    <a:pt x="1019809" y="2703611"/>
                    <a:pt x="1072101" y="2684656"/>
                  </a:cubicBezTo>
                  <a:cubicBezTo>
                    <a:pt x="1193069" y="2640746"/>
                    <a:pt x="1239074" y="2645127"/>
                    <a:pt x="1287842" y="2649795"/>
                  </a:cubicBezTo>
                  <a:cubicBezTo>
                    <a:pt x="1308675" y="2652179"/>
                    <a:pt x="1329650" y="2653103"/>
                    <a:pt x="1350612" y="2652557"/>
                  </a:cubicBezTo>
                  <a:cubicBezTo>
                    <a:pt x="1447577" y="2649032"/>
                    <a:pt x="1571021" y="2666844"/>
                    <a:pt x="1625884" y="2727614"/>
                  </a:cubicBezTo>
                  <a:cubicBezTo>
                    <a:pt x="1673509" y="2780001"/>
                    <a:pt x="1802002" y="2954880"/>
                    <a:pt x="1839721" y="3034223"/>
                  </a:cubicBezTo>
                  <a:cubicBezTo>
                    <a:pt x="1872773" y="3103661"/>
                    <a:pt x="1960498" y="3288350"/>
                    <a:pt x="2025744" y="3346643"/>
                  </a:cubicBezTo>
                  <a:lnTo>
                    <a:pt x="2030697" y="3351311"/>
                  </a:lnTo>
                  <a:lnTo>
                    <a:pt x="2023744" y="3351311"/>
                  </a:lnTo>
                  <a:lnTo>
                    <a:pt x="2022601" y="3350263"/>
                  </a:lnTo>
                  <a:cubicBezTo>
                    <a:pt x="1955735" y="3291398"/>
                    <a:pt x="1867724" y="3106137"/>
                    <a:pt x="1834482" y="303641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91">
              <a:extLst>
                <a:ext uri="{FF2B5EF4-FFF2-40B4-BE49-F238E27FC236}">
                  <a16:creationId xmlns:a16="http://schemas.microsoft.com/office/drawing/2014/main" id="{6FD29535-5F3D-FF4F-8392-DF89C41292A8}"/>
                </a:ext>
              </a:extLst>
            </p:cNvPr>
            <p:cNvSpPr/>
            <p:nvPr/>
          </p:nvSpPr>
          <p:spPr>
            <a:xfrm>
              <a:off x="3615147" y="4172462"/>
              <a:ext cx="2744262" cy="3143404"/>
            </a:xfrm>
            <a:custGeom>
              <a:avLst/>
              <a:gdLst>
                <a:gd name="connsiteX0" fmla="*/ 1772764 w 2744262"/>
                <a:gd name="connsiteY0" fmla="*/ 2821269 h 3143404"/>
                <a:gd name="connsiteX1" fmla="*/ 1573501 w 2744262"/>
                <a:gd name="connsiteY1" fmla="*/ 2425220 h 3143404"/>
                <a:gd name="connsiteX2" fmla="*/ 1562166 w 2744262"/>
                <a:gd name="connsiteY2" fmla="*/ 2407408 h 3143404"/>
                <a:gd name="connsiteX3" fmla="*/ 1435293 w 2744262"/>
                <a:gd name="connsiteY3" fmla="*/ 2301585 h 3143404"/>
                <a:gd name="connsiteX4" fmla="*/ 1122016 w 2744262"/>
                <a:gd name="connsiteY4" fmla="*/ 2269677 h 3143404"/>
                <a:gd name="connsiteX5" fmla="*/ 783212 w 2744262"/>
                <a:gd name="connsiteY5" fmla="*/ 2383977 h 3143404"/>
                <a:gd name="connsiteX6" fmla="*/ 726062 w 2744262"/>
                <a:gd name="connsiteY6" fmla="*/ 2425696 h 3143404"/>
                <a:gd name="connsiteX7" fmla="*/ 421262 w 2744262"/>
                <a:gd name="connsiteY7" fmla="*/ 2649153 h 3143404"/>
                <a:gd name="connsiteX8" fmla="*/ 117795 w 2744262"/>
                <a:gd name="connsiteY8" fmla="*/ 2526375 h 3143404"/>
                <a:gd name="connsiteX9" fmla="*/ 8734 w 2744262"/>
                <a:gd name="connsiteY9" fmla="*/ 2189667 h 3143404"/>
                <a:gd name="connsiteX10" fmla="*/ 7210 w 2744262"/>
                <a:gd name="connsiteY10" fmla="*/ 1866674 h 3143404"/>
                <a:gd name="connsiteX11" fmla="*/ 12068 w 2744262"/>
                <a:gd name="connsiteY11" fmla="*/ 1768281 h 3143404"/>
                <a:gd name="connsiteX12" fmla="*/ 131797 w 2744262"/>
                <a:gd name="connsiteY12" fmla="*/ 1235643 h 3143404"/>
                <a:gd name="connsiteX13" fmla="*/ 132273 w 2744262"/>
                <a:gd name="connsiteY13" fmla="*/ 1233928 h 3143404"/>
                <a:gd name="connsiteX14" fmla="*/ 315153 w 2744262"/>
                <a:gd name="connsiteY14" fmla="*/ 958179 h 3143404"/>
                <a:gd name="connsiteX15" fmla="*/ 661006 w 2744262"/>
                <a:gd name="connsiteY15" fmla="*/ 702052 h 3143404"/>
                <a:gd name="connsiteX16" fmla="*/ 1064580 w 2744262"/>
                <a:gd name="connsiteY16" fmla="*/ 490978 h 3143404"/>
                <a:gd name="connsiteX17" fmla="*/ 1276988 w 2744262"/>
                <a:gd name="connsiteY17" fmla="*/ 329053 h 3143404"/>
                <a:gd name="connsiteX18" fmla="*/ 1619888 w 2744262"/>
                <a:gd name="connsiteY18" fmla="*/ 69592 h 3143404"/>
                <a:gd name="connsiteX19" fmla="*/ 1958407 w 2744262"/>
                <a:gd name="connsiteY19" fmla="*/ 11870 h 3143404"/>
                <a:gd name="connsiteX20" fmla="*/ 2118426 w 2744262"/>
                <a:gd name="connsiteY20" fmla="*/ 21395 h 3143404"/>
                <a:gd name="connsiteX21" fmla="*/ 2417988 w 2744262"/>
                <a:gd name="connsiteY21" fmla="*/ 133600 h 3143404"/>
                <a:gd name="connsiteX22" fmla="*/ 2610012 w 2744262"/>
                <a:gd name="connsiteY22" fmla="*/ 601849 h 3143404"/>
                <a:gd name="connsiteX23" fmla="*/ 2680878 w 2744262"/>
                <a:gd name="connsiteY23" fmla="*/ 1283268 h 3143404"/>
                <a:gd name="connsiteX24" fmla="*/ 2727740 w 2744262"/>
                <a:gd name="connsiteY24" fmla="*/ 1908584 h 3143404"/>
                <a:gd name="connsiteX25" fmla="*/ 2730122 w 2744262"/>
                <a:gd name="connsiteY25" fmla="*/ 1925157 h 3143404"/>
                <a:gd name="connsiteX26" fmla="*/ 2730122 w 2744262"/>
                <a:gd name="connsiteY26" fmla="*/ 2366927 h 3143404"/>
                <a:gd name="connsiteX27" fmla="*/ 2614869 w 2744262"/>
                <a:gd name="connsiteY27" fmla="*/ 2600575 h 3143404"/>
                <a:gd name="connsiteX28" fmla="*/ 2552004 w 2744262"/>
                <a:gd name="connsiteY28" fmla="*/ 2706207 h 3143404"/>
                <a:gd name="connsiteX29" fmla="*/ 2431132 w 2744262"/>
                <a:gd name="connsiteY29" fmla="*/ 2838605 h 3143404"/>
                <a:gd name="connsiteX30" fmla="*/ 2290162 w 2744262"/>
                <a:gd name="connsiteY30" fmla="*/ 2991005 h 3143404"/>
                <a:gd name="connsiteX31" fmla="*/ 2110140 w 2744262"/>
                <a:gd name="connsiteY31" fmla="*/ 3143405 h 3143404"/>
                <a:gd name="connsiteX32" fmla="*/ 2097757 w 2744262"/>
                <a:gd name="connsiteY32" fmla="*/ 3143405 h 3143404"/>
                <a:gd name="connsiteX33" fmla="*/ 2285971 w 2744262"/>
                <a:gd name="connsiteY33" fmla="*/ 2989195 h 3143404"/>
                <a:gd name="connsiteX34" fmla="*/ 2427989 w 2744262"/>
                <a:gd name="connsiteY34" fmla="*/ 2835557 h 3143404"/>
                <a:gd name="connsiteX35" fmla="*/ 2547528 w 2744262"/>
                <a:gd name="connsiteY35" fmla="*/ 2704588 h 3143404"/>
                <a:gd name="connsiteX36" fmla="*/ 2610869 w 2744262"/>
                <a:gd name="connsiteY36" fmla="*/ 2598194 h 3143404"/>
                <a:gd name="connsiteX37" fmla="*/ 2725169 w 2744262"/>
                <a:gd name="connsiteY37" fmla="*/ 2366260 h 3143404"/>
                <a:gd name="connsiteX38" fmla="*/ 2725169 w 2744262"/>
                <a:gd name="connsiteY38" fmla="*/ 1926015 h 3143404"/>
                <a:gd name="connsiteX39" fmla="*/ 2722788 w 2744262"/>
                <a:gd name="connsiteY39" fmla="*/ 1909537 h 3143404"/>
                <a:gd name="connsiteX40" fmla="*/ 2675829 w 2744262"/>
                <a:gd name="connsiteY40" fmla="*/ 1283077 h 3143404"/>
                <a:gd name="connsiteX41" fmla="*/ 2605058 w 2744262"/>
                <a:gd name="connsiteY41" fmla="*/ 602992 h 3143404"/>
                <a:gd name="connsiteX42" fmla="*/ 2415321 w 2744262"/>
                <a:gd name="connsiteY42" fmla="*/ 137886 h 3143404"/>
                <a:gd name="connsiteX43" fmla="*/ 2128523 w 2744262"/>
                <a:gd name="connsiteY43" fmla="*/ 25967 h 3143404"/>
                <a:gd name="connsiteX44" fmla="*/ 2118998 w 2744262"/>
                <a:gd name="connsiteY44" fmla="*/ 25967 h 3143404"/>
                <a:gd name="connsiteX45" fmla="*/ 1957073 w 2744262"/>
                <a:gd name="connsiteY45" fmla="*/ 16442 h 3143404"/>
                <a:gd name="connsiteX46" fmla="*/ 1621888 w 2744262"/>
                <a:gd name="connsiteY46" fmla="*/ 73592 h 3143404"/>
                <a:gd name="connsiteX47" fmla="*/ 1279845 w 2744262"/>
                <a:gd name="connsiteY47" fmla="*/ 332482 h 3143404"/>
                <a:gd name="connsiteX48" fmla="*/ 1066200 w 2744262"/>
                <a:gd name="connsiteY48" fmla="*/ 495550 h 3143404"/>
                <a:gd name="connsiteX49" fmla="*/ 663197 w 2744262"/>
                <a:gd name="connsiteY49" fmla="*/ 706338 h 3143404"/>
                <a:gd name="connsiteX50" fmla="*/ 318392 w 2744262"/>
                <a:gd name="connsiteY50" fmla="*/ 961608 h 3143404"/>
                <a:gd name="connsiteX51" fmla="*/ 136655 w 2744262"/>
                <a:gd name="connsiteY51" fmla="*/ 1235547 h 3143404"/>
                <a:gd name="connsiteX52" fmla="*/ 136178 w 2744262"/>
                <a:gd name="connsiteY52" fmla="*/ 1237167 h 3143404"/>
                <a:gd name="connsiteX53" fmla="*/ 16640 w 2744262"/>
                <a:gd name="connsiteY53" fmla="*/ 1768661 h 3143404"/>
                <a:gd name="connsiteX54" fmla="*/ 11782 w 2744262"/>
                <a:gd name="connsiteY54" fmla="*/ 1867055 h 3143404"/>
                <a:gd name="connsiteX55" fmla="*/ 13211 w 2744262"/>
                <a:gd name="connsiteY55" fmla="*/ 2188904 h 3143404"/>
                <a:gd name="connsiteX56" fmla="*/ 121224 w 2744262"/>
                <a:gd name="connsiteY56" fmla="*/ 2523422 h 3143404"/>
                <a:gd name="connsiteX57" fmla="*/ 418214 w 2744262"/>
                <a:gd name="connsiteY57" fmla="*/ 2645628 h 3143404"/>
                <a:gd name="connsiteX58" fmla="*/ 723014 w 2744262"/>
                <a:gd name="connsiteY58" fmla="*/ 2421981 h 3143404"/>
                <a:gd name="connsiteX59" fmla="*/ 780640 w 2744262"/>
                <a:gd name="connsiteY59" fmla="*/ 2380262 h 3143404"/>
                <a:gd name="connsiteX60" fmla="*/ 1121826 w 2744262"/>
                <a:gd name="connsiteY60" fmla="*/ 2264819 h 3143404"/>
                <a:gd name="connsiteX61" fmla="*/ 1437008 w 2744262"/>
                <a:gd name="connsiteY61" fmla="*/ 2296918 h 3143404"/>
                <a:gd name="connsiteX62" fmla="*/ 1566357 w 2744262"/>
                <a:gd name="connsiteY62" fmla="*/ 2404646 h 3143404"/>
                <a:gd name="connsiteX63" fmla="*/ 1577692 w 2744262"/>
                <a:gd name="connsiteY63" fmla="*/ 2422458 h 3143404"/>
                <a:gd name="connsiteX64" fmla="*/ 1777717 w 2744262"/>
                <a:gd name="connsiteY64" fmla="*/ 2819079 h 3143404"/>
                <a:gd name="connsiteX65" fmla="*/ 1795053 w 2744262"/>
                <a:gd name="connsiteY65" fmla="*/ 2857179 h 3143404"/>
                <a:gd name="connsiteX66" fmla="*/ 1957644 w 2744262"/>
                <a:gd name="connsiteY66" fmla="*/ 3142929 h 3143404"/>
                <a:gd name="connsiteX67" fmla="*/ 1950977 w 2744262"/>
                <a:gd name="connsiteY67" fmla="*/ 3142929 h 3143404"/>
                <a:gd name="connsiteX68" fmla="*/ 1790766 w 2744262"/>
                <a:gd name="connsiteY68" fmla="*/ 2859274 h 3143404"/>
                <a:gd name="connsiteX69" fmla="*/ 1772764 w 2744262"/>
                <a:gd name="connsiteY69" fmla="*/ 2821269 h 3143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744262" h="3143404">
                  <a:moveTo>
                    <a:pt x="1772764" y="2821269"/>
                  </a:moveTo>
                  <a:cubicBezTo>
                    <a:pt x="1646653" y="2554569"/>
                    <a:pt x="1594837" y="2458557"/>
                    <a:pt x="1573501" y="2425220"/>
                  </a:cubicBezTo>
                  <a:cubicBezTo>
                    <a:pt x="1569405" y="2418933"/>
                    <a:pt x="1565690" y="2413028"/>
                    <a:pt x="1562166" y="2407408"/>
                  </a:cubicBezTo>
                  <a:cubicBezTo>
                    <a:pt x="1526067" y="2350258"/>
                    <a:pt x="1512636" y="2328922"/>
                    <a:pt x="1435293" y="2301585"/>
                  </a:cubicBezTo>
                  <a:cubicBezTo>
                    <a:pt x="1380239" y="2282059"/>
                    <a:pt x="1195835" y="2263485"/>
                    <a:pt x="1122016" y="2269677"/>
                  </a:cubicBezTo>
                  <a:cubicBezTo>
                    <a:pt x="1049626" y="2275963"/>
                    <a:pt x="865984" y="2324255"/>
                    <a:pt x="783212" y="2383977"/>
                  </a:cubicBezTo>
                  <a:lnTo>
                    <a:pt x="726062" y="2425696"/>
                  </a:lnTo>
                  <a:cubicBezTo>
                    <a:pt x="628716" y="2496181"/>
                    <a:pt x="481650" y="2602670"/>
                    <a:pt x="421262" y="2649153"/>
                  </a:cubicBezTo>
                  <a:cubicBezTo>
                    <a:pt x="313820" y="2732020"/>
                    <a:pt x="173612" y="2590860"/>
                    <a:pt x="117795" y="2526375"/>
                  </a:cubicBezTo>
                  <a:cubicBezTo>
                    <a:pt x="60645" y="2459700"/>
                    <a:pt x="25498" y="2277297"/>
                    <a:pt x="8734" y="2189667"/>
                  </a:cubicBezTo>
                  <a:cubicBezTo>
                    <a:pt x="-5839" y="2113467"/>
                    <a:pt x="828" y="1988118"/>
                    <a:pt x="7210" y="1866674"/>
                  </a:cubicBezTo>
                  <a:cubicBezTo>
                    <a:pt x="8925" y="1834193"/>
                    <a:pt x="10734" y="1800571"/>
                    <a:pt x="12068" y="1768281"/>
                  </a:cubicBezTo>
                  <a:cubicBezTo>
                    <a:pt x="16259" y="1666934"/>
                    <a:pt x="56550" y="1487769"/>
                    <a:pt x="131797" y="1235643"/>
                  </a:cubicBezTo>
                  <a:lnTo>
                    <a:pt x="132273" y="1233928"/>
                  </a:lnTo>
                  <a:cubicBezTo>
                    <a:pt x="163420" y="1129153"/>
                    <a:pt x="260194" y="1016282"/>
                    <a:pt x="315153" y="958179"/>
                  </a:cubicBezTo>
                  <a:cubicBezTo>
                    <a:pt x="396878" y="871597"/>
                    <a:pt x="547373" y="769108"/>
                    <a:pt x="661006" y="702052"/>
                  </a:cubicBezTo>
                  <a:cubicBezTo>
                    <a:pt x="765305" y="640425"/>
                    <a:pt x="959519" y="534222"/>
                    <a:pt x="1064580" y="490978"/>
                  </a:cubicBezTo>
                  <a:cubicBezTo>
                    <a:pt x="1110110" y="471928"/>
                    <a:pt x="1187453" y="405729"/>
                    <a:pt x="1276988" y="329053"/>
                  </a:cubicBezTo>
                  <a:cubicBezTo>
                    <a:pt x="1386049" y="235232"/>
                    <a:pt x="1509779" y="129028"/>
                    <a:pt x="1619888" y="69592"/>
                  </a:cubicBezTo>
                  <a:cubicBezTo>
                    <a:pt x="1816579" y="-36517"/>
                    <a:pt x="1952406" y="9680"/>
                    <a:pt x="1958407" y="11870"/>
                  </a:cubicBezTo>
                  <a:cubicBezTo>
                    <a:pt x="2011158" y="21563"/>
                    <a:pt x="2064898" y="24762"/>
                    <a:pt x="2118426" y="21395"/>
                  </a:cubicBezTo>
                  <a:cubicBezTo>
                    <a:pt x="2209104" y="14442"/>
                    <a:pt x="2366076" y="104168"/>
                    <a:pt x="2417988" y="133600"/>
                  </a:cubicBezTo>
                  <a:cubicBezTo>
                    <a:pt x="2493330" y="176558"/>
                    <a:pt x="2590771" y="507266"/>
                    <a:pt x="2610012" y="601849"/>
                  </a:cubicBezTo>
                  <a:cubicBezTo>
                    <a:pt x="2613631" y="619470"/>
                    <a:pt x="2697832" y="1037332"/>
                    <a:pt x="2680878" y="1283268"/>
                  </a:cubicBezTo>
                  <a:cubicBezTo>
                    <a:pt x="2666685" y="1488627"/>
                    <a:pt x="2712691" y="1804762"/>
                    <a:pt x="2727740" y="1908584"/>
                  </a:cubicBezTo>
                  <a:lnTo>
                    <a:pt x="2730122" y="1925157"/>
                  </a:lnTo>
                  <a:cubicBezTo>
                    <a:pt x="2742123" y="2008120"/>
                    <a:pt x="2754792" y="2229957"/>
                    <a:pt x="2730122" y="2366927"/>
                  </a:cubicBezTo>
                  <a:cubicBezTo>
                    <a:pt x="2715073" y="2450556"/>
                    <a:pt x="2661828" y="2530281"/>
                    <a:pt x="2614869" y="2600575"/>
                  </a:cubicBezTo>
                  <a:cubicBezTo>
                    <a:pt x="2588866" y="2639437"/>
                    <a:pt x="2564387" y="2676108"/>
                    <a:pt x="2552004" y="2706207"/>
                  </a:cubicBezTo>
                  <a:cubicBezTo>
                    <a:pt x="2534859" y="2747641"/>
                    <a:pt x="2484472" y="2791932"/>
                    <a:pt x="2431132" y="2838605"/>
                  </a:cubicBezTo>
                  <a:cubicBezTo>
                    <a:pt x="2375697" y="2887278"/>
                    <a:pt x="2318356" y="2937665"/>
                    <a:pt x="2290162" y="2991005"/>
                  </a:cubicBezTo>
                  <a:cubicBezTo>
                    <a:pt x="2251395" y="3064348"/>
                    <a:pt x="2176815" y="3113496"/>
                    <a:pt x="2110140" y="3143405"/>
                  </a:cubicBezTo>
                  <a:lnTo>
                    <a:pt x="2097757" y="3143405"/>
                  </a:lnTo>
                  <a:cubicBezTo>
                    <a:pt x="2168813" y="3113496"/>
                    <a:pt x="2247585" y="3061871"/>
                    <a:pt x="2285971" y="2989195"/>
                  </a:cubicBezTo>
                  <a:cubicBezTo>
                    <a:pt x="2314546" y="2935189"/>
                    <a:pt x="2372267" y="2884420"/>
                    <a:pt x="2427989" y="2835557"/>
                  </a:cubicBezTo>
                  <a:cubicBezTo>
                    <a:pt x="2480853" y="2788503"/>
                    <a:pt x="2530383" y="2744689"/>
                    <a:pt x="2547528" y="2704588"/>
                  </a:cubicBezTo>
                  <a:cubicBezTo>
                    <a:pt x="2560196" y="2674013"/>
                    <a:pt x="2584770" y="2637151"/>
                    <a:pt x="2610869" y="2598194"/>
                  </a:cubicBezTo>
                  <a:cubicBezTo>
                    <a:pt x="2657637" y="2528185"/>
                    <a:pt x="2710596" y="2448937"/>
                    <a:pt x="2725169" y="2366260"/>
                  </a:cubicBezTo>
                  <a:cubicBezTo>
                    <a:pt x="2748600" y="2236149"/>
                    <a:pt x="2737742" y="2013835"/>
                    <a:pt x="2725169" y="1926015"/>
                  </a:cubicBezTo>
                  <a:lnTo>
                    <a:pt x="2722788" y="1909537"/>
                  </a:lnTo>
                  <a:cubicBezTo>
                    <a:pt x="2707643" y="1805523"/>
                    <a:pt x="2661542" y="1489008"/>
                    <a:pt x="2675829" y="1283077"/>
                  </a:cubicBezTo>
                  <a:cubicBezTo>
                    <a:pt x="2692784" y="1037904"/>
                    <a:pt x="2608678" y="620613"/>
                    <a:pt x="2605058" y="602992"/>
                  </a:cubicBezTo>
                  <a:cubicBezTo>
                    <a:pt x="2581246" y="485834"/>
                    <a:pt x="2485234" y="177796"/>
                    <a:pt x="2415321" y="137886"/>
                  </a:cubicBezTo>
                  <a:cubicBezTo>
                    <a:pt x="2365790" y="109311"/>
                    <a:pt x="2218820" y="25967"/>
                    <a:pt x="2128523" y="25967"/>
                  </a:cubicBezTo>
                  <a:cubicBezTo>
                    <a:pt x="2125094" y="25967"/>
                    <a:pt x="2121760" y="25967"/>
                    <a:pt x="2118998" y="25967"/>
                  </a:cubicBezTo>
                  <a:cubicBezTo>
                    <a:pt x="2064837" y="29501"/>
                    <a:pt x="2010446" y="26301"/>
                    <a:pt x="1957073" y="16442"/>
                  </a:cubicBezTo>
                  <a:cubicBezTo>
                    <a:pt x="1955358" y="15871"/>
                    <a:pt x="1820103" y="-33088"/>
                    <a:pt x="1621888" y="73592"/>
                  </a:cubicBezTo>
                  <a:cubicBezTo>
                    <a:pt x="1512255" y="132648"/>
                    <a:pt x="1388811" y="238851"/>
                    <a:pt x="1279845" y="332482"/>
                  </a:cubicBezTo>
                  <a:cubicBezTo>
                    <a:pt x="1190025" y="409730"/>
                    <a:pt x="1112396" y="476500"/>
                    <a:pt x="1066200" y="495550"/>
                  </a:cubicBezTo>
                  <a:cubicBezTo>
                    <a:pt x="961425" y="538793"/>
                    <a:pt x="767400" y="644807"/>
                    <a:pt x="663197" y="706338"/>
                  </a:cubicBezTo>
                  <a:cubicBezTo>
                    <a:pt x="549849" y="773013"/>
                    <a:pt x="399735" y="875502"/>
                    <a:pt x="318392" y="961608"/>
                  </a:cubicBezTo>
                  <a:cubicBezTo>
                    <a:pt x="263813" y="1019425"/>
                    <a:pt x="167516" y="1131915"/>
                    <a:pt x="136655" y="1235547"/>
                  </a:cubicBezTo>
                  <a:lnTo>
                    <a:pt x="136178" y="1237167"/>
                  </a:lnTo>
                  <a:cubicBezTo>
                    <a:pt x="61026" y="1488912"/>
                    <a:pt x="20831" y="1667697"/>
                    <a:pt x="16640" y="1768661"/>
                  </a:cubicBezTo>
                  <a:cubicBezTo>
                    <a:pt x="15306" y="1800951"/>
                    <a:pt x="13496" y="1834574"/>
                    <a:pt x="11782" y="1867055"/>
                  </a:cubicBezTo>
                  <a:cubicBezTo>
                    <a:pt x="5400" y="1988213"/>
                    <a:pt x="-1267" y="2113562"/>
                    <a:pt x="13211" y="2188904"/>
                  </a:cubicBezTo>
                  <a:cubicBezTo>
                    <a:pt x="29879" y="2276154"/>
                    <a:pt x="64741" y="2457700"/>
                    <a:pt x="121224" y="2523422"/>
                  </a:cubicBezTo>
                  <a:cubicBezTo>
                    <a:pt x="175802" y="2586955"/>
                    <a:pt x="313915" y="2725924"/>
                    <a:pt x="418214" y="2645628"/>
                  </a:cubicBezTo>
                  <a:cubicBezTo>
                    <a:pt x="478602" y="2599051"/>
                    <a:pt x="625763" y="2492466"/>
                    <a:pt x="723014" y="2421981"/>
                  </a:cubicBezTo>
                  <a:lnTo>
                    <a:pt x="780640" y="2380262"/>
                  </a:lnTo>
                  <a:cubicBezTo>
                    <a:pt x="867603" y="2317111"/>
                    <a:pt x="1051626" y="2270915"/>
                    <a:pt x="1121826" y="2264819"/>
                  </a:cubicBezTo>
                  <a:cubicBezTo>
                    <a:pt x="1196025" y="2258342"/>
                    <a:pt x="1381573" y="2277201"/>
                    <a:pt x="1437008" y="2296918"/>
                  </a:cubicBezTo>
                  <a:cubicBezTo>
                    <a:pt x="1515970" y="2324826"/>
                    <a:pt x="1530734" y="2348163"/>
                    <a:pt x="1566357" y="2404646"/>
                  </a:cubicBezTo>
                  <a:cubicBezTo>
                    <a:pt x="1569881" y="2410265"/>
                    <a:pt x="1573596" y="2416171"/>
                    <a:pt x="1577692" y="2422458"/>
                  </a:cubicBezTo>
                  <a:cubicBezTo>
                    <a:pt x="1599123" y="2455890"/>
                    <a:pt x="1651035" y="2551807"/>
                    <a:pt x="1777717" y="2819079"/>
                  </a:cubicBezTo>
                  <a:cubicBezTo>
                    <a:pt x="1782479" y="2829271"/>
                    <a:pt x="1788385" y="2842129"/>
                    <a:pt x="1795053" y="2857179"/>
                  </a:cubicBezTo>
                  <a:cubicBezTo>
                    <a:pt x="1831343" y="2937188"/>
                    <a:pt x="1897256" y="3082540"/>
                    <a:pt x="1957644" y="3142929"/>
                  </a:cubicBezTo>
                  <a:lnTo>
                    <a:pt x="1950977" y="3142929"/>
                  </a:lnTo>
                  <a:cubicBezTo>
                    <a:pt x="1891350" y="3081016"/>
                    <a:pt x="1828962" y="2943571"/>
                    <a:pt x="1790766" y="2859274"/>
                  </a:cubicBezTo>
                  <a:cubicBezTo>
                    <a:pt x="1783432" y="2844320"/>
                    <a:pt x="1777622" y="2831461"/>
                    <a:pt x="1772764" y="282126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92">
              <a:extLst>
                <a:ext uri="{FF2B5EF4-FFF2-40B4-BE49-F238E27FC236}">
                  <a16:creationId xmlns:a16="http://schemas.microsoft.com/office/drawing/2014/main" id="{79415DF9-474D-0343-9CB2-5067194FE880}"/>
                </a:ext>
              </a:extLst>
            </p:cNvPr>
            <p:cNvSpPr/>
            <p:nvPr/>
          </p:nvSpPr>
          <p:spPr>
            <a:xfrm>
              <a:off x="3732136" y="4358218"/>
              <a:ext cx="2549733" cy="2850492"/>
            </a:xfrm>
            <a:custGeom>
              <a:avLst/>
              <a:gdLst>
                <a:gd name="connsiteX0" fmla="*/ 1874564 w 2549733"/>
                <a:gd name="connsiteY0" fmla="*/ 2850492 h 2850492"/>
                <a:gd name="connsiteX1" fmla="*/ 1877231 w 2549733"/>
                <a:gd name="connsiteY1" fmla="*/ 2850492 h 2850492"/>
                <a:gd name="connsiteX2" fmla="*/ 2096306 w 2549733"/>
                <a:gd name="connsiteY2" fmla="*/ 2744574 h 2850492"/>
                <a:gd name="connsiteX3" fmla="*/ 2339194 w 2549733"/>
                <a:gd name="connsiteY3" fmla="*/ 2458824 h 2850492"/>
                <a:gd name="connsiteX4" fmla="*/ 2525789 w 2549733"/>
                <a:gd name="connsiteY4" fmla="*/ 2063155 h 2850492"/>
                <a:gd name="connsiteX5" fmla="*/ 2533599 w 2549733"/>
                <a:gd name="connsiteY5" fmla="*/ 1978764 h 2850492"/>
                <a:gd name="connsiteX6" fmla="*/ 2545791 w 2549733"/>
                <a:gd name="connsiteY6" fmla="*/ 1693967 h 2850492"/>
                <a:gd name="connsiteX7" fmla="*/ 2525789 w 2549733"/>
                <a:gd name="connsiteY7" fmla="*/ 1242862 h 2850492"/>
                <a:gd name="connsiteX8" fmla="*/ 2434063 w 2549733"/>
                <a:gd name="connsiteY8" fmla="*/ 636692 h 2850492"/>
                <a:gd name="connsiteX9" fmla="*/ 2389010 w 2549733"/>
                <a:gd name="connsiteY9" fmla="*/ 518962 h 2850492"/>
                <a:gd name="connsiteX10" fmla="*/ 2221751 w 2549733"/>
                <a:gd name="connsiteY10" fmla="*/ 169109 h 2850492"/>
                <a:gd name="connsiteX11" fmla="*/ 1735976 w 2549733"/>
                <a:gd name="connsiteY11" fmla="*/ 17376 h 2850492"/>
                <a:gd name="connsiteX12" fmla="*/ 1317637 w 2549733"/>
                <a:gd name="connsiteY12" fmla="*/ 220354 h 2850492"/>
                <a:gd name="connsiteX13" fmla="*/ 909110 w 2549733"/>
                <a:gd name="connsiteY13" fmla="*/ 516200 h 2850492"/>
                <a:gd name="connsiteX14" fmla="*/ 820528 w 2549733"/>
                <a:gd name="connsiteY14" fmla="*/ 570874 h 2850492"/>
                <a:gd name="connsiteX15" fmla="*/ 546303 w 2549733"/>
                <a:gd name="connsiteY15" fmla="*/ 733275 h 2850492"/>
                <a:gd name="connsiteX16" fmla="*/ 242551 w 2549733"/>
                <a:gd name="connsiteY16" fmla="*/ 937872 h 2850492"/>
                <a:gd name="connsiteX17" fmla="*/ 82912 w 2549733"/>
                <a:gd name="connsiteY17" fmla="*/ 1316491 h 2850492"/>
                <a:gd name="connsiteX18" fmla="*/ 13760 w 2549733"/>
                <a:gd name="connsiteY18" fmla="*/ 1687966 h 2850492"/>
                <a:gd name="connsiteX19" fmla="*/ 9855 w 2549733"/>
                <a:gd name="connsiteY19" fmla="*/ 1734924 h 2850492"/>
                <a:gd name="connsiteX20" fmla="*/ 31667 w 2549733"/>
                <a:gd name="connsiteY20" fmla="*/ 2175265 h 2850492"/>
                <a:gd name="connsiteX21" fmla="*/ 256933 w 2549733"/>
                <a:gd name="connsiteY21" fmla="*/ 2333952 h 2850492"/>
                <a:gd name="connsiteX22" fmla="*/ 574306 w 2549733"/>
                <a:gd name="connsiteY22" fmla="*/ 2132212 h 2850492"/>
                <a:gd name="connsiteX23" fmla="*/ 982548 w 2549733"/>
                <a:gd name="connsiteY23" fmla="*/ 1900564 h 2850492"/>
                <a:gd name="connsiteX24" fmla="*/ 982739 w 2549733"/>
                <a:gd name="connsiteY24" fmla="*/ 1900564 h 2850492"/>
                <a:gd name="connsiteX25" fmla="*/ 1100658 w 2549733"/>
                <a:gd name="connsiteY25" fmla="*/ 1926472 h 2850492"/>
                <a:gd name="connsiteX26" fmla="*/ 1187145 w 2549733"/>
                <a:gd name="connsiteY26" fmla="*/ 1947427 h 2850492"/>
                <a:gd name="connsiteX27" fmla="*/ 1411364 w 2549733"/>
                <a:gd name="connsiteY27" fmla="*/ 2034962 h 2850492"/>
                <a:gd name="connsiteX28" fmla="*/ 1661204 w 2549733"/>
                <a:gd name="connsiteY28" fmla="*/ 2464825 h 2850492"/>
                <a:gd name="connsiteX29" fmla="*/ 1759312 w 2549733"/>
                <a:gd name="connsiteY29" fmla="*/ 2648943 h 2850492"/>
                <a:gd name="connsiteX30" fmla="*/ 1799983 w 2549733"/>
                <a:gd name="connsiteY30" fmla="*/ 2722762 h 2850492"/>
                <a:gd name="connsiteX31" fmla="*/ 1812176 w 2549733"/>
                <a:gd name="connsiteY31" fmla="*/ 2769720 h 2850492"/>
                <a:gd name="connsiteX32" fmla="*/ 1874564 w 2549733"/>
                <a:gd name="connsiteY32" fmla="*/ 2850492 h 2850492"/>
                <a:gd name="connsiteX33" fmla="*/ 1817414 w 2549733"/>
                <a:gd name="connsiteY33" fmla="*/ 2769054 h 2850492"/>
                <a:gd name="connsiteX34" fmla="*/ 1804841 w 2549733"/>
                <a:gd name="connsiteY34" fmla="*/ 2720857 h 2850492"/>
                <a:gd name="connsiteX35" fmla="*/ 1764075 w 2549733"/>
                <a:gd name="connsiteY35" fmla="*/ 2646848 h 2850492"/>
                <a:gd name="connsiteX36" fmla="*/ 1666157 w 2549733"/>
                <a:gd name="connsiteY36" fmla="*/ 2463111 h 2850492"/>
                <a:gd name="connsiteX37" fmla="*/ 1415555 w 2549733"/>
                <a:gd name="connsiteY37" fmla="*/ 2032104 h 2850492"/>
                <a:gd name="connsiteX38" fmla="*/ 1187907 w 2549733"/>
                <a:gd name="connsiteY38" fmla="*/ 1942855 h 2850492"/>
                <a:gd name="connsiteX39" fmla="*/ 1102754 w 2549733"/>
                <a:gd name="connsiteY39" fmla="*/ 1922185 h 2850492"/>
                <a:gd name="connsiteX40" fmla="*/ 983310 w 2549733"/>
                <a:gd name="connsiteY40" fmla="*/ 1895992 h 2850492"/>
                <a:gd name="connsiteX41" fmla="*/ 982739 w 2549733"/>
                <a:gd name="connsiteY41" fmla="*/ 1895992 h 2850492"/>
                <a:gd name="connsiteX42" fmla="*/ 571354 w 2549733"/>
                <a:gd name="connsiteY42" fmla="*/ 2128783 h 2850492"/>
                <a:gd name="connsiteX43" fmla="*/ 255314 w 2549733"/>
                <a:gd name="connsiteY43" fmla="*/ 2329761 h 2850492"/>
                <a:gd name="connsiteX44" fmla="*/ 36239 w 2549733"/>
                <a:gd name="connsiteY44" fmla="*/ 2173170 h 2850492"/>
                <a:gd name="connsiteX45" fmla="*/ 15094 w 2549733"/>
                <a:gd name="connsiteY45" fmla="*/ 1735591 h 2850492"/>
                <a:gd name="connsiteX46" fmla="*/ 18904 w 2549733"/>
                <a:gd name="connsiteY46" fmla="*/ 1688538 h 2850492"/>
                <a:gd name="connsiteX47" fmla="*/ 87960 w 2549733"/>
                <a:gd name="connsiteY47" fmla="*/ 1318491 h 2850492"/>
                <a:gd name="connsiteX48" fmla="*/ 247123 w 2549733"/>
                <a:gd name="connsiteY48" fmla="*/ 940730 h 2850492"/>
                <a:gd name="connsiteX49" fmla="*/ 548303 w 2549733"/>
                <a:gd name="connsiteY49" fmla="*/ 738323 h 2850492"/>
                <a:gd name="connsiteX50" fmla="*/ 823576 w 2549733"/>
                <a:gd name="connsiteY50" fmla="*/ 575351 h 2850492"/>
                <a:gd name="connsiteX51" fmla="*/ 911968 w 2549733"/>
                <a:gd name="connsiteY51" fmla="*/ 520772 h 2850492"/>
                <a:gd name="connsiteX52" fmla="*/ 1321543 w 2549733"/>
                <a:gd name="connsiteY52" fmla="*/ 224259 h 2850492"/>
                <a:gd name="connsiteX53" fmla="*/ 1738262 w 2549733"/>
                <a:gd name="connsiteY53" fmla="*/ 22424 h 2850492"/>
                <a:gd name="connsiteX54" fmla="*/ 1834941 w 2549733"/>
                <a:gd name="connsiteY54" fmla="*/ 5279 h 2850492"/>
                <a:gd name="connsiteX55" fmla="*/ 2219274 w 2549733"/>
                <a:gd name="connsiteY55" fmla="*/ 173205 h 2850492"/>
                <a:gd name="connsiteX56" fmla="*/ 2385200 w 2549733"/>
                <a:gd name="connsiteY56" fmla="*/ 521153 h 2850492"/>
                <a:gd name="connsiteX57" fmla="*/ 2430253 w 2549733"/>
                <a:gd name="connsiteY57" fmla="*/ 638978 h 2850492"/>
                <a:gd name="connsiteX58" fmla="*/ 2521598 w 2549733"/>
                <a:gd name="connsiteY58" fmla="*/ 1243053 h 2850492"/>
                <a:gd name="connsiteX59" fmla="*/ 2541600 w 2549733"/>
                <a:gd name="connsiteY59" fmla="*/ 1695300 h 2850492"/>
                <a:gd name="connsiteX60" fmla="*/ 2529408 w 2549733"/>
                <a:gd name="connsiteY60" fmla="*/ 1978764 h 2850492"/>
                <a:gd name="connsiteX61" fmla="*/ 2521598 w 2549733"/>
                <a:gd name="connsiteY61" fmla="*/ 2063346 h 2850492"/>
                <a:gd name="connsiteX62" fmla="*/ 2336336 w 2549733"/>
                <a:gd name="connsiteY62" fmla="*/ 2455967 h 2850492"/>
                <a:gd name="connsiteX63" fmla="*/ 2093068 w 2549733"/>
                <a:gd name="connsiteY63" fmla="*/ 2741717 h 2850492"/>
                <a:gd name="connsiteX64" fmla="*/ 1877898 w 2549733"/>
                <a:gd name="connsiteY64" fmla="*/ 2845634 h 2850492"/>
                <a:gd name="connsiteX65" fmla="*/ 1817128 w 2549733"/>
                <a:gd name="connsiteY65" fmla="*/ 2769054 h 2850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2549733" h="2850492">
                  <a:moveTo>
                    <a:pt x="1874564" y="2850492"/>
                  </a:moveTo>
                  <a:lnTo>
                    <a:pt x="1877231" y="2850492"/>
                  </a:lnTo>
                  <a:cubicBezTo>
                    <a:pt x="1949145" y="2848302"/>
                    <a:pt x="2044681" y="2814678"/>
                    <a:pt x="2096306" y="2744574"/>
                  </a:cubicBezTo>
                  <a:cubicBezTo>
                    <a:pt x="2146218" y="2676470"/>
                    <a:pt x="2289854" y="2509021"/>
                    <a:pt x="2339194" y="2458824"/>
                  </a:cubicBezTo>
                  <a:cubicBezTo>
                    <a:pt x="2388534" y="2408627"/>
                    <a:pt x="2520169" y="2149357"/>
                    <a:pt x="2525789" y="2063155"/>
                  </a:cubicBezTo>
                  <a:cubicBezTo>
                    <a:pt x="2527218" y="2041819"/>
                    <a:pt x="2530170" y="2012578"/>
                    <a:pt x="2533599" y="1978764"/>
                  </a:cubicBezTo>
                  <a:cubicBezTo>
                    <a:pt x="2543124" y="1883514"/>
                    <a:pt x="2556459" y="1752831"/>
                    <a:pt x="2545791" y="1693967"/>
                  </a:cubicBezTo>
                  <a:cubicBezTo>
                    <a:pt x="2531980" y="1617767"/>
                    <a:pt x="2521407" y="1314871"/>
                    <a:pt x="2525789" y="1242862"/>
                  </a:cubicBezTo>
                  <a:cubicBezTo>
                    <a:pt x="2529884" y="1175426"/>
                    <a:pt x="2486450" y="762421"/>
                    <a:pt x="2434063" y="636692"/>
                  </a:cubicBezTo>
                  <a:cubicBezTo>
                    <a:pt x="2421109" y="605450"/>
                    <a:pt x="2405488" y="563445"/>
                    <a:pt x="2389010" y="518962"/>
                  </a:cubicBezTo>
                  <a:cubicBezTo>
                    <a:pt x="2339004" y="383898"/>
                    <a:pt x="2276805" y="215687"/>
                    <a:pt x="2221751" y="169109"/>
                  </a:cubicBezTo>
                  <a:cubicBezTo>
                    <a:pt x="2210511" y="159584"/>
                    <a:pt x="1944668" y="-62729"/>
                    <a:pt x="1735976" y="17376"/>
                  </a:cubicBezTo>
                  <a:cubicBezTo>
                    <a:pt x="1730737" y="19186"/>
                    <a:pt x="1418031" y="125485"/>
                    <a:pt x="1317637" y="220354"/>
                  </a:cubicBezTo>
                  <a:cubicBezTo>
                    <a:pt x="1213720" y="318461"/>
                    <a:pt x="957307" y="487816"/>
                    <a:pt x="909110" y="516200"/>
                  </a:cubicBezTo>
                  <a:cubicBezTo>
                    <a:pt x="893585" y="525725"/>
                    <a:pt x="861485" y="545442"/>
                    <a:pt x="820528" y="570874"/>
                  </a:cubicBezTo>
                  <a:cubicBezTo>
                    <a:pt x="722611" y="631929"/>
                    <a:pt x="574688" y="724227"/>
                    <a:pt x="546303" y="733275"/>
                  </a:cubicBezTo>
                  <a:cubicBezTo>
                    <a:pt x="506489" y="746039"/>
                    <a:pt x="277507" y="878246"/>
                    <a:pt x="242551" y="937872"/>
                  </a:cubicBezTo>
                  <a:cubicBezTo>
                    <a:pt x="209118" y="995022"/>
                    <a:pt x="140252" y="1152185"/>
                    <a:pt x="82912" y="1316491"/>
                  </a:cubicBezTo>
                  <a:cubicBezTo>
                    <a:pt x="31953" y="1462604"/>
                    <a:pt x="26238" y="1533185"/>
                    <a:pt x="13760" y="1687966"/>
                  </a:cubicBezTo>
                  <a:cubicBezTo>
                    <a:pt x="12522" y="1702825"/>
                    <a:pt x="11284" y="1718446"/>
                    <a:pt x="9855" y="1734924"/>
                  </a:cubicBezTo>
                  <a:cubicBezTo>
                    <a:pt x="-908" y="1865226"/>
                    <a:pt x="-12434" y="2095636"/>
                    <a:pt x="31667" y="2175265"/>
                  </a:cubicBezTo>
                  <a:cubicBezTo>
                    <a:pt x="71291" y="2246798"/>
                    <a:pt x="190925" y="2360336"/>
                    <a:pt x="256933" y="2333952"/>
                  </a:cubicBezTo>
                  <a:cubicBezTo>
                    <a:pt x="322942" y="2307567"/>
                    <a:pt x="527824" y="2171360"/>
                    <a:pt x="574306" y="2132212"/>
                  </a:cubicBezTo>
                  <a:cubicBezTo>
                    <a:pt x="618788" y="2094778"/>
                    <a:pt x="906443" y="1900564"/>
                    <a:pt x="982548" y="1900564"/>
                  </a:cubicBezTo>
                  <a:lnTo>
                    <a:pt x="982739" y="1900564"/>
                  </a:lnTo>
                  <a:cubicBezTo>
                    <a:pt x="1024458" y="1901136"/>
                    <a:pt x="1063225" y="1913994"/>
                    <a:pt x="1100658" y="1926472"/>
                  </a:cubicBezTo>
                  <a:cubicBezTo>
                    <a:pt x="1131424" y="1936759"/>
                    <a:pt x="1160475" y="1946474"/>
                    <a:pt x="1187145" y="1947427"/>
                  </a:cubicBezTo>
                  <a:cubicBezTo>
                    <a:pt x="1233341" y="1949141"/>
                    <a:pt x="1341545" y="1953142"/>
                    <a:pt x="1411364" y="2034962"/>
                  </a:cubicBezTo>
                  <a:cubicBezTo>
                    <a:pt x="1477467" y="2112590"/>
                    <a:pt x="1625962" y="2386053"/>
                    <a:pt x="1661204" y="2464825"/>
                  </a:cubicBezTo>
                  <a:cubicBezTo>
                    <a:pt x="1683302" y="2514260"/>
                    <a:pt x="1725498" y="2588650"/>
                    <a:pt x="1759312" y="2648943"/>
                  </a:cubicBezTo>
                  <a:cubicBezTo>
                    <a:pt x="1777409" y="2680947"/>
                    <a:pt x="1792935" y="2708570"/>
                    <a:pt x="1799983" y="2722762"/>
                  </a:cubicBezTo>
                  <a:cubicBezTo>
                    <a:pt x="1806144" y="2737794"/>
                    <a:pt x="1810246" y="2753589"/>
                    <a:pt x="1812176" y="2769720"/>
                  </a:cubicBezTo>
                  <a:cubicBezTo>
                    <a:pt x="1818938" y="2807725"/>
                    <a:pt x="1826273" y="2850492"/>
                    <a:pt x="1874564" y="2850492"/>
                  </a:cubicBezTo>
                  <a:close/>
                  <a:moveTo>
                    <a:pt x="1817414" y="2769054"/>
                  </a:moveTo>
                  <a:cubicBezTo>
                    <a:pt x="1815457" y="2752487"/>
                    <a:pt x="1811227" y="2736268"/>
                    <a:pt x="1804841" y="2720857"/>
                  </a:cubicBezTo>
                  <a:cubicBezTo>
                    <a:pt x="1797793" y="2706570"/>
                    <a:pt x="1782172" y="2678852"/>
                    <a:pt x="1764075" y="2646848"/>
                  </a:cubicBezTo>
                  <a:cubicBezTo>
                    <a:pt x="1730260" y="2586936"/>
                    <a:pt x="1687875" y="2512355"/>
                    <a:pt x="1666157" y="2463111"/>
                  </a:cubicBezTo>
                  <a:cubicBezTo>
                    <a:pt x="1630819" y="2384053"/>
                    <a:pt x="1481944" y="2109923"/>
                    <a:pt x="1415555" y="2032104"/>
                  </a:cubicBezTo>
                  <a:cubicBezTo>
                    <a:pt x="1344403" y="1948570"/>
                    <a:pt x="1234580" y="1944570"/>
                    <a:pt x="1187907" y="1942855"/>
                  </a:cubicBezTo>
                  <a:cubicBezTo>
                    <a:pt x="1161904" y="1941902"/>
                    <a:pt x="1133138" y="1932282"/>
                    <a:pt x="1102754" y="1922185"/>
                  </a:cubicBezTo>
                  <a:cubicBezTo>
                    <a:pt x="1066654" y="1910184"/>
                    <a:pt x="1025791" y="1896563"/>
                    <a:pt x="983310" y="1895992"/>
                  </a:cubicBezTo>
                  <a:lnTo>
                    <a:pt x="982739" y="1895992"/>
                  </a:lnTo>
                  <a:cubicBezTo>
                    <a:pt x="903872" y="1895992"/>
                    <a:pt x="617645" y="2089826"/>
                    <a:pt x="571354" y="2128783"/>
                  </a:cubicBezTo>
                  <a:cubicBezTo>
                    <a:pt x="525062" y="2167740"/>
                    <a:pt x="320751" y="2303472"/>
                    <a:pt x="255314" y="2329761"/>
                  </a:cubicBezTo>
                  <a:cubicBezTo>
                    <a:pt x="191497" y="2355288"/>
                    <a:pt x="74339" y="2243369"/>
                    <a:pt x="36239" y="2173170"/>
                  </a:cubicBezTo>
                  <a:cubicBezTo>
                    <a:pt x="4045" y="2114971"/>
                    <a:pt x="-3480" y="1959524"/>
                    <a:pt x="15094" y="1735591"/>
                  </a:cubicBezTo>
                  <a:cubicBezTo>
                    <a:pt x="16522" y="1719018"/>
                    <a:pt x="17761" y="1703396"/>
                    <a:pt x="18904" y="1688538"/>
                  </a:cubicBezTo>
                  <a:cubicBezTo>
                    <a:pt x="31381" y="1534423"/>
                    <a:pt x="37097" y="1464129"/>
                    <a:pt x="87960" y="1318491"/>
                  </a:cubicBezTo>
                  <a:cubicBezTo>
                    <a:pt x="145110" y="1154566"/>
                    <a:pt x="213785" y="997689"/>
                    <a:pt x="247123" y="940730"/>
                  </a:cubicBezTo>
                  <a:cubicBezTo>
                    <a:pt x="281698" y="881865"/>
                    <a:pt x="508679" y="750992"/>
                    <a:pt x="548303" y="738323"/>
                  </a:cubicBezTo>
                  <a:cubicBezTo>
                    <a:pt x="576878" y="728798"/>
                    <a:pt x="719753" y="640216"/>
                    <a:pt x="823576" y="575351"/>
                  </a:cubicBezTo>
                  <a:cubicBezTo>
                    <a:pt x="864343" y="549919"/>
                    <a:pt x="896537" y="529821"/>
                    <a:pt x="911968" y="520772"/>
                  </a:cubicBezTo>
                  <a:cubicBezTo>
                    <a:pt x="960260" y="492197"/>
                    <a:pt x="1216768" y="322652"/>
                    <a:pt x="1321543" y="224259"/>
                  </a:cubicBezTo>
                  <a:cubicBezTo>
                    <a:pt x="1421555" y="129866"/>
                    <a:pt x="1735118" y="23472"/>
                    <a:pt x="1738262" y="22424"/>
                  </a:cubicBezTo>
                  <a:cubicBezTo>
                    <a:pt x="1769149" y="10775"/>
                    <a:pt x="1801931" y="4962"/>
                    <a:pt x="1834941" y="5279"/>
                  </a:cubicBezTo>
                  <a:cubicBezTo>
                    <a:pt x="2018487" y="5279"/>
                    <a:pt x="2209845" y="165204"/>
                    <a:pt x="2219274" y="173205"/>
                  </a:cubicBezTo>
                  <a:cubicBezTo>
                    <a:pt x="2273281" y="219020"/>
                    <a:pt x="2335289" y="386565"/>
                    <a:pt x="2385200" y="521153"/>
                  </a:cubicBezTo>
                  <a:cubicBezTo>
                    <a:pt x="2401678" y="565635"/>
                    <a:pt x="2417203" y="607735"/>
                    <a:pt x="2430253" y="638978"/>
                  </a:cubicBezTo>
                  <a:cubicBezTo>
                    <a:pt x="2482450" y="764231"/>
                    <a:pt x="2525503" y="1175807"/>
                    <a:pt x="2521598" y="1243053"/>
                  </a:cubicBezTo>
                  <a:cubicBezTo>
                    <a:pt x="2517026" y="1317158"/>
                    <a:pt x="2527503" y="1617195"/>
                    <a:pt x="2541600" y="1695300"/>
                  </a:cubicBezTo>
                  <a:cubicBezTo>
                    <a:pt x="2552173" y="1753498"/>
                    <a:pt x="2539029" y="1883705"/>
                    <a:pt x="2529408" y="1978764"/>
                  </a:cubicBezTo>
                  <a:cubicBezTo>
                    <a:pt x="2525979" y="2012673"/>
                    <a:pt x="2523027" y="2041915"/>
                    <a:pt x="2521598" y="2063346"/>
                  </a:cubicBezTo>
                  <a:cubicBezTo>
                    <a:pt x="2515787" y="2147452"/>
                    <a:pt x="2382151" y="2409770"/>
                    <a:pt x="2336336" y="2455967"/>
                  </a:cubicBezTo>
                  <a:cubicBezTo>
                    <a:pt x="2286901" y="2505782"/>
                    <a:pt x="2143074" y="2673518"/>
                    <a:pt x="2093068" y="2741717"/>
                  </a:cubicBezTo>
                  <a:cubicBezTo>
                    <a:pt x="2043062" y="2809916"/>
                    <a:pt x="1948669" y="2843444"/>
                    <a:pt x="1877898" y="2845634"/>
                  </a:cubicBezTo>
                  <a:cubicBezTo>
                    <a:pt x="1830464" y="2847158"/>
                    <a:pt x="1823987" y="2809249"/>
                    <a:pt x="1817128" y="27690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93">
              <a:extLst>
                <a:ext uri="{FF2B5EF4-FFF2-40B4-BE49-F238E27FC236}">
                  <a16:creationId xmlns:a16="http://schemas.microsoft.com/office/drawing/2014/main" id="{B4AA3D64-D7B4-A34F-942A-4F042E00DB38}"/>
                </a:ext>
              </a:extLst>
            </p:cNvPr>
            <p:cNvSpPr/>
            <p:nvPr/>
          </p:nvSpPr>
          <p:spPr>
            <a:xfrm>
              <a:off x="4002680" y="4780961"/>
              <a:ext cx="2135384" cy="2065417"/>
            </a:xfrm>
            <a:custGeom>
              <a:avLst/>
              <a:gdLst>
                <a:gd name="connsiteX0" fmla="*/ 1431141 w 2135384"/>
                <a:gd name="connsiteY0" fmla="*/ 1805290 h 2065417"/>
                <a:gd name="connsiteX1" fmla="*/ 1580875 w 2135384"/>
                <a:gd name="connsiteY1" fmla="*/ 2049797 h 2065417"/>
                <a:gd name="connsiteX2" fmla="*/ 1645169 w 2135384"/>
                <a:gd name="connsiteY2" fmla="*/ 2065418 h 2065417"/>
                <a:gd name="connsiteX3" fmla="*/ 1818047 w 2135384"/>
                <a:gd name="connsiteY3" fmla="*/ 1968453 h 2065417"/>
                <a:gd name="connsiteX4" fmla="*/ 2077508 w 2135384"/>
                <a:gd name="connsiteY4" fmla="*/ 1558402 h 2065417"/>
                <a:gd name="connsiteX5" fmla="*/ 2127610 w 2135384"/>
                <a:gd name="connsiteY5" fmla="*/ 909273 h 2065417"/>
                <a:gd name="connsiteX6" fmla="*/ 2118085 w 2135384"/>
                <a:gd name="connsiteY6" fmla="*/ 838598 h 2065417"/>
                <a:gd name="connsiteX7" fmla="*/ 2017596 w 2135384"/>
                <a:gd name="connsiteY7" fmla="*/ 431594 h 2065417"/>
                <a:gd name="connsiteX8" fmla="*/ 1682030 w 2135384"/>
                <a:gd name="connsiteY8" fmla="*/ 47070 h 2065417"/>
                <a:gd name="connsiteX9" fmla="*/ 1428189 w 2135384"/>
                <a:gd name="connsiteY9" fmla="*/ 21353 h 2065417"/>
                <a:gd name="connsiteX10" fmla="*/ 1135771 w 2135384"/>
                <a:gd name="connsiteY10" fmla="*/ 183849 h 2065417"/>
                <a:gd name="connsiteX11" fmla="*/ 817636 w 2135384"/>
                <a:gd name="connsiteY11" fmla="*/ 436833 h 2065417"/>
                <a:gd name="connsiteX12" fmla="*/ 702098 w 2135384"/>
                <a:gd name="connsiteY12" fmla="*/ 498079 h 2065417"/>
                <a:gd name="connsiteX13" fmla="*/ 550555 w 2135384"/>
                <a:gd name="connsiteY13" fmla="*/ 573136 h 2065417"/>
                <a:gd name="connsiteX14" fmla="*/ 506264 w 2135384"/>
                <a:gd name="connsiteY14" fmla="*/ 581423 h 2065417"/>
                <a:gd name="connsiteX15" fmla="*/ 389869 w 2135384"/>
                <a:gd name="connsiteY15" fmla="*/ 626571 h 2065417"/>
                <a:gd name="connsiteX16" fmla="*/ 209370 w 2135384"/>
                <a:gd name="connsiteY16" fmla="*/ 750396 h 2065417"/>
                <a:gd name="connsiteX17" fmla="*/ 209370 w 2135384"/>
                <a:gd name="connsiteY17" fmla="*/ 750396 h 2065417"/>
                <a:gd name="connsiteX18" fmla="*/ 27252 w 2135384"/>
                <a:gd name="connsiteY18" fmla="*/ 1139588 h 2065417"/>
                <a:gd name="connsiteX19" fmla="*/ 13631 w 2135384"/>
                <a:gd name="connsiteY19" fmla="*/ 1262270 h 2065417"/>
                <a:gd name="connsiteX20" fmla="*/ 1535 w 2135384"/>
                <a:gd name="connsiteY20" fmla="*/ 1419051 h 2065417"/>
                <a:gd name="connsiteX21" fmla="*/ 58685 w 2135384"/>
                <a:gd name="connsiteY21" fmla="*/ 1524779 h 2065417"/>
                <a:gd name="connsiteX22" fmla="*/ 118692 w 2135384"/>
                <a:gd name="connsiteY22" fmla="*/ 1536114 h 2065417"/>
                <a:gd name="connsiteX23" fmla="*/ 394250 w 2135384"/>
                <a:gd name="connsiteY23" fmla="*/ 1374189 h 2065417"/>
                <a:gd name="connsiteX24" fmla="*/ 450067 w 2135384"/>
                <a:gd name="connsiteY24" fmla="*/ 1326564 h 2065417"/>
                <a:gd name="connsiteX25" fmla="*/ 692002 w 2135384"/>
                <a:gd name="connsiteY25" fmla="*/ 1146922 h 2065417"/>
                <a:gd name="connsiteX26" fmla="*/ 716862 w 2135384"/>
                <a:gd name="connsiteY26" fmla="*/ 1141969 h 2065417"/>
                <a:gd name="connsiteX27" fmla="*/ 901361 w 2135384"/>
                <a:gd name="connsiteY27" fmla="*/ 1146065 h 2065417"/>
                <a:gd name="connsiteX28" fmla="*/ 1079193 w 2135384"/>
                <a:gd name="connsiteY28" fmla="*/ 1300846 h 2065417"/>
                <a:gd name="connsiteX29" fmla="*/ 1218925 w 2135384"/>
                <a:gd name="connsiteY29" fmla="*/ 1420956 h 2065417"/>
                <a:gd name="connsiteX30" fmla="*/ 1411520 w 2135384"/>
                <a:gd name="connsiteY30" fmla="*/ 1754903 h 2065417"/>
                <a:gd name="connsiteX31" fmla="*/ 1431141 w 2135384"/>
                <a:gd name="connsiteY31" fmla="*/ 1805290 h 2065417"/>
                <a:gd name="connsiteX32" fmla="*/ 1435523 w 2135384"/>
                <a:gd name="connsiteY32" fmla="*/ 1803575 h 2065417"/>
                <a:gd name="connsiteX33" fmla="*/ 1415330 w 2135384"/>
                <a:gd name="connsiteY33" fmla="*/ 1752712 h 2065417"/>
                <a:gd name="connsiteX34" fmla="*/ 1221878 w 2135384"/>
                <a:gd name="connsiteY34" fmla="*/ 1417623 h 2065417"/>
                <a:gd name="connsiteX35" fmla="*/ 1081574 w 2135384"/>
                <a:gd name="connsiteY35" fmla="*/ 1296846 h 2065417"/>
                <a:gd name="connsiteX36" fmla="*/ 904504 w 2135384"/>
                <a:gd name="connsiteY36" fmla="*/ 1142826 h 2065417"/>
                <a:gd name="connsiteX37" fmla="*/ 715338 w 2135384"/>
                <a:gd name="connsiteY37" fmla="*/ 1137016 h 2065417"/>
                <a:gd name="connsiteX38" fmla="*/ 690573 w 2135384"/>
                <a:gd name="connsiteY38" fmla="*/ 1141969 h 2065417"/>
                <a:gd name="connsiteX39" fmla="*/ 446352 w 2135384"/>
                <a:gd name="connsiteY39" fmla="*/ 1322944 h 2065417"/>
                <a:gd name="connsiteX40" fmla="*/ 390631 w 2135384"/>
                <a:gd name="connsiteY40" fmla="*/ 1370569 h 2065417"/>
                <a:gd name="connsiteX41" fmla="*/ 117073 w 2135384"/>
                <a:gd name="connsiteY41" fmla="*/ 1532018 h 2065417"/>
                <a:gd name="connsiteX42" fmla="*/ 60780 w 2135384"/>
                <a:gd name="connsiteY42" fmla="*/ 1521350 h 2065417"/>
                <a:gd name="connsiteX43" fmla="*/ 5535 w 2135384"/>
                <a:gd name="connsiteY43" fmla="*/ 1418956 h 2065417"/>
                <a:gd name="connsiteX44" fmla="*/ 17631 w 2135384"/>
                <a:gd name="connsiteY44" fmla="*/ 1263508 h 2065417"/>
                <a:gd name="connsiteX45" fmla="*/ 31348 w 2135384"/>
                <a:gd name="connsiteY45" fmla="*/ 1139683 h 2065417"/>
                <a:gd name="connsiteX46" fmla="*/ 212323 w 2135384"/>
                <a:gd name="connsiteY46" fmla="*/ 753539 h 2065417"/>
                <a:gd name="connsiteX47" fmla="*/ 392059 w 2135384"/>
                <a:gd name="connsiteY47" fmla="*/ 630381 h 2065417"/>
                <a:gd name="connsiteX48" fmla="*/ 506360 w 2135384"/>
                <a:gd name="connsiteY48" fmla="*/ 585709 h 2065417"/>
                <a:gd name="connsiteX49" fmla="*/ 551318 w 2135384"/>
                <a:gd name="connsiteY49" fmla="*/ 577327 h 2065417"/>
                <a:gd name="connsiteX50" fmla="*/ 703717 w 2135384"/>
                <a:gd name="connsiteY50" fmla="*/ 501889 h 2065417"/>
                <a:gd name="connsiteX51" fmla="*/ 818779 w 2135384"/>
                <a:gd name="connsiteY51" fmla="*/ 440833 h 2065417"/>
                <a:gd name="connsiteX52" fmla="*/ 1138438 w 2135384"/>
                <a:gd name="connsiteY52" fmla="*/ 186706 h 2065417"/>
                <a:gd name="connsiteX53" fmla="*/ 1429427 w 2135384"/>
                <a:gd name="connsiteY53" fmla="*/ 25353 h 2065417"/>
                <a:gd name="connsiteX54" fmla="*/ 1524677 w 2135384"/>
                <a:gd name="connsiteY54" fmla="*/ 3922 h 2065417"/>
                <a:gd name="connsiteX55" fmla="*/ 1678601 w 2135384"/>
                <a:gd name="connsiteY55" fmla="*/ 50785 h 2065417"/>
                <a:gd name="connsiteX56" fmla="*/ 2011976 w 2135384"/>
                <a:gd name="connsiteY56" fmla="*/ 433214 h 2065417"/>
                <a:gd name="connsiteX57" fmla="*/ 2111989 w 2135384"/>
                <a:gd name="connsiteY57" fmla="*/ 838884 h 2065417"/>
                <a:gd name="connsiteX58" fmla="*/ 2121514 w 2135384"/>
                <a:gd name="connsiteY58" fmla="*/ 909559 h 2065417"/>
                <a:gd name="connsiteX59" fmla="*/ 2071602 w 2135384"/>
                <a:gd name="connsiteY59" fmla="*/ 1556497 h 2065417"/>
                <a:gd name="connsiteX60" fmla="*/ 1813284 w 2135384"/>
                <a:gd name="connsiteY60" fmla="*/ 1964643 h 2065417"/>
                <a:gd name="connsiteX61" fmla="*/ 1581542 w 2135384"/>
                <a:gd name="connsiteY61" fmla="*/ 2045224 h 2065417"/>
                <a:gd name="connsiteX62" fmla="*/ 1435523 w 2135384"/>
                <a:gd name="connsiteY62" fmla="*/ 1803575 h 206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Lst>
              <a:rect l="l" t="t" r="r" b="b"/>
              <a:pathLst>
                <a:path w="2135384" h="2065417">
                  <a:moveTo>
                    <a:pt x="1431141" y="1805290"/>
                  </a:moveTo>
                  <a:cubicBezTo>
                    <a:pt x="1465336" y="1894349"/>
                    <a:pt x="1512295" y="2016364"/>
                    <a:pt x="1580875" y="2049797"/>
                  </a:cubicBezTo>
                  <a:cubicBezTo>
                    <a:pt x="1600813" y="2059897"/>
                    <a:pt x="1622819" y="2065244"/>
                    <a:pt x="1645169" y="2065418"/>
                  </a:cubicBezTo>
                  <a:cubicBezTo>
                    <a:pt x="1708891" y="2065418"/>
                    <a:pt x="1765565" y="2020174"/>
                    <a:pt x="1818047" y="1968453"/>
                  </a:cubicBezTo>
                  <a:cubicBezTo>
                    <a:pt x="1903200" y="1884633"/>
                    <a:pt x="2026549" y="1704039"/>
                    <a:pt x="2077508" y="1558402"/>
                  </a:cubicBezTo>
                  <a:cubicBezTo>
                    <a:pt x="2129419" y="1409907"/>
                    <a:pt x="2147231" y="1034527"/>
                    <a:pt x="2127610" y="909273"/>
                  </a:cubicBezTo>
                  <a:cubicBezTo>
                    <a:pt x="2124276" y="887651"/>
                    <a:pt x="2121133" y="863839"/>
                    <a:pt x="2118085" y="838598"/>
                  </a:cubicBezTo>
                  <a:cubicBezTo>
                    <a:pt x="2102559" y="721916"/>
                    <a:pt x="2083319" y="576660"/>
                    <a:pt x="2017596" y="431594"/>
                  </a:cubicBezTo>
                  <a:cubicBezTo>
                    <a:pt x="1938824" y="257477"/>
                    <a:pt x="1737370" y="77645"/>
                    <a:pt x="1682030" y="47070"/>
                  </a:cubicBezTo>
                  <a:cubicBezTo>
                    <a:pt x="1643930" y="25829"/>
                    <a:pt x="1541822" y="-30558"/>
                    <a:pt x="1428189" y="21353"/>
                  </a:cubicBezTo>
                  <a:cubicBezTo>
                    <a:pt x="1324557" y="68978"/>
                    <a:pt x="1182730" y="133557"/>
                    <a:pt x="1135771" y="183849"/>
                  </a:cubicBezTo>
                  <a:cubicBezTo>
                    <a:pt x="1087385" y="235570"/>
                    <a:pt x="894979" y="401876"/>
                    <a:pt x="817636" y="436833"/>
                  </a:cubicBezTo>
                  <a:cubicBezTo>
                    <a:pt x="784299" y="451883"/>
                    <a:pt x="742579" y="475409"/>
                    <a:pt x="702098" y="498079"/>
                  </a:cubicBezTo>
                  <a:cubicBezTo>
                    <a:pt x="644948" y="530083"/>
                    <a:pt x="586274" y="563230"/>
                    <a:pt x="550555" y="573136"/>
                  </a:cubicBezTo>
                  <a:cubicBezTo>
                    <a:pt x="536047" y="577122"/>
                    <a:pt x="521232" y="579894"/>
                    <a:pt x="506264" y="581423"/>
                  </a:cubicBezTo>
                  <a:cubicBezTo>
                    <a:pt x="479689" y="584566"/>
                    <a:pt x="458639" y="587043"/>
                    <a:pt x="389869" y="626571"/>
                  </a:cubicBezTo>
                  <a:cubicBezTo>
                    <a:pt x="326712" y="663308"/>
                    <a:pt x="266379" y="704698"/>
                    <a:pt x="209370" y="750396"/>
                  </a:cubicBezTo>
                  <a:lnTo>
                    <a:pt x="209370" y="750396"/>
                  </a:lnTo>
                  <a:cubicBezTo>
                    <a:pt x="151172" y="824977"/>
                    <a:pt x="30205" y="1052148"/>
                    <a:pt x="27252" y="1139588"/>
                  </a:cubicBezTo>
                  <a:cubicBezTo>
                    <a:pt x="26014" y="1175307"/>
                    <a:pt x="19727" y="1219502"/>
                    <a:pt x="13631" y="1262270"/>
                  </a:cubicBezTo>
                  <a:cubicBezTo>
                    <a:pt x="4773" y="1323706"/>
                    <a:pt x="-3514" y="1381713"/>
                    <a:pt x="1535" y="1419051"/>
                  </a:cubicBezTo>
                  <a:cubicBezTo>
                    <a:pt x="7535" y="1463628"/>
                    <a:pt x="30110" y="1504776"/>
                    <a:pt x="58685" y="1524779"/>
                  </a:cubicBezTo>
                  <a:cubicBezTo>
                    <a:pt x="76042" y="1537210"/>
                    <a:pt x="97996" y="1541357"/>
                    <a:pt x="118692" y="1536114"/>
                  </a:cubicBezTo>
                  <a:cubicBezTo>
                    <a:pt x="182223" y="1520778"/>
                    <a:pt x="329575" y="1426957"/>
                    <a:pt x="394250" y="1374189"/>
                  </a:cubicBezTo>
                  <a:cubicBezTo>
                    <a:pt x="408633" y="1362282"/>
                    <a:pt x="427873" y="1345614"/>
                    <a:pt x="450067" y="1326564"/>
                  </a:cubicBezTo>
                  <a:cubicBezTo>
                    <a:pt x="528743" y="1258364"/>
                    <a:pt x="647710" y="1155114"/>
                    <a:pt x="692002" y="1146922"/>
                  </a:cubicBezTo>
                  <a:lnTo>
                    <a:pt x="716862" y="1141969"/>
                  </a:lnTo>
                  <a:cubicBezTo>
                    <a:pt x="778774" y="1129301"/>
                    <a:pt x="872405" y="1110060"/>
                    <a:pt x="901361" y="1146065"/>
                  </a:cubicBezTo>
                  <a:cubicBezTo>
                    <a:pt x="920411" y="1169306"/>
                    <a:pt x="1000993" y="1236171"/>
                    <a:pt x="1079193" y="1300846"/>
                  </a:cubicBezTo>
                  <a:cubicBezTo>
                    <a:pt x="1143677" y="1354186"/>
                    <a:pt x="1204637" y="1404573"/>
                    <a:pt x="1218925" y="1420956"/>
                  </a:cubicBezTo>
                  <a:cubicBezTo>
                    <a:pt x="1249214" y="1455818"/>
                    <a:pt x="1377135" y="1674702"/>
                    <a:pt x="1411520" y="1754903"/>
                  </a:cubicBezTo>
                  <a:cubicBezTo>
                    <a:pt x="1417045" y="1768619"/>
                    <a:pt x="1423522" y="1785668"/>
                    <a:pt x="1431141" y="1805290"/>
                  </a:cubicBezTo>
                  <a:close/>
                  <a:moveTo>
                    <a:pt x="1435523" y="1803575"/>
                  </a:moveTo>
                  <a:cubicBezTo>
                    <a:pt x="1427903" y="1783858"/>
                    <a:pt x="1421426" y="1766809"/>
                    <a:pt x="1415330" y="1752712"/>
                  </a:cubicBezTo>
                  <a:cubicBezTo>
                    <a:pt x="1383326" y="1678036"/>
                    <a:pt x="1254929" y="1455627"/>
                    <a:pt x="1221878" y="1417623"/>
                  </a:cubicBezTo>
                  <a:cubicBezTo>
                    <a:pt x="1207399" y="1400859"/>
                    <a:pt x="1146249" y="1350281"/>
                    <a:pt x="1081574" y="1296846"/>
                  </a:cubicBezTo>
                  <a:cubicBezTo>
                    <a:pt x="1007279" y="1235409"/>
                    <a:pt x="922983" y="1165686"/>
                    <a:pt x="904504" y="1142826"/>
                  </a:cubicBezTo>
                  <a:cubicBezTo>
                    <a:pt x="873739" y="1104726"/>
                    <a:pt x="778394" y="1123776"/>
                    <a:pt x="715338" y="1137016"/>
                  </a:cubicBezTo>
                  <a:lnTo>
                    <a:pt x="690573" y="1141969"/>
                  </a:lnTo>
                  <a:cubicBezTo>
                    <a:pt x="645044" y="1150446"/>
                    <a:pt x="530172" y="1249982"/>
                    <a:pt x="446352" y="1322944"/>
                  </a:cubicBezTo>
                  <a:cubicBezTo>
                    <a:pt x="424159" y="1341994"/>
                    <a:pt x="405013" y="1358758"/>
                    <a:pt x="390631" y="1370569"/>
                  </a:cubicBezTo>
                  <a:cubicBezTo>
                    <a:pt x="326337" y="1423528"/>
                    <a:pt x="179842" y="1516778"/>
                    <a:pt x="117073" y="1532018"/>
                  </a:cubicBezTo>
                  <a:cubicBezTo>
                    <a:pt x="97652" y="1536912"/>
                    <a:pt x="77063" y="1533010"/>
                    <a:pt x="60780" y="1521350"/>
                  </a:cubicBezTo>
                  <a:cubicBezTo>
                    <a:pt x="33062" y="1502299"/>
                    <a:pt x="11345" y="1462200"/>
                    <a:pt x="5535" y="1418956"/>
                  </a:cubicBezTo>
                  <a:cubicBezTo>
                    <a:pt x="677" y="1382189"/>
                    <a:pt x="9250" y="1321801"/>
                    <a:pt x="17631" y="1263508"/>
                  </a:cubicBezTo>
                  <a:cubicBezTo>
                    <a:pt x="23728" y="1220550"/>
                    <a:pt x="30110" y="1176164"/>
                    <a:pt x="31348" y="1139683"/>
                  </a:cubicBezTo>
                  <a:cubicBezTo>
                    <a:pt x="34014" y="1058244"/>
                    <a:pt x="147743" y="836407"/>
                    <a:pt x="212323" y="753539"/>
                  </a:cubicBezTo>
                  <a:cubicBezTo>
                    <a:pt x="269126" y="708125"/>
                    <a:pt x="329201" y="666960"/>
                    <a:pt x="392059" y="630381"/>
                  </a:cubicBezTo>
                  <a:cubicBezTo>
                    <a:pt x="460068" y="591234"/>
                    <a:pt x="480547" y="588852"/>
                    <a:pt x="506360" y="585709"/>
                  </a:cubicBezTo>
                  <a:cubicBezTo>
                    <a:pt x="521561" y="584229"/>
                    <a:pt x="536604" y="581424"/>
                    <a:pt x="551318" y="577327"/>
                  </a:cubicBezTo>
                  <a:cubicBezTo>
                    <a:pt x="587608" y="567230"/>
                    <a:pt x="646567" y="533988"/>
                    <a:pt x="703717" y="501889"/>
                  </a:cubicBezTo>
                  <a:cubicBezTo>
                    <a:pt x="744008" y="479219"/>
                    <a:pt x="785728" y="455788"/>
                    <a:pt x="818779" y="440833"/>
                  </a:cubicBezTo>
                  <a:cubicBezTo>
                    <a:pt x="896599" y="405591"/>
                    <a:pt x="1089956" y="238618"/>
                    <a:pt x="1138438" y="186706"/>
                  </a:cubicBezTo>
                  <a:cubicBezTo>
                    <a:pt x="1184825" y="137082"/>
                    <a:pt x="1331986" y="69835"/>
                    <a:pt x="1429427" y="25353"/>
                  </a:cubicBezTo>
                  <a:cubicBezTo>
                    <a:pt x="1459244" y="11376"/>
                    <a:pt x="1491747" y="4063"/>
                    <a:pt x="1524677" y="3922"/>
                  </a:cubicBezTo>
                  <a:cubicBezTo>
                    <a:pt x="1583828" y="3922"/>
                    <a:pt x="1636024" y="27258"/>
                    <a:pt x="1678601" y="50785"/>
                  </a:cubicBezTo>
                  <a:cubicBezTo>
                    <a:pt x="1721178" y="74312"/>
                    <a:pt x="1929680" y="250810"/>
                    <a:pt x="2011976" y="433214"/>
                  </a:cubicBezTo>
                  <a:cubicBezTo>
                    <a:pt x="2077318" y="577613"/>
                    <a:pt x="2096558" y="722488"/>
                    <a:pt x="2111989" y="838884"/>
                  </a:cubicBezTo>
                  <a:cubicBezTo>
                    <a:pt x="2115322" y="864124"/>
                    <a:pt x="2118466" y="887937"/>
                    <a:pt x="2121514" y="909559"/>
                  </a:cubicBezTo>
                  <a:cubicBezTo>
                    <a:pt x="2140564" y="1034527"/>
                    <a:pt x="2123324" y="1408478"/>
                    <a:pt x="2071602" y="1556497"/>
                  </a:cubicBezTo>
                  <a:cubicBezTo>
                    <a:pt x="2020835" y="1701468"/>
                    <a:pt x="1898057" y="1881300"/>
                    <a:pt x="1813284" y="1964643"/>
                  </a:cubicBezTo>
                  <a:cubicBezTo>
                    <a:pt x="1744990" y="2031890"/>
                    <a:pt x="1669648" y="2088468"/>
                    <a:pt x="1581542" y="2045224"/>
                  </a:cubicBezTo>
                  <a:cubicBezTo>
                    <a:pt x="1516010" y="2012935"/>
                    <a:pt x="1467622" y="1886538"/>
                    <a:pt x="1435523" y="180357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94">
              <a:extLst>
                <a:ext uri="{FF2B5EF4-FFF2-40B4-BE49-F238E27FC236}">
                  <a16:creationId xmlns:a16="http://schemas.microsoft.com/office/drawing/2014/main" id="{88BFB413-85DC-CD41-AD27-96A15DDD4316}"/>
                </a:ext>
              </a:extLst>
            </p:cNvPr>
            <p:cNvSpPr/>
            <p:nvPr/>
          </p:nvSpPr>
          <p:spPr>
            <a:xfrm>
              <a:off x="4153183" y="5557475"/>
              <a:ext cx="407957" cy="463467"/>
            </a:xfrm>
            <a:custGeom>
              <a:avLst/>
              <a:gdLst>
                <a:gd name="connsiteX0" fmla="*/ 407196 w 407957"/>
                <a:gd name="connsiteY0" fmla="*/ 86944 h 463467"/>
                <a:gd name="connsiteX1" fmla="*/ 396623 w 407957"/>
                <a:gd name="connsiteY1" fmla="*/ 1219 h 463467"/>
                <a:gd name="connsiteX2" fmla="*/ 376716 w 407957"/>
                <a:gd name="connsiteY2" fmla="*/ 1219 h 463467"/>
                <a:gd name="connsiteX3" fmla="*/ 201456 w 407957"/>
                <a:gd name="connsiteY3" fmla="*/ 99803 h 463467"/>
                <a:gd name="connsiteX4" fmla="*/ 144306 w 407957"/>
                <a:gd name="connsiteY4" fmla="*/ 145427 h 463467"/>
                <a:gd name="connsiteX5" fmla="*/ 39531 w 407957"/>
                <a:gd name="connsiteY5" fmla="*/ 267348 h 463467"/>
                <a:gd name="connsiteX6" fmla="*/ 15147 w 407957"/>
                <a:gd name="connsiteY6" fmla="*/ 331832 h 463467"/>
                <a:gd name="connsiteX7" fmla="*/ 17433 w 407957"/>
                <a:gd name="connsiteY7" fmla="*/ 403840 h 463467"/>
                <a:gd name="connsiteX8" fmla="*/ 138020 w 407957"/>
                <a:gd name="connsiteY8" fmla="*/ 463467 h 463467"/>
                <a:gd name="connsiteX9" fmla="*/ 180215 w 407957"/>
                <a:gd name="connsiteY9" fmla="*/ 453085 h 463467"/>
                <a:gd name="connsiteX10" fmla="*/ 318614 w 407957"/>
                <a:gd name="connsiteY10" fmla="*/ 294113 h 463467"/>
                <a:gd name="connsiteX11" fmla="*/ 357571 w 407957"/>
                <a:gd name="connsiteY11" fmla="*/ 216294 h 463467"/>
                <a:gd name="connsiteX12" fmla="*/ 407482 w 407957"/>
                <a:gd name="connsiteY12" fmla="*/ 93040 h 463467"/>
                <a:gd name="connsiteX13" fmla="*/ 402434 w 407957"/>
                <a:gd name="connsiteY13" fmla="*/ 86944 h 463467"/>
                <a:gd name="connsiteX14" fmla="*/ 402434 w 407957"/>
                <a:gd name="connsiteY14" fmla="*/ 92944 h 463467"/>
                <a:gd name="connsiteX15" fmla="*/ 353094 w 407957"/>
                <a:gd name="connsiteY15" fmla="*/ 213912 h 463467"/>
                <a:gd name="connsiteX16" fmla="*/ 313851 w 407957"/>
                <a:gd name="connsiteY16" fmla="*/ 292493 h 463467"/>
                <a:gd name="connsiteX17" fmla="*/ 177739 w 407957"/>
                <a:gd name="connsiteY17" fmla="*/ 448799 h 463467"/>
                <a:gd name="connsiteX18" fmla="*/ 20195 w 407957"/>
                <a:gd name="connsiteY18" fmla="*/ 400126 h 463467"/>
                <a:gd name="connsiteX19" fmla="*/ 19052 w 407957"/>
                <a:gd name="connsiteY19" fmla="*/ 334117 h 463467"/>
                <a:gd name="connsiteX20" fmla="*/ 43912 w 407957"/>
                <a:gd name="connsiteY20" fmla="*/ 268109 h 463467"/>
                <a:gd name="connsiteX21" fmla="*/ 147259 w 407957"/>
                <a:gd name="connsiteY21" fmla="*/ 149237 h 463467"/>
                <a:gd name="connsiteX22" fmla="*/ 204409 w 407957"/>
                <a:gd name="connsiteY22" fmla="*/ 103231 h 463467"/>
                <a:gd name="connsiteX23" fmla="*/ 377954 w 407957"/>
                <a:gd name="connsiteY23" fmla="*/ 5791 h 463467"/>
                <a:gd name="connsiteX24" fmla="*/ 386051 w 407957"/>
                <a:gd name="connsiteY24" fmla="*/ 4839 h 463467"/>
                <a:gd name="connsiteX25" fmla="*/ 395576 w 407957"/>
                <a:gd name="connsiteY25" fmla="*/ 5886 h 463467"/>
                <a:gd name="connsiteX26" fmla="*/ 402434 w 407957"/>
                <a:gd name="connsiteY26" fmla="*/ 86849 h 463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07957" h="463467">
                  <a:moveTo>
                    <a:pt x="407196" y="86944"/>
                  </a:moveTo>
                  <a:cubicBezTo>
                    <a:pt x="408625" y="31604"/>
                    <a:pt x="409387" y="3790"/>
                    <a:pt x="396623" y="1219"/>
                  </a:cubicBezTo>
                  <a:cubicBezTo>
                    <a:pt x="390087" y="-406"/>
                    <a:pt x="383253" y="-406"/>
                    <a:pt x="376716" y="1219"/>
                  </a:cubicBezTo>
                  <a:cubicBezTo>
                    <a:pt x="375478" y="1219"/>
                    <a:pt x="258320" y="46844"/>
                    <a:pt x="201456" y="99803"/>
                  </a:cubicBezTo>
                  <a:cubicBezTo>
                    <a:pt x="183203" y="115983"/>
                    <a:pt x="164127" y="131211"/>
                    <a:pt x="144306" y="145427"/>
                  </a:cubicBezTo>
                  <a:cubicBezTo>
                    <a:pt x="96110" y="181337"/>
                    <a:pt x="46294" y="218389"/>
                    <a:pt x="39531" y="267348"/>
                  </a:cubicBezTo>
                  <a:cubicBezTo>
                    <a:pt x="35405" y="290150"/>
                    <a:pt x="27141" y="312005"/>
                    <a:pt x="15147" y="331832"/>
                  </a:cubicBezTo>
                  <a:cubicBezTo>
                    <a:pt x="574" y="359073"/>
                    <a:pt x="-10951" y="380599"/>
                    <a:pt x="17433" y="403840"/>
                  </a:cubicBezTo>
                  <a:cubicBezTo>
                    <a:pt x="53914" y="433558"/>
                    <a:pt x="94967" y="463467"/>
                    <a:pt x="138020" y="463467"/>
                  </a:cubicBezTo>
                  <a:cubicBezTo>
                    <a:pt x="152714" y="463440"/>
                    <a:pt x="167186" y="459879"/>
                    <a:pt x="180215" y="453085"/>
                  </a:cubicBezTo>
                  <a:cubicBezTo>
                    <a:pt x="238032" y="423653"/>
                    <a:pt x="293658" y="359740"/>
                    <a:pt x="318614" y="294113"/>
                  </a:cubicBezTo>
                  <a:cubicBezTo>
                    <a:pt x="329889" y="267352"/>
                    <a:pt x="342903" y="241356"/>
                    <a:pt x="357571" y="216294"/>
                  </a:cubicBezTo>
                  <a:cubicBezTo>
                    <a:pt x="381669" y="172859"/>
                    <a:pt x="406529" y="127901"/>
                    <a:pt x="407482" y="93040"/>
                  </a:cubicBezTo>
                  <a:close/>
                  <a:moveTo>
                    <a:pt x="402434" y="86944"/>
                  </a:moveTo>
                  <a:lnTo>
                    <a:pt x="402434" y="92944"/>
                  </a:lnTo>
                  <a:cubicBezTo>
                    <a:pt x="401481" y="126663"/>
                    <a:pt x="376907" y="171049"/>
                    <a:pt x="353094" y="213912"/>
                  </a:cubicBezTo>
                  <a:cubicBezTo>
                    <a:pt x="338290" y="239209"/>
                    <a:pt x="325181" y="265461"/>
                    <a:pt x="313851" y="292493"/>
                  </a:cubicBezTo>
                  <a:cubicBezTo>
                    <a:pt x="289277" y="357073"/>
                    <a:pt x="234603" y="419938"/>
                    <a:pt x="177739" y="448799"/>
                  </a:cubicBezTo>
                  <a:cubicBezTo>
                    <a:pt x="120875" y="477659"/>
                    <a:pt x="67249" y="438512"/>
                    <a:pt x="20195" y="400126"/>
                  </a:cubicBezTo>
                  <a:cubicBezTo>
                    <a:pt x="-5236" y="379361"/>
                    <a:pt x="4384" y="361359"/>
                    <a:pt x="19052" y="334117"/>
                  </a:cubicBezTo>
                  <a:cubicBezTo>
                    <a:pt x="31249" y="313792"/>
                    <a:pt x="39671" y="291430"/>
                    <a:pt x="43912" y="268109"/>
                  </a:cubicBezTo>
                  <a:cubicBezTo>
                    <a:pt x="50866" y="221056"/>
                    <a:pt x="99824" y="184575"/>
                    <a:pt x="147259" y="149237"/>
                  </a:cubicBezTo>
                  <a:cubicBezTo>
                    <a:pt x="167127" y="134948"/>
                    <a:pt x="186205" y="119590"/>
                    <a:pt x="204409" y="103231"/>
                  </a:cubicBezTo>
                  <a:cubicBezTo>
                    <a:pt x="260035" y="51415"/>
                    <a:pt x="374525" y="7125"/>
                    <a:pt x="377954" y="5791"/>
                  </a:cubicBezTo>
                  <a:cubicBezTo>
                    <a:pt x="380601" y="5126"/>
                    <a:pt x="383322" y="4806"/>
                    <a:pt x="386051" y="4839"/>
                  </a:cubicBezTo>
                  <a:cubicBezTo>
                    <a:pt x="389254" y="4842"/>
                    <a:pt x="392448" y="5193"/>
                    <a:pt x="395576" y="5886"/>
                  </a:cubicBezTo>
                  <a:cubicBezTo>
                    <a:pt x="404529" y="7696"/>
                    <a:pt x="403672" y="40843"/>
                    <a:pt x="402434" y="868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95">
              <a:extLst>
                <a:ext uri="{FF2B5EF4-FFF2-40B4-BE49-F238E27FC236}">
                  <a16:creationId xmlns:a16="http://schemas.microsoft.com/office/drawing/2014/main" id="{2444A257-C4BD-F442-AACE-A744757F59EC}"/>
                </a:ext>
              </a:extLst>
            </p:cNvPr>
            <p:cNvSpPr/>
            <p:nvPr/>
          </p:nvSpPr>
          <p:spPr>
            <a:xfrm>
              <a:off x="4890611" y="4924791"/>
              <a:ext cx="1187989" cy="1739661"/>
            </a:xfrm>
            <a:custGeom>
              <a:avLst/>
              <a:gdLst>
                <a:gd name="connsiteX0" fmla="*/ 348139 w 1187989"/>
                <a:gd name="connsiteY0" fmla="*/ 1184353 h 1739661"/>
                <a:gd name="connsiteX1" fmla="*/ 555784 w 1187989"/>
                <a:gd name="connsiteY1" fmla="*/ 1522586 h 1739661"/>
                <a:gd name="connsiteX2" fmla="*/ 739616 w 1187989"/>
                <a:gd name="connsiteY2" fmla="*/ 1737851 h 1739661"/>
                <a:gd name="connsiteX3" fmla="*/ 755523 w 1187989"/>
                <a:gd name="connsiteY3" fmla="*/ 1739660 h 1739661"/>
                <a:gd name="connsiteX4" fmla="*/ 973836 w 1187989"/>
                <a:gd name="connsiteY4" fmla="*/ 1583355 h 1739661"/>
                <a:gd name="connsiteX5" fmla="*/ 1028985 w 1187989"/>
                <a:gd name="connsiteY5" fmla="*/ 1514680 h 1739661"/>
                <a:gd name="connsiteX6" fmla="*/ 1134999 w 1187989"/>
                <a:gd name="connsiteY6" fmla="*/ 1352755 h 1739661"/>
                <a:gd name="connsiteX7" fmla="*/ 1183386 w 1187989"/>
                <a:gd name="connsiteY7" fmla="*/ 845263 h 1739661"/>
                <a:gd name="connsiteX8" fmla="*/ 1092232 w 1187989"/>
                <a:gd name="connsiteY8" fmla="*/ 486171 h 1739661"/>
                <a:gd name="connsiteX9" fmla="*/ 1062133 w 1187989"/>
                <a:gd name="connsiteY9" fmla="*/ 397778 h 1739661"/>
                <a:gd name="connsiteX10" fmla="*/ 1060704 w 1187989"/>
                <a:gd name="connsiteY10" fmla="*/ 360536 h 1739661"/>
                <a:gd name="connsiteX11" fmla="*/ 995458 w 1187989"/>
                <a:gd name="connsiteY11" fmla="*/ 226424 h 1739661"/>
                <a:gd name="connsiteX12" fmla="*/ 804005 w 1187989"/>
                <a:gd name="connsiteY12" fmla="*/ 113457 h 1739661"/>
                <a:gd name="connsiteX13" fmla="*/ 787812 w 1187989"/>
                <a:gd name="connsiteY13" fmla="*/ 98027 h 1739661"/>
                <a:gd name="connsiteX14" fmla="*/ 625887 w 1187989"/>
                <a:gd name="connsiteY14" fmla="*/ 2777 h 1739661"/>
                <a:gd name="connsiteX15" fmla="*/ 468249 w 1187989"/>
                <a:gd name="connsiteY15" fmla="*/ 80024 h 1739661"/>
                <a:gd name="connsiteX16" fmla="*/ 277749 w 1187989"/>
                <a:gd name="connsiteY16" fmla="*/ 235568 h 1739661"/>
                <a:gd name="connsiteX17" fmla="*/ 219360 w 1187989"/>
                <a:gd name="connsiteY17" fmla="*/ 281288 h 1739661"/>
                <a:gd name="connsiteX18" fmla="*/ 62389 w 1187989"/>
                <a:gd name="connsiteY18" fmla="*/ 448166 h 1739661"/>
                <a:gd name="connsiteX19" fmla="*/ 45053 w 1187989"/>
                <a:gd name="connsiteY19" fmla="*/ 483694 h 1739661"/>
                <a:gd name="connsiteX20" fmla="*/ 0 w 1187989"/>
                <a:gd name="connsiteY20" fmla="*/ 621711 h 1739661"/>
                <a:gd name="connsiteX21" fmla="*/ 100393 w 1187989"/>
                <a:gd name="connsiteY21" fmla="*/ 821736 h 1739661"/>
                <a:gd name="connsiteX22" fmla="*/ 176593 w 1187989"/>
                <a:gd name="connsiteY22" fmla="*/ 957563 h 1739661"/>
                <a:gd name="connsiteX23" fmla="*/ 214693 w 1187989"/>
                <a:gd name="connsiteY23" fmla="*/ 1035382 h 1739661"/>
                <a:gd name="connsiteX24" fmla="*/ 324612 w 1187989"/>
                <a:gd name="connsiteY24" fmla="*/ 1162350 h 1739661"/>
                <a:gd name="connsiteX25" fmla="*/ 348139 w 1187989"/>
                <a:gd name="connsiteY25" fmla="*/ 1184353 h 1739661"/>
                <a:gd name="connsiteX26" fmla="*/ 351472 w 1187989"/>
                <a:gd name="connsiteY26" fmla="*/ 1180924 h 1739661"/>
                <a:gd name="connsiteX27" fmla="*/ 327946 w 1187989"/>
                <a:gd name="connsiteY27" fmla="*/ 1158635 h 1739661"/>
                <a:gd name="connsiteX28" fmla="*/ 218884 w 1187989"/>
                <a:gd name="connsiteY28" fmla="*/ 1032905 h 1739661"/>
                <a:gd name="connsiteX29" fmla="*/ 181356 w 1187989"/>
                <a:gd name="connsiteY29" fmla="*/ 955372 h 1739661"/>
                <a:gd name="connsiteX30" fmla="*/ 103727 w 1187989"/>
                <a:gd name="connsiteY30" fmla="*/ 818212 h 1739661"/>
                <a:gd name="connsiteX31" fmla="*/ 4763 w 1187989"/>
                <a:gd name="connsiteY31" fmla="*/ 621711 h 1739661"/>
                <a:gd name="connsiteX32" fmla="*/ 49339 w 1187989"/>
                <a:gd name="connsiteY32" fmla="*/ 485789 h 1739661"/>
                <a:gd name="connsiteX33" fmla="*/ 66675 w 1187989"/>
                <a:gd name="connsiteY33" fmla="*/ 450070 h 1739661"/>
                <a:gd name="connsiteX34" fmla="*/ 222599 w 1187989"/>
                <a:gd name="connsiteY34" fmla="*/ 284812 h 1739661"/>
                <a:gd name="connsiteX35" fmla="*/ 280988 w 1187989"/>
                <a:gd name="connsiteY35" fmla="*/ 239187 h 1739661"/>
                <a:gd name="connsiteX36" fmla="*/ 471488 w 1187989"/>
                <a:gd name="connsiteY36" fmla="*/ 83358 h 1739661"/>
                <a:gd name="connsiteX37" fmla="*/ 626840 w 1187989"/>
                <a:gd name="connsiteY37" fmla="*/ 7158 h 1739661"/>
                <a:gd name="connsiteX38" fmla="*/ 626840 w 1187989"/>
                <a:gd name="connsiteY38" fmla="*/ 7158 h 1739661"/>
                <a:gd name="connsiteX39" fmla="*/ 640461 w 1187989"/>
                <a:gd name="connsiteY39" fmla="*/ 4777 h 1739661"/>
                <a:gd name="connsiteX40" fmla="*/ 783907 w 1187989"/>
                <a:gd name="connsiteY40" fmla="*/ 101551 h 1739661"/>
                <a:gd name="connsiteX41" fmla="*/ 800195 w 1187989"/>
                <a:gd name="connsiteY41" fmla="*/ 116981 h 1739661"/>
                <a:gd name="connsiteX42" fmla="*/ 992791 w 1187989"/>
                <a:gd name="connsiteY42" fmla="*/ 231281 h 1739661"/>
                <a:gd name="connsiteX43" fmla="*/ 1055370 w 1187989"/>
                <a:gd name="connsiteY43" fmla="*/ 361203 h 1739661"/>
                <a:gd name="connsiteX44" fmla="*/ 1056894 w 1187989"/>
                <a:gd name="connsiteY44" fmla="*/ 398731 h 1739661"/>
                <a:gd name="connsiteX45" fmla="*/ 1087278 w 1187989"/>
                <a:gd name="connsiteY45" fmla="*/ 488552 h 1739661"/>
                <a:gd name="connsiteX46" fmla="*/ 1178052 w 1187989"/>
                <a:gd name="connsiteY46" fmla="*/ 846120 h 1739661"/>
                <a:gd name="connsiteX47" fmla="*/ 1130427 w 1187989"/>
                <a:gd name="connsiteY47" fmla="*/ 1351803 h 1739661"/>
                <a:gd name="connsiteX48" fmla="*/ 1025652 w 1187989"/>
                <a:gd name="connsiteY48" fmla="*/ 1512013 h 1739661"/>
                <a:gd name="connsiteX49" fmla="*/ 970026 w 1187989"/>
                <a:gd name="connsiteY49" fmla="*/ 1581450 h 1739661"/>
                <a:gd name="connsiteX50" fmla="*/ 740950 w 1187989"/>
                <a:gd name="connsiteY50" fmla="*/ 1733850 h 1739661"/>
                <a:gd name="connsiteX51" fmla="*/ 559975 w 1187989"/>
                <a:gd name="connsiteY51" fmla="*/ 1520966 h 1739661"/>
                <a:gd name="connsiteX52" fmla="*/ 350996 w 1187989"/>
                <a:gd name="connsiteY52" fmla="*/ 1180733 h 1739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Lst>
              <a:rect l="l" t="t" r="r" b="b"/>
              <a:pathLst>
                <a:path w="1187989" h="1739661">
                  <a:moveTo>
                    <a:pt x="348139" y="1184353"/>
                  </a:moveTo>
                  <a:cubicBezTo>
                    <a:pt x="380333" y="1216262"/>
                    <a:pt x="525970" y="1467436"/>
                    <a:pt x="555784" y="1522586"/>
                  </a:cubicBezTo>
                  <a:cubicBezTo>
                    <a:pt x="580739" y="1568782"/>
                    <a:pt x="667893" y="1720896"/>
                    <a:pt x="739616" y="1737851"/>
                  </a:cubicBezTo>
                  <a:cubicBezTo>
                    <a:pt x="744826" y="1739091"/>
                    <a:pt x="750167" y="1739698"/>
                    <a:pt x="755523" y="1739660"/>
                  </a:cubicBezTo>
                  <a:cubicBezTo>
                    <a:pt x="827532" y="1739660"/>
                    <a:pt x="936498" y="1643077"/>
                    <a:pt x="973836" y="1583355"/>
                  </a:cubicBezTo>
                  <a:cubicBezTo>
                    <a:pt x="990329" y="1559008"/>
                    <a:pt x="1008773" y="1536040"/>
                    <a:pt x="1028985" y="1514680"/>
                  </a:cubicBezTo>
                  <a:cubicBezTo>
                    <a:pt x="1067562" y="1471437"/>
                    <a:pt x="1111282" y="1422478"/>
                    <a:pt x="1134999" y="1352755"/>
                  </a:cubicBezTo>
                  <a:cubicBezTo>
                    <a:pt x="1166527" y="1260077"/>
                    <a:pt x="1200531" y="1118726"/>
                    <a:pt x="1183386" y="845263"/>
                  </a:cubicBezTo>
                  <a:cubicBezTo>
                    <a:pt x="1172623" y="674479"/>
                    <a:pt x="1124236" y="561132"/>
                    <a:pt x="1092232" y="486171"/>
                  </a:cubicBezTo>
                  <a:cubicBezTo>
                    <a:pt x="1076420" y="449023"/>
                    <a:pt x="1063657" y="419496"/>
                    <a:pt x="1062133" y="397778"/>
                  </a:cubicBezTo>
                  <a:cubicBezTo>
                    <a:pt x="1061180" y="385301"/>
                    <a:pt x="1060895" y="372728"/>
                    <a:pt x="1060704" y="360536"/>
                  </a:cubicBezTo>
                  <a:cubicBezTo>
                    <a:pt x="1059656" y="307291"/>
                    <a:pt x="1058609" y="256999"/>
                    <a:pt x="995458" y="226424"/>
                  </a:cubicBezTo>
                  <a:cubicBezTo>
                    <a:pt x="919258" y="189467"/>
                    <a:pt x="846582" y="153081"/>
                    <a:pt x="804005" y="113457"/>
                  </a:cubicBezTo>
                  <a:lnTo>
                    <a:pt x="787812" y="98027"/>
                  </a:lnTo>
                  <a:cubicBezTo>
                    <a:pt x="740854" y="53164"/>
                    <a:pt x="669988" y="-14559"/>
                    <a:pt x="625887" y="2777"/>
                  </a:cubicBezTo>
                  <a:cubicBezTo>
                    <a:pt x="620363" y="3729"/>
                    <a:pt x="531781" y="19636"/>
                    <a:pt x="468249" y="80024"/>
                  </a:cubicBezTo>
                  <a:cubicBezTo>
                    <a:pt x="421386" y="124792"/>
                    <a:pt x="338518" y="188800"/>
                    <a:pt x="277749" y="235568"/>
                  </a:cubicBezTo>
                  <a:cubicBezTo>
                    <a:pt x="253936" y="254046"/>
                    <a:pt x="233267" y="270048"/>
                    <a:pt x="219360" y="281288"/>
                  </a:cubicBezTo>
                  <a:cubicBezTo>
                    <a:pt x="174117" y="317578"/>
                    <a:pt x="83344" y="399683"/>
                    <a:pt x="62389" y="448166"/>
                  </a:cubicBezTo>
                  <a:cubicBezTo>
                    <a:pt x="57531" y="459119"/>
                    <a:pt x="51530" y="471026"/>
                    <a:pt x="45053" y="483694"/>
                  </a:cubicBezTo>
                  <a:cubicBezTo>
                    <a:pt x="23908" y="525318"/>
                    <a:pt x="0" y="572467"/>
                    <a:pt x="0" y="621711"/>
                  </a:cubicBezTo>
                  <a:cubicBezTo>
                    <a:pt x="0" y="687053"/>
                    <a:pt x="59341" y="781350"/>
                    <a:pt x="100393" y="821736"/>
                  </a:cubicBezTo>
                  <a:cubicBezTo>
                    <a:pt x="126873" y="847644"/>
                    <a:pt x="152400" y="903556"/>
                    <a:pt x="176593" y="957563"/>
                  </a:cubicBezTo>
                  <a:cubicBezTo>
                    <a:pt x="189643" y="986138"/>
                    <a:pt x="202025" y="1013284"/>
                    <a:pt x="214693" y="1035382"/>
                  </a:cubicBezTo>
                  <a:cubicBezTo>
                    <a:pt x="243268" y="1086436"/>
                    <a:pt x="290131" y="1130632"/>
                    <a:pt x="324612" y="1162350"/>
                  </a:cubicBezTo>
                  <a:cubicBezTo>
                    <a:pt x="332899" y="1170161"/>
                    <a:pt x="341090" y="1177781"/>
                    <a:pt x="348139" y="1184353"/>
                  </a:cubicBezTo>
                  <a:close/>
                  <a:moveTo>
                    <a:pt x="351472" y="1180924"/>
                  </a:moveTo>
                  <a:cubicBezTo>
                    <a:pt x="344900" y="1174352"/>
                    <a:pt x="336613" y="1166732"/>
                    <a:pt x="327946" y="1158635"/>
                  </a:cubicBezTo>
                  <a:cubicBezTo>
                    <a:pt x="293751" y="1126822"/>
                    <a:pt x="246888" y="1083293"/>
                    <a:pt x="218884" y="1032905"/>
                  </a:cubicBezTo>
                  <a:cubicBezTo>
                    <a:pt x="206787" y="1010998"/>
                    <a:pt x="194500" y="983947"/>
                    <a:pt x="181356" y="955372"/>
                  </a:cubicBezTo>
                  <a:cubicBezTo>
                    <a:pt x="156496" y="900984"/>
                    <a:pt x="130778" y="844691"/>
                    <a:pt x="103727" y="818212"/>
                  </a:cubicBezTo>
                  <a:cubicBezTo>
                    <a:pt x="62389" y="777635"/>
                    <a:pt x="4763" y="683338"/>
                    <a:pt x="4763" y="621711"/>
                  </a:cubicBezTo>
                  <a:cubicBezTo>
                    <a:pt x="4763" y="574086"/>
                    <a:pt x="28384" y="526937"/>
                    <a:pt x="49339" y="485789"/>
                  </a:cubicBezTo>
                  <a:cubicBezTo>
                    <a:pt x="55721" y="473121"/>
                    <a:pt x="61817" y="461215"/>
                    <a:pt x="66675" y="450070"/>
                  </a:cubicBezTo>
                  <a:cubicBezTo>
                    <a:pt x="86296" y="405589"/>
                    <a:pt x="170688" y="326817"/>
                    <a:pt x="222599" y="284812"/>
                  </a:cubicBezTo>
                  <a:cubicBezTo>
                    <a:pt x="236506" y="273573"/>
                    <a:pt x="257080" y="257571"/>
                    <a:pt x="280988" y="239187"/>
                  </a:cubicBezTo>
                  <a:cubicBezTo>
                    <a:pt x="341566" y="192324"/>
                    <a:pt x="424529" y="128221"/>
                    <a:pt x="471488" y="83358"/>
                  </a:cubicBezTo>
                  <a:cubicBezTo>
                    <a:pt x="535591" y="22208"/>
                    <a:pt x="625887" y="7158"/>
                    <a:pt x="626840" y="7158"/>
                  </a:cubicBezTo>
                  <a:lnTo>
                    <a:pt x="626840" y="7158"/>
                  </a:lnTo>
                  <a:cubicBezTo>
                    <a:pt x="631198" y="5540"/>
                    <a:pt x="635814" y="4733"/>
                    <a:pt x="640461" y="4777"/>
                  </a:cubicBezTo>
                  <a:cubicBezTo>
                    <a:pt x="682752" y="4777"/>
                    <a:pt x="745236" y="64403"/>
                    <a:pt x="783907" y="101551"/>
                  </a:cubicBezTo>
                  <a:lnTo>
                    <a:pt x="800195" y="116981"/>
                  </a:lnTo>
                  <a:cubicBezTo>
                    <a:pt x="843248" y="157082"/>
                    <a:pt x="915828" y="193753"/>
                    <a:pt x="992791" y="231281"/>
                  </a:cubicBezTo>
                  <a:cubicBezTo>
                    <a:pt x="1053369" y="260523"/>
                    <a:pt x="1054227" y="307481"/>
                    <a:pt x="1055370" y="361203"/>
                  </a:cubicBezTo>
                  <a:cubicBezTo>
                    <a:pt x="1055370" y="373490"/>
                    <a:pt x="1055370" y="386063"/>
                    <a:pt x="1056894" y="398731"/>
                  </a:cubicBezTo>
                  <a:cubicBezTo>
                    <a:pt x="1058703" y="421495"/>
                    <a:pt x="1071277" y="451119"/>
                    <a:pt x="1087278" y="488552"/>
                  </a:cubicBezTo>
                  <a:cubicBezTo>
                    <a:pt x="1119188" y="563228"/>
                    <a:pt x="1167384" y="676194"/>
                    <a:pt x="1178052" y="846120"/>
                  </a:cubicBezTo>
                  <a:cubicBezTo>
                    <a:pt x="1195197" y="1118726"/>
                    <a:pt x="1161288" y="1259601"/>
                    <a:pt x="1130427" y="1351803"/>
                  </a:cubicBezTo>
                  <a:cubicBezTo>
                    <a:pt x="1106995" y="1420573"/>
                    <a:pt x="1063752" y="1469151"/>
                    <a:pt x="1025652" y="1512013"/>
                  </a:cubicBezTo>
                  <a:cubicBezTo>
                    <a:pt x="1005202" y="1533564"/>
                    <a:pt x="986595" y="1556791"/>
                    <a:pt x="970026" y="1581450"/>
                  </a:cubicBezTo>
                  <a:cubicBezTo>
                    <a:pt x="931926" y="1643077"/>
                    <a:pt x="808101" y="1749852"/>
                    <a:pt x="740950" y="1733850"/>
                  </a:cubicBezTo>
                  <a:cubicBezTo>
                    <a:pt x="669321" y="1716991"/>
                    <a:pt x="577786" y="1553542"/>
                    <a:pt x="559975" y="1520966"/>
                  </a:cubicBezTo>
                  <a:cubicBezTo>
                    <a:pt x="529590" y="1465054"/>
                    <a:pt x="383477" y="1213213"/>
                    <a:pt x="350996" y="118073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96">
              <a:extLst>
                <a:ext uri="{FF2B5EF4-FFF2-40B4-BE49-F238E27FC236}">
                  <a16:creationId xmlns:a16="http://schemas.microsoft.com/office/drawing/2014/main" id="{2B6B6638-C1BB-7F49-AB27-6BD361D15CB7}"/>
                </a:ext>
              </a:extLst>
            </p:cNvPr>
            <p:cNvSpPr/>
            <p:nvPr/>
          </p:nvSpPr>
          <p:spPr>
            <a:xfrm>
              <a:off x="5107460" y="5168675"/>
              <a:ext cx="854829" cy="1275177"/>
            </a:xfrm>
            <a:custGeom>
              <a:avLst/>
              <a:gdLst>
                <a:gd name="connsiteX0" fmla="*/ 106334 w 854829"/>
                <a:gd name="connsiteY0" fmla="*/ 796546 h 1275177"/>
                <a:gd name="connsiteX1" fmla="*/ 223777 w 854829"/>
                <a:gd name="connsiteY1" fmla="*/ 933516 h 1275177"/>
                <a:gd name="connsiteX2" fmla="*/ 263401 w 854829"/>
                <a:gd name="connsiteY2" fmla="*/ 1011144 h 1275177"/>
                <a:gd name="connsiteX3" fmla="*/ 337982 w 854829"/>
                <a:gd name="connsiteY3" fmla="*/ 1138684 h 1275177"/>
                <a:gd name="connsiteX4" fmla="*/ 382368 w 854829"/>
                <a:gd name="connsiteY4" fmla="*/ 1173640 h 1275177"/>
                <a:gd name="connsiteX5" fmla="*/ 450377 w 854829"/>
                <a:gd name="connsiteY5" fmla="*/ 1229648 h 1275177"/>
                <a:gd name="connsiteX6" fmla="*/ 461045 w 854829"/>
                <a:gd name="connsiteY6" fmla="*/ 1241458 h 1275177"/>
                <a:gd name="connsiteX7" fmla="*/ 517338 w 854829"/>
                <a:gd name="connsiteY7" fmla="*/ 1275177 h 1275177"/>
                <a:gd name="connsiteX8" fmla="*/ 549437 w 854829"/>
                <a:gd name="connsiteY8" fmla="*/ 1268605 h 1275177"/>
                <a:gd name="connsiteX9" fmla="*/ 788991 w 854829"/>
                <a:gd name="connsiteY9" fmla="*/ 1001905 h 1275177"/>
                <a:gd name="connsiteX10" fmla="*/ 848046 w 854829"/>
                <a:gd name="connsiteY10" fmla="*/ 578804 h 1275177"/>
                <a:gd name="connsiteX11" fmla="*/ 845378 w 854829"/>
                <a:gd name="connsiteY11" fmla="*/ 563279 h 1275177"/>
                <a:gd name="connsiteX12" fmla="*/ 732793 w 854829"/>
                <a:gd name="connsiteY12" fmla="*/ 130177 h 1275177"/>
                <a:gd name="connsiteX13" fmla="*/ 707743 w 854829"/>
                <a:gd name="connsiteY13" fmla="*/ 99411 h 1275177"/>
                <a:gd name="connsiteX14" fmla="*/ 577345 w 854829"/>
                <a:gd name="connsiteY14" fmla="*/ 20735 h 1275177"/>
                <a:gd name="connsiteX15" fmla="*/ 477523 w 854829"/>
                <a:gd name="connsiteY15" fmla="*/ 25592 h 1275177"/>
                <a:gd name="connsiteX16" fmla="*/ 309121 w 854829"/>
                <a:gd name="connsiteY16" fmla="*/ 17973 h 1275177"/>
                <a:gd name="connsiteX17" fmla="*/ 121098 w 854829"/>
                <a:gd name="connsiteY17" fmla="*/ 179898 h 1275177"/>
                <a:gd name="connsiteX18" fmla="*/ 5750 w 854829"/>
                <a:gd name="connsiteY18" fmla="*/ 390971 h 1275177"/>
                <a:gd name="connsiteX19" fmla="*/ 14417 w 854829"/>
                <a:gd name="connsiteY19" fmla="*/ 571946 h 1275177"/>
                <a:gd name="connsiteX20" fmla="*/ 28133 w 854829"/>
                <a:gd name="connsiteY20" fmla="*/ 622810 h 1275177"/>
                <a:gd name="connsiteX21" fmla="*/ 90046 w 854829"/>
                <a:gd name="connsiteY21" fmla="*/ 780639 h 1275177"/>
                <a:gd name="connsiteX22" fmla="*/ 106334 w 854829"/>
                <a:gd name="connsiteY22" fmla="*/ 796546 h 1275177"/>
                <a:gd name="connsiteX23" fmla="*/ 109667 w 854829"/>
                <a:gd name="connsiteY23" fmla="*/ 793212 h 1275177"/>
                <a:gd name="connsiteX24" fmla="*/ 93189 w 854829"/>
                <a:gd name="connsiteY24" fmla="*/ 777210 h 1275177"/>
                <a:gd name="connsiteX25" fmla="*/ 32611 w 854829"/>
                <a:gd name="connsiteY25" fmla="*/ 621667 h 1275177"/>
                <a:gd name="connsiteX26" fmla="*/ 18799 w 854829"/>
                <a:gd name="connsiteY26" fmla="*/ 570517 h 1275177"/>
                <a:gd name="connsiteX27" fmla="*/ 10226 w 854829"/>
                <a:gd name="connsiteY27" fmla="*/ 391543 h 1275177"/>
                <a:gd name="connsiteX28" fmla="*/ 124526 w 854829"/>
                <a:gd name="connsiteY28" fmla="*/ 182850 h 1275177"/>
                <a:gd name="connsiteX29" fmla="*/ 312264 w 854829"/>
                <a:gd name="connsiteY29" fmla="*/ 21782 h 1275177"/>
                <a:gd name="connsiteX30" fmla="*/ 475904 w 854829"/>
                <a:gd name="connsiteY30" fmla="*/ 29879 h 1275177"/>
                <a:gd name="connsiteX31" fmla="*/ 476857 w 854829"/>
                <a:gd name="connsiteY31" fmla="*/ 29879 h 1275177"/>
                <a:gd name="connsiteX32" fmla="*/ 578202 w 854829"/>
                <a:gd name="connsiteY32" fmla="*/ 25021 h 1275177"/>
                <a:gd name="connsiteX33" fmla="*/ 591632 w 854829"/>
                <a:gd name="connsiteY33" fmla="*/ 24354 h 1275177"/>
                <a:gd name="connsiteX34" fmla="*/ 704408 w 854829"/>
                <a:gd name="connsiteY34" fmla="*/ 101983 h 1275177"/>
                <a:gd name="connsiteX35" fmla="*/ 729459 w 854829"/>
                <a:gd name="connsiteY35" fmla="*/ 132939 h 1275177"/>
                <a:gd name="connsiteX36" fmla="*/ 841093 w 854829"/>
                <a:gd name="connsiteY36" fmla="*/ 563755 h 1275177"/>
                <a:gd name="connsiteX37" fmla="*/ 843759 w 854829"/>
                <a:gd name="connsiteY37" fmla="*/ 579185 h 1275177"/>
                <a:gd name="connsiteX38" fmla="*/ 784895 w 854829"/>
                <a:gd name="connsiteY38" fmla="*/ 999809 h 1275177"/>
                <a:gd name="connsiteX39" fmla="*/ 548199 w 854829"/>
                <a:gd name="connsiteY39" fmla="*/ 1263747 h 1275177"/>
                <a:gd name="connsiteX40" fmla="*/ 465045 w 854829"/>
                <a:gd name="connsiteY40" fmla="*/ 1238030 h 1275177"/>
                <a:gd name="connsiteX41" fmla="*/ 454187 w 854829"/>
                <a:gd name="connsiteY41" fmla="*/ 1225933 h 1275177"/>
                <a:gd name="connsiteX42" fmla="*/ 385607 w 854829"/>
                <a:gd name="connsiteY42" fmla="*/ 1169449 h 1275177"/>
                <a:gd name="connsiteX43" fmla="*/ 341411 w 854829"/>
                <a:gd name="connsiteY43" fmla="*/ 1134684 h 1275177"/>
                <a:gd name="connsiteX44" fmla="*/ 268068 w 854829"/>
                <a:gd name="connsiteY44" fmla="*/ 1008763 h 1275177"/>
                <a:gd name="connsiteX45" fmla="*/ 228254 w 854829"/>
                <a:gd name="connsiteY45" fmla="*/ 930753 h 1275177"/>
                <a:gd name="connsiteX46" fmla="*/ 109667 w 854829"/>
                <a:gd name="connsiteY46" fmla="*/ 793212 h 1275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854829" h="1275177">
                  <a:moveTo>
                    <a:pt x="106334" y="796546"/>
                  </a:moveTo>
                  <a:cubicBezTo>
                    <a:pt x="143386" y="832836"/>
                    <a:pt x="194059" y="882271"/>
                    <a:pt x="223777" y="933516"/>
                  </a:cubicBezTo>
                  <a:cubicBezTo>
                    <a:pt x="235778" y="954280"/>
                    <a:pt x="249209" y="981902"/>
                    <a:pt x="263401" y="1011144"/>
                  </a:cubicBezTo>
                  <a:cubicBezTo>
                    <a:pt x="289595" y="1065056"/>
                    <a:pt x="316741" y="1120777"/>
                    <a:pt x="337982" y="1138684"/>
                  </a:cubicBezTo>
                  <a:cubicBezTo>
                    <a:pt x="350364" y="1149161"/>
                    <a:pt x="365890" y="1161067"/>
                    <a:pt x="382368" y="1173640"/>
                  </a:cubicBezTo>
                  <a:cubicBezTo>
                    <a:pt x="406210" y="1190838"/>
                    <a:pt x="428926" y="1209546"/>
                    <a:pt x="450377" y="1229648"/>
                  </a:cubicBezTo>
                  <a:cubicBezTo>
                    <a:pt x="454092" y="1233458"/>
                    <a:pt x="457616" y="1237553"/>
                    <a:pt x="461045" y="1241458"/>
                  </a:cubicBezTo>
                  <a:cubicBezTo>
                    <a:pt x="475618" y="1258127"/>
                    <a:pt x="490477" y="1275177"/>
                    <a:pt x="517338" y="1275177"/>
                  </a:cubicBezTo>
                  <a:cubicBezTo>
                    <a:pt x="528341" y="1274897"/>
                    <a:pt x="539209" y="1272671"/>
                    <a:pt x="549437" y="1268605"/>
                  </a:cubicBezTo>
                  <a:cubicBezTo>
                    <a:pt x="605920" y="1247555"/>
                    <a:pt x="752700" y="1098869"/>
                    <a:pt x="788991" y="1001905"/>
                  </a:cubicBezTo>
                  <a:cubicBezTo>
                    <a:pt x="832520" y="885509"/>
                    <a:pt x="870811" y="713298"/>
                    <a:pt x="848046" y="578804"/>
                  </a:cubicBezTo>
                  <a:lnTo>
                    <a:pt x="845378" y="563279"/>
                  </a:lnTo>
                  <a:cubicBezTo>
                    <a:pt x="820137" y="413736"/>
                    <a:pt x="781847" y="187803"/>
                    <a:pt x="732793" y="130177"/>
                  </a:cubicBezTo>
                  <a:cubicBezTo>
                    <a:pt x="723840" y="119794"/>
                    <a:pt x="715648" y="109412"/>
                    <a:pt x="707743" y="99411"/>
                  </a:cubicBezTo>
                  <a:cubicBezTo>
                    <a:pt x="671642" y="53596"/>
                    <a:pt x="641068" y="13686"/>
                    <a:pt x="577345" y="20735"/>
                  </a:cubicBezTo>
                  <a:cubicBezTo>
                    <a:pt x="509051" y="27974"/>
                    <a:pt x="481428" y="25973"/>
                    <a:pt x="477523" y="25592"/>
                  </a:cubicBezTo>
                  <a:cubicBezTo>
                    <a:pt x="464188" y="17591"/>
                    <a:pt x="367033" y="-22890"/>
                    <a:pt x="309121" y="17973"/>
                  </a:cubicBezTo>
                  <a:cubicBezTo>
                    <a:pt x="251209" y="58835"/>
                    <a:pt x="151387" y="145893"/>
                    <a:pt x="121098" y="179898"/>
                  </a:cubicBezTo>
                  <a:cubicBezTo>
                    <a:pt x="90808" y="213901"/>
                    <a:pt x="14322" y="333917"/>
                    <a:pt x="5750" y="390971"/>
                  </a:cubicBezTo>
                  <a:cubicBezTo>
                    <a:pt x="-4251" y="457646"/>
                    <a:pt x="-1108" y="523178"/>
                    <a:pt x="14417" y="571946"/>
                  </a:cubicBezTo>
                  <a:cubicBezTo>
                    <a:pt x="18704" y="585662"/>
                    <a:pt x="23371" y="603760"/>
                    <a:pt x="28133" y="622810"/>
                  </a:cubicBezTo>
                  <a:cubicBezTo>
                    <a:pt x="42707" y="679960"/>
                    <a:pt x="60804" y="751588"/>
                    <a:pt x="90046" y="780639"/>
                  </a:cubicBezTo>
                  <a:cubicBezTo>
                    <a:pt x="95094" y="785687"/>
                    <a:pt x="100619" y="791021"/>
                    <a:pt x="106334" y="796546"/>
                  </a:cubicBezTo>
                  <a:close/>
                  <a:moveTo>
                    <a:pt x="109667" y="793212"/>
                  </a:moveTo>
                  <a:lnTo>
                    <a:pt x="93189" y="777210"/>
                  </a:lnTo>
                  <a:cubicBezTo>
                    <a:pt x="64614" y="748635"/>
                    <a:pt x="46993" y="678436"/>
                    <a:pt x="32611" y="621667"/>
                  </a:cubicBezTo>
                  <a:cubicBezTo>
                    <a:pt x="27753" y="602617"/>
                    <a:pt x="23086" y="584424"/>
                    <a:pt x="18799" y="570517"/>
                  </a:cubicBezTo>
                  <a:cubicBezTo>
                    <a:pt x="3464" y="522226"/>
                    <a:pt x="416" y="456980"/>
                    <a:pt x="10226" y="391543"/>
                  </a:cubicBezTo>
                  <a:cubicBezTo>
                    <a:pt x="18704" y="335250"/>
                    <a:pt x="94713" y="215997"/>
                    <a:pt x="124526" y="182850"/>
                  </a:cubicBezTo>
                  <a:cubicBezTo>
                    <a:pt x="154340" y="149703"/>
                    <a:pt x="252828" y="63406"/>
                    <a:pt x="312264" y="21782"/>
                  </a:cubicBezTo>
                  <a:cubicBezTo>
                    <a:pt x="373129" y="-20985"/>
                    <a:pt x="474952" y="29307"/>
                    <a:pt x="475904" y="29879"/>
                  </a:cubicBezTo>
                  <a:lnTo>
                    <a:pt x="476857" y="29879"/>
                  </a:lnTo>
                  <a:cubicBezTo>
                    <a:pt x="477904" y="29879"/>
                    <a:pt x="503717" y="33022"/>
                    <a:pt x="578202" y="25021"/>
                  </a:cubicBezTo>
                  <a:cubicBezTo>
                    <a:pt x="582665" y="24571"/>
                    <a:pt x="587147" y="24348"/>
                    <a:pt x="591632" y="24354"/>
                  </a:cubicBezTo>
                  <a:cubicBezTo>
                    <a:pt x="643163" y="24354"/>
                    <a:pt x="670500" y="58930"/>
                    <a:pt x="704408" y="101983"/>
                  </a:cubicBezTo>
                  <a:cubicBezTo>
                    <a:pt x="712410" y="111984"/>
                    <a:pt x="720601" y="122462"/>
                    <a:pt x="729459" y="132939"/>
                  </a:cubicBezTo>
                  <a:cubicBezTo>
                    <a:pt x="777751" y="189517"/>
                    <a:pt x="815851" y="414688"/>
                    <a:pt x="841093" y="563755"/>
                  </a:cubicBezTo>
                  <a:lnTo>
                    <a:pt x="843759" y="579185"/>
                  </a:lnTo>
                  <a:cubicBezTo>
                    <a:pt x="866429" y="712535"/>
                    <a:pt x="828138" y="883985"/>
                    <a:pt x="784895" y="999809"/>
                  </a:cubicBezTo>
                  <a:cubicBezTo>
                    <a:pt x="748985" y="1095821"/>
                    <a:pt x="603920" y="1242983"/>
                    <a:pt x="548199" y="1263747"/>
                  </a:cubicBezTo>
                  <a:cubicBezTo>
                    <a:pt x="502384" y="1280797"/>
                    <a:pt x="484191" y="1259937"/>
                    <a:pt x="465045" y="1238030"/>
                  </a:cubicBezTo>
                  <a:cubicBezTo>
                    <a:pt x="461616" y="1234029"/>
                    <a:pt x="457997" y="1229838"/>
                    <a:pt x="454187" y="1225933"/>
                  </a:cubicBezTo>
                  <a:cubicBezTo>
                    <a:pt x="432550" y="1205668"/>
                    <a:pt x="409643" y="1186801"/>
                    <a:pt x="385607" y="1169449"/>
                  </a:cubicBezTo>
                  <a:cubicBezTo>
                    <a:pt x="369224" y="1156876"/>
                    <a:pt x="353698" y="1145065"/>
                    <a:pt x="341411" y="1134684"/>
                  </a:cubicBezTo>
                  <a:cubicBezTo>
                    <a:pt x="320932" y="1117443"/>
                    <a:pt x="293786" y="1062198"/>
                    <a:pt x="268068" y="1008763"/>
                  </a:cubicBezTo>
                  <a:cubicBezTo>
                    <a:pt x="253876" y="979331"/>
                    <a:pt x="240351" y="951613"/>
                    <a:pt x="228254" y="930753"/>
                  </a:cubicBezTo>
                  <a:cubicBezTo>
                    <a:pt x="197964" y="879699"/>
                    <a:pt x="146911" y="829597"/>
                    <a:pt x="109667" y="79321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97">
              <a:extLst>
                <a:ext uri="{FF2B5EF4-FFF2-40B4-BE49-F238E27FC236}">
                  <a16:creationId xmlns:a16="http://schemas.microsoft.com/office/drawing/2014/main" id="{9B603C4D-75F6-8A4D-87F0-9719D4E0B403}"/>
                </a:ext>
              </a:extLst>
            </p:cNvPr>
            <p:cNvSpPr/>
            <p:nvPr/>
          </p:nvSpPr>
          <p:spPr>
            <a:xfrm>
              <a:off x="5211773" y="5411638"/>
              <a:ext cx="600468" cy="810853"/>
            </a:xfrm>
            <a:custGeom>
              <a:avLst/>
              <a:gdLst>
                <a:gd name="connsiteX0" fmla="*/ 15166 w 600468"/>
                <a:gd name="connsiteY0" fmla="*/ 157058 h 810853"/>
                <a:gd name="connsiteX1" fmla="*/ 2974 w 600468"/>
                <a:gd name="connsiteY1" fmla="*/ 325936 h 810853"/>
                <a:gd name="connsiteX2" fmla="*/ 4117 w 600468"/>
                <a:gd name="connsiteY2" fmla="*/ 348319 h 810853"/>
                <a:gd name="connsiteX3" fmla="*/ 82413 w 600468"/>
                <a:gd name="connsiteY3" fmla="*/ 515769 h 810853"/>
                <a:gd name="connsiteX4" fmla="*/ 97843 w 600468"/>
                <a:gd name="connsiteY4" fmla="*/ 529866 h 810853"/>
                <a:gd name="connsiteX5" fmla="*/ 114988 w 600468"/>
                <a:gd name="connsiteY5" fmla="*/ 545487 h 810853"/>
                <a:gd name="connsiteX6" fmla="*/ 213762 w 600468"/>
                <a:gd name="connsiteY6" fmla="*/ 683599 h 810853"/>
                <a:gd name="connsiteX7" fmla="*/ 421788 w 600468"/>
                <a:gd name="connsiteY7" fmla="*/ 810854 h 810853"/>
                <a:gd name="connsiteX8" fmla="*/ 535041 w 600468"/>
                <a:gd name="connsiteY8" fmla="*/ 712937 h 810853"/>
                <a:gd name="connsiteX9" fmla="*/ 600287 w 600468"/>
                <a:gd name="connsiteY9" fmla="*/ 470620 h 810853"/>
                <a:gd name="connsiteX10" fmla="*/ 556853 w 600468"/>
                <a:gd name="connsiteY10" fmla="*/ 201730 h 810853"/>
                <a:gd name="connsiteX11" fmla="*/ 556853 w 600468"/>
                <a:gd name="connsiteY11" fmla="*/ 201063 h 810853"/>
                <a:gd name="connsiteX12" fmla="*/ 428932 w 600468"/>
                <a:gd name="connsiteY12" fmla="*/ 38471 h 810853"/>
                <a:gd name="connsiteX13" fmla="*/ 248719 w 600468"/>
                <a:gd name="connsiteY13" fmla="*/ 2276 h 810853"/>
                <a:gd name="connsiteX14" fmla="*/ 107463 w 600468"/>
                <a:gd name="connsiteY14" fmla="*/ 21326 h 810853"/>
                <a:gd name="connsiteX15" fmla="*/ 21738 w 600468"/>
                <a:gd name="connsiteY15" fmla="*/ 140103 h 810853"/>
                <a:gd name="connsiteX16" fmla="*/ 15166 w 600468"/>
                <a:gd name="connsiteY16" fmla="*/ 157058 h 810853"/>
                <a:gd name="connsiteX17" fmla="*/ 24024 w 600468"/>
                <a:gd name="connsiteY17" fmla="*/ 160582 h 810853"/>
                <a:gd name="connsiteX18" fmla="*/ 30406 w 600468"/>
                <a:gd name="connsiteY18" fmla="*/ 143818 h 810853"/>
                <a:gd name="connsiteX19" fmla="*/ 110225 w 600468"/>
                <a:gd name="connsiteY19" fmla="*/ 30661 h 810853"/>
                <a:gd name="connsiteX20" fmla="*/ 247481 w 600468"/>
                <a:gd name="connsiteY20" fmla="*/ 11611 h 810853"/>
                <a:gd name="connsiteX21" fmla="*/ 422551 w 600468"/>
                <a:gd name="connsiteY21" fmla="*/ 45710 h 810853"/>
                <a:gd name="connsiteX22" fmla="*/ 548471 w 600468"/>
                <a:gd name="connsiteY22" fmla="*/ 206016 h 810853"/>
                <a:gd name="connsiteX23" fmla="*/ 590762 w 600468"/>
                <a:gd name="connsiteY23" fmla="*/ 470144 h 810853"/>
                <a:gd name="connsiteX24" fmla="*/ 527326 w 600468"/>
                <a:gd name="connsiteY24" fmla="*/ 707126 h 810853"/>
                <a:gd name="connsiteX25" fmla="*/ 421788 w 600468"/>
                <a:gd name="connsiteY25" fmla="*/ 801138 h 810853"/>
                <a:gd name="connsiteX26" fmla="*/ 221763 w 600468"/>
                <a:gd name="connsiteY26" fmla="*/ 679028 h 810853"/>
                <a:gd name="connsiteX27" fmla="*/ 120893 w 600468"/>
                <a:gd name="connsiteY27" fmla="*/ 538248 h 810853"/>
                <a:gd name="connsiteX28" fmla="*/ 103844 w 600468"/>
                <a:gd name="connsiteY28" fmla="*/ 522723 h 810853"/>
                <a:gd name="connsiteX29" fmla="*/ 88318 w 600468"/>
                <a:gd name="connsiteY29" fmla="*/ 508530 h 810853"/>
                <a:gd name="connsiteX30" fmla="*/ 13166 w 600468"/>
                <a:gd name="connsiteY30" fmla="*/ 347653 h 810853"/>
                <a:gd name="connsiteX31" fmla="*/ 12023 w 600468"/>
                <a:gd name="connsiteY31" fmla="*/ 325269 h 810853"/>
                <a:gd name="connsiteX32" fmla="*/ 24024 w 600468"/>
                <a:gd name="connsiteY32" fmla="*/ 160486 h 810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00468" h="810853">
                  <a:moveTo>
                    <a:pt x="15166" y="157058"/>
                  </a:moveTo>
                  <a:cubicBezTo>
                    <a:pt x="-3122" y="204016"/>
                    <a:pt x="-1598" y="234686"/>
                    <a:pt x="2974" y="325936"/>
                  </a:cubicBezTo>
                  <a:lnTo>
                    <a:pt x="4117" y="348319"/>
                  </a:lnTo>
                  <a:cubicBezTo>
                    <a:pt x="9070" y="449665"/>
                    <a:pt x="33549" y="472144"/>
                    <a:pt x="82413" y="515769"/>
                  </a:cubicBezTo>
                  <a:lnTo>
                    <a:pt x="97843" y="529866"/>
                  </a:lnTo>
                  <a:cubicBezTo>
                    <a:pt x="104129" y="535676"/>
                    <a:pt x="109749" y="540820"/>
                    <a:pt x="114988" y="545487"/>
                  </a:cubicBezTo>
                  <a:cubicBezTo>
                    <a:pt x="158232" y="584730"/>
                    <a:pt x="167185" y="593112"/>
                    <a:pt x="213762" y="683599"/>
                  </a:cubicBezTo>
                  <a:cubicBezTo>
                    <a:pt x="267388" y="788374"/>
                    <a:pt x="382164" y="810854"/>
                    <a:pt x="421788" y="810854"/>
                  </a:cubicBezTo>
                  <a:cubicBezTo>
                    <a:pt x="463413" y="810854"/>
                    <a:pt x="509990" y="747132"/>
                    <a:pt x="535041" y="712937"/>
                  </a:cubicBezTo>
                  <a:cubicBezTo>
                    <a:pt x="563616" y="674265"/>
                    <a:pt x="597143" y="565204"/>
                    <a:pt x="600287" y="470620"/>
                  </a:cubicBezTo>
                  <a:cubicBezTo>
                    <a:pt x="603430" y="376037"/>
                    <a:pt x="564759" y="218017"/>
                    <a:pt x="556853" y="201730"/>
                  </a:cubicBezTo>
                  <a:lnTo>
                    <a:pt x="556853" y="201063"/>
                  </a:lnTo>
                  <a:cubicBezTo>
                    <a:pt x="552947" y="195538"/>
                    <a:pt x="461603" y="64950"/>
                    <a:pt x="428932" y="38471"/>
                  </a:cubicBezTo>
                  <a:cubicBezTo>
                    <a:pt x="396261" y="11991"/>
                    <a:pt x="254719" y="2657"/>
                    <a:pt x="248719" y="2276"/>
                  </a:cubicBezTo>
                  <a:cubicBezTo>
                    <a:pt x="192998" y="-4010"/>
                    <a:pt x="161470" y="2848"/>
                    <a:pt x="107463" y="21326"/>
                  </a:cubicBezTo>
                  <a:cubicBezTo>
                    <a:pt x="60410" y="37709"/>
                    <a:pt x="39931" y="92097"/>
                    <a:pt x="21738" y="140103"/>
                  </a:cubicBezTo>
                  <a:cubicBezTo>
                    <a:pt x="19357" y="146104"/>
                    <a:pt x="17452" y="151724"/>
                    <a:pt x="15166" y="157058"/>
                  </a:cubicBezTo>
                  <a:close/>
                  <a:moveTo>
                    <a:pt x="24024" y="160582"/>
                  </a:moveTo>
                  <a:cubicBezTo>
                    <a:pt x="26119" y="155153"/>
                    <a:pt x="28311" y="149533"/>
                    <a:pt x="30406" y="143818"/>
                  </a:cubicBezTo>
                  <a:cubicBezTo>
                    <a:pt x="47741" y="97812"/>
                    <a:pt x="67363" y="45615"/>
                    <a:pt x="110225" y="30661"/>
                  </a:cubicBezTo>
                  <a:cubicBezTo>
                    <a:pt x="162708" y="12373"/>
                    <a:pt x="193378" y="5705"/>
                    <a:pt x="247481" y="11611"/>
                  </a:cubicBezTo>
                  <a:cubicBezTo>
                    <a:pt x="249195" y="11611"/>
                    <a:pt x="391880" y="20564"/>
                    <a:pt x="422551" y="45710"/>
                  </a:cubicBezTo>
                  <a:cubicBezTo>
                    <a:pt x="453221" y="70856"/>
                    <a:pt x="543041" y="198110"/>
                    <a:pt x="548471" y="206016"/>
                  </a:cubicBezTo>
                  <a:cubicBezTo>
                    <a:pt x="554852" y="220494"/>
                    <a:pt x="594001" y="372608"/>
                    <a:pt x="590762" y="470144"/>
                  </a:cubicBezTo>
                  <a:cubicBezTo>
                    <a:pt x="587523" y="567680"/>
                    <a:pt x="551614" y="673979"/>
                    <a:pt x="527326" y="707126"/>
                  </a:cubicBezTo>
                  <a:cubicBezTo>
                    <a:pt x="505037" y="737607"/>
                    <a:pt x="458555" y="801138"/>
                    <a:pt x="421788" y="801138"/>
                  </a:cubicBezTo>
                  <a:cubicBezTo>
                    <a:pt x="385022" y="801138"/>
                    <a:pt x="273675" y="779135"/>
                    <a:pt x="221763" y="679028"/>
                  </a:cubicBezTo>
                  <a:cubicBezTo>
                    <a:pt x="174138" y="586826"/>
                    <a:pt x="165185" y="578444"/>
                    <a:pt x="120893" y="538248"/>
                  </a:cubicBezTo>
                  <a:lnTo>
                    <a:pt x="103844" y="522723"/>
                  </a:lnTo>
                  <a:lnTo>
                    <a:pt x="88318" y="508530"/>
                  </a:lnTo>
                  <a:cubicBezTo>
                    <a:pt x="40026" y="464906"/>
                    <a:pt x="17928" y="444998"/>
                    <a:pt x="13166" y="347653"/>
                  </a:cubicBezTo>
                  <a:lnTo>
                    <a:pt x="12023" y="325269"/>
                  </a:lnTo>
                  <a:cubicBezTo>
                    <a:pt x="7927" y="233353"/>
                    <a:pt x="6498" y="205540"/>
                    <a:pt x="24024" y="16048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98">
              <a:extLst>
                <a:ext uri="{FF2B5EF4-FFF2-40B4-BE49-F238E27FC236}">
                  <a16:creationId xmlns:a16="http://schemas.microsoft.com/office/drawing/2014/main" id="{D941FBE9-B505-794D-AE8C-F087B6D48DDA}"/>
                </a:ext>
              </a:extLst>
            </p:cNvPr>
            <p:cNvSpPr/>
            <p:nvPr/>
          </p:nvSpPr>
          <p:spPr>
            <a:xfrm>
              <a:off x="0" y="0"/>
              <a:ext cx="150399" cy="179831"/>
            </a:xfrm>
            <a:custGeom>
              <a:avLst/>
              <a:gdLst>
                <a:gd name="connsiteX0" fmla="*/ 0 w 150399"/>
                <a:gd name="connsiteY0" fmla="*/ 135255 h 179831"/>
                <a:gd name="connsiteX1" fmla="*/ 113157 w 150399"/>
                <a:gd name="connsiteY1" fmla="*/ 0 h 179831"/>
                <a:gd name="connsiteX2" fmla="*/ 150400 w 150399"/>
                <a:gd name="connsiteY2" fmla="*/ 0 h 179831"/>
                <a:gd name="connsiteX3" fmla="*/ 0 w 150399"/>
                <a:gd name="connsiteY3" fmla="*/ 179832 h 179831"/>
                <a:gd name="connsiteX4" fmla="*/ 0 w 150399"/>
                <a:gd name="connsiteY4" fmla="*/ 135255 h 1798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0399" h="179831">
                  <a:moveTo>
                    <a:pt x="0" y="135255"/>
                  </a:moveTo>
                  <a:lnTo>
                    <a:pt x="113157" y="0"/>
                  </a:lnTo>
                  <a:lnTo>
                    <a:pt x="150400" y="0"/>
                  </a:lnTo>
                  <a:lnTo>
                    <a:pt x="0" y="179832"/>
                  </a:lnTo>
                  <a:lnTo>
                    <a:pt x="0" y="135255"/>
                  </a:ln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99">
              <a:extLst>
                <a:ext uri="{FF2B5EF4-FFF2-40B4-BE49-F238E27FC236}">
                  <a16:creationId xmlns:a16="http://schemas.microsoft.com/office/drawing/2014/main" id="{FDA9385A-9D8C-8A44-A903-616DCBB9EDEB}"/>
                </a:ext>
              </a:extLst>
            </p:cNvPr>
            <p:cNvSpPr/>
            <p:nvPr/>
          </p:nvSpPr>
          <p:spPr>
            <a:xfrm>
              <a:off x="190" y="-571"/>
              <a:ext cx="1165859" cy="667131"/>
            </a:xfrm>
            <a:custGeom>
              <a:avLst/>
              <a:gdLst>
                <a:gd name="connsiteX0" fmla="*/ 1027176 w 1165859"/>
                <a:gd name="connsiteY0" fmla="*/ 232220 h 667131"/>
                <a:gd name="connsiteX1" fmla="*/ 861822 w 1165859"/>
                <a:gd name="connsiteY1" fmla="*/ 427673 h 667131"/>
                <a:gd name="connsiteX2" fmla="*/ 751523 w 1165859"/>
                <a:gd name="connsiteY2" fmla="*/ 496538 h 667131"/>
                <a:gd name="connsiteX3" fmla="*/ 711898 w 1165859"/>
                <a:gd name="connsiteY3" fmla="*/ 505397 h 667131"/>
                <a:gd name="connsiteX4" fmla="*/ 625221 w 1165859"/>
                <a:gd name="connsiteY4" fmla="*/ 478727 h 667131"/>
                <a:gd name="connsiteX5" fmla="*/ 472821 w 1165859"/>
                <a:gd name="connsiteY5" fmla="*/ 394526 h 667131"/>
                <a:gd name="connsiteX6" fmla="*/ 0 w 1165859"/>
                <a:gd name="connsiteY6" fmla="*/ 667131 h 667131"/>
                <a:gd name="connsiteX7" fmla="*/ 0 w 1165859"/>
                <a:gd name="connsiteY7" fmla="*/ 660654 h 667131"/>
                <a:gd name="connsiteX8" fmla="*/ 474726 w 1165859"/>
                <a:gd name="connsiteY8" fmla="*/ 390239 h 667131"/>
                <a:gd name="connsiteX9" fmla="*/ 627793 w 1165859"/>
                <a:gd name="connsiteY9" fmla="*/ 474726 h 667131"/>
                <a:gd name="connsiteX10" fmla="*/ 710184 w 1165859"/>
                <a:gd name="connsiteY10" fmla="*/ 500920 h 667131"/>
                <a:gd name="connsiteX11" fmla="*/ 750856 w 1165859"/>
                <a:gd name="connsiteY11" fmla="*/ 491395 h 667131"/>
                <a:gd name="connsiteX12" fmla="*/ 857726 w 1165859"/>
                <a:gd name="connsiteY12" fmla="*/ 424720 h 667131"/>
                <a:gd name="connsiteX13" fmla="*/ 1024033 w 1165859"/>
                <a:gd name="connsiteY13" fmla="*/ 228124 h 667131"/>
                <a:gd name="connsiteX14" fmla="*/ 1160812 w 1165859"/>
                <a:gd name="connsiteY14" fmla="*/ 0 h 667131"/>
                <a:gd name="connsiteX15" fmla="*/ 1165860 w 1165859"/>
                <a:gd name="connsiteY15" fmla="*/ 0 h 667131"/>
                <a:gd name="connsiteX16" fmla="*/ 1027176 w 1165859"/>
                <a:gd name="connsiteY16" fmla="*/ 232220 h 66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165859" h="667131">
                  <a:moveTo>
                    <a:pt x="1027176" y="232220"/>
                  </a:moveTo>
                  <a:cubicBezTo>
                    <a:pt x="952881" y="297752"/>
                    <a:pt x="898779" y="361664"/>
                    <a:pt x="861822" y="427673"/>
                  </a:cubicBezTo>
                  <a:cubicBezTo>
                    <a:pt x="830104" y="484346"/>
                    <a:pt x="788384" y="490823"/>
                    <a:pt x="751523" y="496538"/>
                  </a:cubicBezTo>
                  <a:cubicBezTo>
                    <a:pt x="738051" y="498156"/>
                    <a:pt x="724776" y="501124"/>
                    <a:pt x="711898" y="505397"/>
                  </a:cubicBezTo>
                  <a:cubicBezTo>
                    <a:pt x="684562" y="515588"/>
                    <a:pt x="668369" y="505397"/>
                    <a:pt x="625221" y="478727"/>
                  </a:cubicBezTo>
                  <a:cubicBezTo>
                    <a:pt x="576107" y="447710"/>
                    <a:pt x="525220" y="419595"/>
                    <a:pt x="472821" y="394526"/>
                  </a:cubicBezTo>
                  <a:cubicBezTo>
                    <a:pt x="412528" y="365951"/>
                    <a:pt x="282321" y="396145"/>
                    <a:pt x="0" y="667131"/>
                  </a:cubicBezTo>
                  <a:lnTo>
                    <a:pt x="0" y="660654"/>
                  </a:lnTo>
                  <a:cubicBezTo>
                    <a:pt x="281750" y="391097"/>
                    <a:pt x="413385" y="360712"/>
                    <a:pt x="474726" y="390239"/>
                  </a:cubicBezTo>
                  <a:cubicBezTo>
                    <a:pt x="527353" y="415391"/>
                    <a:pt x="578463" y="443601"/>
                    <a:pt x="627793" y="474726"/>
                  </a:cubicBezTo>
                  <a:cubicBezTo>
                    <a:pt x="669417" y="500634"/>
                    <a:pt x="684943" y="510350"/>
                    <a:pt x="710184" y="500920"/>
                  </a:cubicBezTo>
                  <a:cubicBezTo>
                    <a:pt x="723377" y="496353"/>
                    <a:pt x="737007" y="493161"/>
                    <a:pt x="750856" y="491395"/>
                  </a:cubicBezTo>
                  <a:cubicBezTo>
                    <a:pt x="788289" y="485584"/>
                    <a:pt x="827056" y="479584"/>
                    <a:pt x="857726" y="424720"/>
                  </a:cubicBezTo>
                  <a:cubicBezTo>
                    <a:pt x="894874" y="358045"/>
                    <a:pt x="949262" y="293942"/>
                    <a:pt x="1024033" y="228124"/>
                  </a:cubicBezTo>
                  <a:cubicBezTo>
                    <a:pt x="1081183" y="177737"/>
                    <a:pt x="1139666" y="62294"/>
                    <a:pt x="1160812" y="0"/>
                  </a:cubicBezTo>
                  <a:lnTo>
                    <a:pt x="1165860" y="0"/>
                  </a:lnTo>
                  <a:cubicBezTo>
                    <a:pt x="1144905" y="63151"/>
                    <a:pt x="1085660" y="180975"/>
                    <a:pt x="1027176" y="23222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00">
              <a:extLst>
                <a:ext uri="{FF2B5EF4-FFF2-40B4-BE49-F238E27FC236}">
                  <a16:creationId xmlns:a16="http://schemas.microsoft.com/office/drawing/2014/main" id="{E6E25802-756D-CD4B-A1B2-DED346EF0953}"/>
                </a:ext>
              </a:extLst>
            </p:cNvPr>
            <p:cNvSpPr/>
            <p:nvPr/>
          </p:nvSpPr>
          <p:spPr>
            <a:xfrm>
              <a:off x="0" y="285"/>
              <a:ext cx="1617535" cy="1372748"/>
            </a:xfrm>
            <a:custGeom>
              <a:avLst/>
              <a:gdLst>
                <a:gd name="connsiteX0" fmla="*/ 1404747 w 1617535"/>
                <a:gd name="connsiteY0" fmla="*/ 470154 h 1372748"/>
                <a:gd name="connsiteX1" fmla="*/ 1161479 w 1617535"/>
                <a:gd name="connsiteY1" fmla="*/ 612458 h 1372748"/>
                <a:gd name="connsiteX2" fmla="*/ 867823 w 1617535"/>
                <a:gd name="connsiteY2" fmla="*/ 814578 h 1372748"/>
                <a:gd name="connsiteX3" fmla="*/ 601123 w 1617535"/>
                <a:gd name="connsiteY3" fmla="*/ 1049846 h 1372748"/>
                <a:gd name="connsiteX4" fmla="*/ 493776 w 1617535"/>
                <a:gd name="connsiteY4" fmla="*/ 1098614 h 1372748"/>
                <a:gd name="connsiteX5" fmla="*/ 298514 w 1617535"/>
                <a:gd name="connsiteY5" fmla="*/ 1228439 h 1372748"/>
                <a:gd name="connsiteX6" fmla="*/ 271367 w 1617535"/>
                <a:gd name="connsiteY6" fmla="*/ 1272064 h 1372748"/>
                <a:gd name="connsiteX7" fmla="*/ 137446 w 1617535"/>
                <a:gd name="connsiteY7" fmla="*/ 1370076 h 1372748"/>
                <a:gd name="connsiteX8" fmla="*/ 113348 w 1617535"/>
                <a:gd name="connsiteY8" fmla="*/ 1372743 h 1372748"/>
                <a:gd name="connsiteX9" fmla="*/ 0 w 1617535"/>
                <a:gd name="connsiteY9" fmla="*/ 1345692 h 1372748"/>
                <a:gd name="connsiteX10" fmla="*/ 0 w 1617535"/>
                <a:gd name="connsiteY10" fmla="*/ 1340263 h 1372748"/>
                <a:gd name="connsiteX11" fmla="*/ 136303 w 1617535"/>
                <a:gd name="connsiteY11" fmla="*/ 1365504 h 1372748"/>
                <a:gd name="connsiteX12" fmla="*/ 267367 w 1617535"/>
                <a:gd name="connsiteY12" fmla="*/ 1269587 h 1372748"/>
                <a:gd name="connsiteX13" fmla="*/ 294513 w 1617535"/>
                <a:gd name="connsiteY13" fmla="*/ 1225868 h 1372748"/>
                <a:gd name="connsiteX14" fmla="*/ 491776 w 1617535"/>
                <a:gd name="connsiteY14" fmla="*/ 1094518 h 1372748"/>
                <a:gd name="connsiteX15" fmla="*/ 598551 w 1617535"/>
                <a:gd name="connsiteY15" fmla="*/ 1046131 h 1372748"/>
                <a:gd name="connsiteX16" fmla="*/ 863537 w 1617535"/>
                <a:gd name="connsiteY16" fmla="*/ 812673 h 1372748"/>
                <a:gd name="connsiteX17" fmla="*/ 1158812 w 1617535"/>
                <a:gd name="connsiteY17" fmla="*/ 608648 h 1372748"/>
                <a:gd name="connsiteX18" fmla="*/ 1401604 w 1617535"/>
                <a:gd name="connsiteY18" fmla="*/ 466725 h 1372748"/>
                <a:gd name="connsiteX19" fmla="*/ 1612773 w 1617535"/>
                <a:gd name="connsiteY19" fmla="*/ 0 h 1372748"/>
                <a:gd name="connsiteX20" fmla="*/ 1617536 w 1617535"/>
                <a:gd name="connsiteY20" fmla="*/ 0 h 1372748"/>
                <a:gd name="connsiteX21" fmla="*/ 1404747 w 1617535"/>
                <a:gd name="connsiteY21" fmla="*/ 470154 h 1372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17535" h="1372748">
                  <a:moveTo>
                    <a:pt x="1404747" y="470154"/>
                  </a:moveTo>
                  <a:cubicBezTo>
                    <a:pt x="1337024" y="518922"/>
                    <a:pt x="1247775" y="566452"/>
                    <a:pt x="1161479" y="612458"/>
                  </a:cubicBezTo>
                  <a:cubicBezTo>
                    <a:pt x="1028129" y="683514"/>
                    <a:pt x="902113" y="750665"/>
                    <a:pt x="867823" y="814578"/>
                  </a:cubicBezTo>
                  <a:cubicBezTo>
                    <a:pt x="810673" y="921448"/>
                    <a:pt x="705898" y="990791"/>
                    <a:pt x="601123" y="1049846"/>
                  </a:cubicBezTo>
                  <a:cubicBezTo>
                    <a:pt x="566439" y="1068418"/>
                    <a:pt x="530580" y="1084709"/>
                    <a:pt x="493776" y="1098614"/>
                  </a:cubicBezTo>
                  <a:cubicBezTo>
                    <a:pt x="415957" y="1129856"/>
                    <a:pt x="342900" y="1159288"/>
                    <a:pt x="298514" y="1228439"/>
                  </a:cubicBezTo>
                  <a:cubicBezTo>
                    <a:pt x="287750" y="1245203"/>
                    <a:pt x="279464" y="1259491"/>
                    <a:pt x="271367" y="1272064"/>
                  </a:cubicBezTo>
                  <a:cubicBezTo>
                    <a:pt x="233267" y="1335310"/>
                    <a:pt x="224790" y="1348264"/>
                    <a:pt x="137446" y="1370076"/>
                  </a:cubicBezTo>
                  <a:cubicBezTo>
                    <a:pt x="129549" y="1371930"/>
                    <a:pt x="121458" y="1372825"/>
                    <a:pt x="113348" y="1372743"/>
                  </a:cubicBezTo>
                  <a:cubicBezTo>
                    <a:pt x="81725" y="1372743"/>
                    <a:pt x="41720" y="1361694"/>
                    <a:pt x="0" y="1345692"/>
                  </a:cubicBezTo>
                  <a:lnTo>
                    <a:pt x="0" y="1340263"/>
                  </a:lnTo>
                  <a:cubicBezTo>
                    <a:pt x="53150" y="1361027"/>
                    <a:pt x="103537" y="1373600"/>
                    <a:pt x="136303" y="1365504"/>
                  </a:cubicBezTo>
                  <a:cubicBezTo>
                    <a:pt x="222028" y="1344359"/>
                    <a:pt x="228695" y="1332929"/>
                    <a:pt x="267367" y="1269587"/>
                  </a:cubicBezTo>
                  <a:cubicBezTo>
                    <a:pt x="274987" y="1256919"/>
                    <a:pt x="283750" y="1242727"/>
                    <a:pt x="294513" y="1225868"/>
                  </a:cubicBezTo>
                  <a:cubicBezTo>
                    <a:pt x="339566" y="1155859"/>
                    <a:pt x="413480" y="1126046"/>
                    <a:pt x="491776" y="1094518"/>
                  </a:cubicBezTo>
                  <a:cubicBezTo>
                    <a:pt x="528370" y="1080700"/>
                    <a:pt x="564036" y="1064537"/>
                    <a:pt x="598551" y="1046131"/>
                  </a:cubicBezTo>
                  <a:cubicBezTo>
                    <a:pt x="702564" y="987457"/>
                    <a:pt x="806768" y="918496"/>
                    <a:pt x="863537" y="812673"/>
                  </a:cubicBezTo>
                  <a:cubicBezTo>
                    <a:pt x="898588" y="747522"/>
                    <a:pt x="1025462" y="680085"/>
                    <a:pt x="1158812" y="608648"/>
                  </a:cubicBezTo>
                  <a:cubicBezTo>
                    <a:pt x="1244537" y="562737"/>
                    <a:pt x="1334072" y="515303"/>
                    <a:pt x="1401604" y="466725"/>
                  </a:cubicBezTo>
                  <a:cubicBezTo>
                    <a:pt x="1540002" y="366998"/>
                    <a:pt x="1596581" y="96393"/>
                    <a:pt x="1612773" y="0"/>
                  </a:cubicBezTo>
                  <a:lnTo>
                    <a:pt x="1617536" y="0"/>
                  </a:lnTo>
                  <a:cubicBezTo>
                    <a:pt x="1601819" y="95917"/>
                    <a:pt x="1544860" y="369189"/>
                    <a:pt x="1404747" y="47015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01">
              <a:extLst>
                <a:ext uri="{FF2B5EF4-FFF2-40B4-BE49-F238E27FC236}">
                  <a16:creationId xmlns:a16="http://schemas.microsoft.com/office/drawing/2014/main" id="{3069983B-60E8-2747-B743-3E78E7D2332F}"/>
                </a:ext>
              </a:extLst>
            </p:cNvPr>
            <p:cNvSpPr/>
            <p:nvPr/>
          </p:nvSpPr>
          <p:spPr>
            <a:xfrm>
              <a:off x="0" y="476"/>
              <a:ext cx="2133600" cy="2035375"/>
            </a:xfrm>
            <a:custGeom>
              <a:avLst/>
              <a:gdLst>
                <a:gd name="connsiteX0" fmla="*/ 1987487 w 2133600"/>
                <a:gd name="connsiteY0" fmla="*/ 248603 h 2035375"/>
                <a:gd name="connsiteX1" fmla="*/ 1891570 w 2133600"/>
                <a:gd name="connsiteY1" fmla="*/ 447961 h 2035375"/>
                <a:gd name="connsiteX2" fmla="*/ 1867948 w 2133600"/>
                <a:gd name="connsiteY2" fmla="*/ 487394 h 2035375"/>
                <a:gd name="connsiteX3" fmla="*/ 1622108 w 2133600"/>
                <a:gd name="connsiteY3" fmla="*/ 849344 h 2035375"/>
                <a:gd name="connsiteX4" fmla="*/ 1528286 w 2133600"/>
                <a:gd name="connsiteY4" fmla="*/ 938784 h 2035375"/>
                <a:gd name="connsiteX5" fmla="*/ 1508093 w 2133600"/>
                <a:gd name="connsiteY5" fmla="*/ 962311 h 2035375"/>
                <a:gd name="connsiteX6" fmla="*/ 1369790 w 2133600"/>
                <a:gd name="connsiteY6" fmla="*/ 974217 h 2035375"/>
                <a:gd name="connsiteX7" fmla="*/ 1328642 w 2133600"/>
                <a:gd name="connsiteY7" fmla="*/ 964692 h 2035375"/>
                <a:gd name="connsiteX8" fmla="*/ 1124903 w 2133600"/>
                <a:gd name="connsiteY8" fmla="*/ 1091756 h 2035375"/>
                <a:gd name="connsiteX9" fmla="*/ 1046798 w 2133600"/>
                <a:gd name="connsiteY9" fmla="*/ 1276541 h 2035375"/>
                <a:gd name="connsiteX10" fmla="*/ 1013841 w 2133600"/>
                <a:gd name="connsiteY10" fmla="*/ 1435989 h 2035375"/>
                <a:gd name="connsiteX11" fmla="*/ 813816 w 2133600"/>
                <a:gd name="connsiteY11" fmla="*/ 1880616 h 2035375"/>
                <a:gd name="connsiteX12" fmla="*/ 804291 w 2133600"/>
                <a:gd name="connsiteY12" fmla="*/ 1896809 h 2035375"/>
                <a:gd name="connsiteX13" fmla="*/ 692372 w 2133600"/>
                <a:gd name="connsiteY13" fmla="*/ 1954911 h 2035375"/>
                <a:gd name="connsiteX14" fmla="*/ 656368 w 2133600"/>
                <a:gd name="connsiteY14" fmla="*/ 1953387 h 2035375"/>
                <a:gd name="connsiteX15" fmla="*/ 537686 w 2133600"/>
                <a:gd name="connsiteY15" fmla="*/ 1991487 h 2035375"/>
                <a:gd name="connsiteX16" fmla="*/ 468344 w 2133600"/>
                <a:gd name="connsiteY16" fmla="*/ 2021872 h 2035375"/>
                <a:gd name="connsiteX17" fmla="*/ 363569 w 2133600"/>
                <a:gd name="connsiteY17" fmla="*/ 2035302 h 2035375"/>
                <a:gd name="connsiteX18" fmla="*/ 97631 w 2133600"/>
                <a:gd name="connsiteY18" fmla="*/ 1970532 h 2035375"/>
                <a:gd name="connsiteX19" fmla="*/ 0 w 2133600"/>
                <a:gd name="connsiteY19" fmla="*/ 1885474 h 2035375"/>
                <a:gd name="connsiteX20" fmla="*/ 0 w 2133600"/>
                <a:gd name="connsiteY20" fmla="*/ 1878044 h 2035375"/>
                <a:gd name="connsiteX21" fmla="*/ 100298 w 2133600"/>
                <a:gd name="connsiteY21" fmla="*/ 1966341 h 2035375"/>
                <a:gd name="connsiteX22" fmla="*/ 467392 w 2133600"/>
                <a:gd name="connsiteY22" fmla="*/ 2017300 h 2035375"/>
                <a:gd name="connsiteX23" fmla="*/ 536067 w 2133600"/>
                <a:gd name="connsiteY23" fmla="*/ 1987296 h 2035375"/>
                <a:gd name="connsiteX24" fmla="*/ 656939 w 2133600"/>
                <a:gd name="connsiteY24" fmla="*/ 1949196 h 2035375"/>
                <a:gd name="connsiteX25" fmla="*/ 693230 w 2133600"/>
                <a:gd name="connsiteY25" fmla="*/ 1950720 h 2035375"/>
                <a:gd name="connsiteX26" fmla="*/ 800672 w 2133600"/>
                <a:gd name="connsiteY26" fmla="*/ 1894999 h 2035375"/>
                <a:gd name="connsiteX27" fmla="*/ 810197 w 2133600"/>
                <a:gd name="connsiteY27" fmla="*/ 1878902 h 2035375"/>
                <a:gd name="connsiteX28" fmla="*/ 1009745 w 2133600"/>
                <a:gd name="connsiteY28" fmla="*/ 1435322 h 2035375"/>
                <a:gd name="connsiteX29" fmla="*/ 1042130 w 2133600"/>
                <a:gd name="connsiteY29" fmla="*/ 1275874 h 2035375"/>
                <a:gd name="connsiteX30" fmla="*/ 1121283 w 2133600"/>
                <a:gd name="connsiteY30" fmla="*/ 1088708 h 2035375"/>
                <a:gd name="connsiteX31" fmla="*/ 1329404 w 2133600"/>
                <a:gd name="connsiteY31" fmla="*/ 960025 h 2035375"/>
                <a:gd name="connsiteX32" fmla="*/ 1371029 w 2133600"/>
                <a:gd name="connsiteY32" fmla="*/ 969550 h 2035375"/>
                <a:gd name="connsiteX33" fmla="*/ 1504379 w 2133600"/>
                <a:gd name="connsiteY33" fmla="*/ 959168 h 2035375"/>
                <a:gd name="connsiteX34" fmla="*/ 1524572 w 2133600"/>
                <a:gd name="connsiteY34" fmla="*/ 935545 h 2035375"/>
                <a:gd name="connsiteX35" fmla="*/ 1619250 w 2133600"/>
                <a:gd name="connsiteY35" fmla="*/ 845344 h 2035375"/>
                <a:gd name="connsiteX36" fmla="*/ 1863852 w 2133600"/>
                <a:gd name="connsiteY36" fmla="*/ 485299 h 2035375"/>
                <a:gd name="connsiteX37" fmla="*/ 1887474 w 2133600"/>
                <a:gd name="connsiteY37" fmla="*/ 445865 h 2035375"/>
                <a:gd name="connsiteX38" fmla="*/ 1983105 w 2133600"/>
                <a:gd name="connsiteY38" fmla="*/ 247174 h 2035375"/>
                <a:gd name="connsiteX39" fmla="*/ 2116455 w 2133600"/>
                <a:gd name="connsiteY39" fmla="*/ 10859 h 2035375"/>
                <a:gd name="connsiteX40" fmla="*/ 2126742 w 2133600"/>
                <a:gd name="connsiteY40" fmla="*/ 0 h 2035375"/>
                <a:gd name="connsiteX41" fmla="*/ 2133600 w 2133600"/>
                <a:gd name="connsiteY41" fmla="*/ 0 h 2035375"/>
                <a:gd name="connsiteX42" fmla="*/ 2120170 w 2133600"/>
                <a:gd name="connsiteY42" fmla="*/ 14192 h 2035375"/>
                <a:gd name="connsiteX43" fmla="*/ 1987487 w 2133600"/>
                <a:gd name="connsiteY43" fmla="*/ 248603 h 203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2133600" h="2035375">
                  <a:moveTo>
                    <a:pt x="1987487" y="248603"/>
                  </a:moveTo>
                  <a:cubicBezTo>
                    <a:pt x="1960412" y="317302"/>
                    <a:pt x="1928354" y="383933"/>
                    <a:pt x="1891570" y="447961"/>
                  </a:cubicBezTo>
                  <a:lnTo>
                    <a:pt x="1867948" y="487394"/>
                  </a:lnTo>
                  <a:cubicBezTo>
                    <a:pt x="1776317" y="640366"/>
                    <a:pt x="1672495" y="813721"/>
                    <a:pt x="1622108" y="849344"/>
                  </a:cubicBezTo>
                  <a:cubicBezTo>
                    <a:pt x="1586560" y="874326"/>
                    <a:pt x="1554938" y="904471"/>
                    <a:pt x="1528286" y="938784"/>
                  </a:cubicBezTo>
                  <a:cubicBezTo>
                    <a:pt x="1522095" y="946023"/>
                    <a:pt x="1515523" y="953834"/>
                    <a:pt x="1508093" y="962311"/>
                  </a:cubicBezTo>
                  <a:cubicBezTo>
                    <a:pt x="1474280" y="1001363"/>
                    <a:pt x="1418749" y="986981"/>
                    <a:pt x="1369790" y="974217"/>
                  </a:cubicBezTo>
                  <a:cubicBezTo>
                    <a:pt x="1355122" y="970407"/>
                    <a:pt x="1341215" y="966788"/>
                    <a:pt x="1328642" y="964692"/>
                  </a:cubicBezTo>
                  <a:cubicBezTo>
                    <a:pt x="1277588" y="956691"/>
                    <a:pt x="1223391" y="975265"/>
                    <a:pt x="1124903" y="1091756"/>
                  </a:cubicBezTo>
                  <a:cubicBezTo>
                    <a:pt x="1063371" y="1164527"/>
                    <a:pt x="1057180" y="1206722"/>
                    <a:pt x="1046798" y="1276541"/>
                  </a:cubicBezTo>
                  <a:cubicBezTo>
                    <a:pt x="1039585" y="1330401"/>
                    <a:pt x="1028572" y="1383683"/>
                    <a:pt x="1013841" y="1435989"/>
                  </a:cubicBezTo>
                  <a:cubicBezTo>
                    <a:pt x="962882" y="1615726"/>
                    <a:pt x="862298" y="1794605"/>
                    <a:pt x="813816" y="1880616"/>
                  </a:cubicBezTo>
                  <a:lnTo>
                    <a:pt x="804291" y="1896809"/>
                  </a:lnTo>
                  <a:cubicBezTo>
                    <a:pt x="768953" y="1959959"/>
                    <a:pt x="738473" y="1957959"/>
                    <a:pt x="692372" y="1954911"/>
                  </a:cubicBezTo>
                  <a:cubicBezTo>
                    <a:pt x="681704" y="1954244"/>
                    <a:pt x="669512" y="1953387"/>
                    <a:pt x="656368" y="1953387"/>
                  </a:cubicBezTo>
                  <a:cubicBezTo>
                    <a:pt x="613410" y="1953387"/>
                    <a:pt x="576644" y="1971770"/>
                    <a:pt x="537686" y="1991487"/>
                  </a:cubicBezTo>
                  <a:cubicBezTo>
                    <a:pt x="515350" y="2003305"/>
                    <a:pt x="492173" y="2013461"/>
                    <a:pt x="468344" y="2021872"/>
                  </a:cubicBezTo>
                  <a:cubicBezTo>
                    <a:pt x="434273" y="2031492"/>
                    <a:pt x="398966" y="2036018"/>
                    <a:pt x="363569" y="2035302"/>
                  </a:cubicBezTo>
                  <a:cubicBezTo>
                    <a:pt x="271125" y="2034426"/>
                    <a:pt x="180125" y="2012263"/>
                    <a:pt x="97631" y="1970532"/>
                  </a:cubicBezTo>
                  <a:cubicBezTo>
                    <a:pt x="65532" y="1953959"/>
                    <a:pt x="32290" y="1923574"/>
                    <a:pt x="0" y="1885474"/>
                  </a:cubicBezTo>
                  <a:lnTo>
                    <a:pt x="0" y="1878044"/>
                  </a:lnTo>
                  <a:cubicBezTo>
                    <a:pt x="33052" y="1918049"/>
                    <a:pt x="66675" y="1949768"/>
                    <a:pt x="100298" y="1966341"/>
                  </a:cubicBezTo>
                  <a:cubicBezTo>
                    <a:pt x="264033" y="2047685"/>
                    <a:pt x="412051" y="2035207"/>
                    <a:pt x="467392" y="2017300"/>
                  </a:cubicBezTo>
                  <a:cubicBezTo>
                    <a:pt x="491005" y="2009039"/>
                    <a:pt x="513962" y="1999010"/>
                    <a:pt x="536067" y="1987296"/>
                  </a:cubicBezTo>
                  <a:cubicBezTo>
                    <a:pt x="575596" y="1967579"/>
                    <a:pt x="612838" y="1949196"/>
                    <a:pt x="656939" y="1949196"/>
                  </a:cubicBezTo>
                  <a:cubicBezTo>
                    <a:pt x="670179" y="1949196"/>
                    <a:pt x="682466" y="1950053"/>
                    <a:pt x="693230" y="1950720"/>
                  </a:cubicBezTo>
                  <a:cubicBezTo>
                    <a:pt x="739140" y="1953768"/>
                    <a:pt x="766763" y="1955578"/>
                    <a:pt x="800672" y="1894999"/>
                  </a:cubicBezTo>
                  <a:lnTo>
                    <a:pt x="810197" y="1878902"/>
                  </a:lnTo>
                  <a:cubicBezTo>
                    <a:pt x="858488" y="1793177"/>
                    <a:pt x="958977" y="1614488"/>
                    <a:pt x="1009745" y="1435322"/>
                  </a:cubicBezTo>
                  <a:cubicBezTo>
                    <a:pt x="1024270" y="1382999"/>
                    <a:pt x="1035092" y="1329718"/>
                    <a:pt x="1042130" y="1275874"/>
                  </a:cubicBezTo>
                  <a:cubicBezTo>
                    <a:pt x="1052513" y="1205198"/>
                    <a:pt x="1058894" y="1162526"/>
                    <a:pt x="1121283" y="1088708"/>
                  </a:cubicBezTo>
                  <a:cubicBezTo>
                    <a:pt x="1221105" y="970502"/>
                    <a:pt x="1276350" y="952024"/>
                    <a:pt x="1329404" y="960025"/>
                  </a:cubicBezTo>
                  <a:cubicBezTo>
                    <a:pt x="1342168" y="962025"/>
                    <a:pt x="1356170" y="965645"/>
                    <a:pt x="1371029" y="969550"/>
                  </a:cubicBezTo>
                  <a:cubicBezTo>
                    <a:pt x="1418654" y="981932"/>
                    <a:pt x="1472565" y="995934"/>
                    <a:pt x="1504379" y="959168"/>
                  </a:cubicBezTo>
                  <a:cubicBezTo>
                    <a:pt x="1511808" y="950595"/>
                    <a:pt x="1518380" y="942880"/>
                    <a:pt x="1524572" y="935545"/>
                  </a:cubicBezTo>
                  <a:cubicBezTo>
                    <a:pt x="1551465" y="900933"/>
                    <a:pt x="1583376" y="870530"/>
                    <a:pt x="1619250" y="845344"/>
                  </a:cubicBezTo>
                  <a:cubicBezTo>
                    <a:pt x="1668875" y="810387"/>
                    <a:pt x="1772507" y="637699"/>
                    <a:pt x="1863852" y="485299"/>
                  </a:cubicBezTo>
                  <a:lnTo>
                    <a:pt x="1887474" y="445865"/>
                  </a:lnTo>
                  <a:cubicBezTo>
                    <a:pt x="1924196" y="382078"/>
                    <a:pt x="1956160" y="315667"/>
                    <a:pt x="1983105" y="247174"/>
                  </a:cubicBezTo>
                  <a:cubicBezTo>
                    <a:pt x="2020634" y="157924"/>
                    <a:pt x="2056067" y="73533"/>
                    <a:pt x="2116455" y="10859"/>
                  </a:cubicBezTo>
                  <a:cubicBezTo>
                    <a:pt x="2120075" y="7144"/>
                    <a:pt x="2123313" y="3620"/>
                    <a:pt x="2126742" y="0"/>
                  </a:cubicBezTo>
                  <a:lnTo>
                    <a:pt x="2133600" y="0"/>
                  </a:lnTo>
                  <a:lnTo>
                    <a:pt x="2120170" y="14192"/>
                  </a:lnTo>
                  <a:cubicBezTo>
                    <a:pt x="2060067" y="75724"/>
                    <a:pt x="2024825" y="159734"/>
                    <a:pt x="1987487" y="24860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02">
              <a:extLst>
                <a:ext uri="{FF2B5EF4-FFF2-40B4-BE49-F238E27FC236}">
                  <a16:creationId xmlns:a16="http://schemas.microsoft.com/office/drawing/2014/main" id="{9A23C53D-46E7-0E41-801B-95D1A266F1A5}"/>
                </a:ext>
              </a:extLst>
            </p:cNvPr>
            <p:cNvSpPr/>
            <p:nvPr/>
          </p:nvSpPr>
          <p:spPr>
            <a:xfrm>
              <a:off x="380" y="0"/>
              <a:ext cx="2573464" cy="2825781"/>
            </a:xfrm>
            <a:custGeom>
              <a:avLst/>
              <a:gdLst>
                <a:gd name="connsiteX0" fmla="*/ 2213896 w 2573464"/>
                <a:gd name="connsiteY0" fmla="*/ 517208 h 2825781"/>
                <a:gd name="connsiteX1" fmla="*/ 2069306 w 2573464"/>
                <a:gd name="connsiteY1" fmla="*/ 653320 h 2825781"/>
                <a:gd name="connsiteX2" fmla="*/ 1841183 w 2573464"/>
                <a:gd name="connsiteY2" fmla="*/ 820198 h 2825781"/>
                <a:gd name="connsiteX3" fmla="*/ 1436656 w 2573464"/>
                <a:gd name="connsiteY3" fmla="*/ 1370933 h 2825781"/>
                <a:gd name="connsiteX4" fmla="*/ 1241965 w 2573464"/>
                <a:gd name="connsiteY4" fmla="*/ 1829181 h 2825781"/>
                <a:gd name="connsiteX5" fmla="*/ 978503 w 2573464"/>
                <a:gd name="connsiteY5" fmla="*/ 2195989 h 2825781"/>
                <a:gd name="connsiteX6" fmla="*/ 882682 w 2573464"/>
                <a:gd name="connsiteY6" fmla="*/ 2367439 h 2825781"/>
                <a:gd name="connsiteX7" fmla="*/ 746474 w 2573464"/>
                <a:gd name="connsiteY7" fmla="*/ 2584418 h 2825781"/>
                <a:gd name="connsiteX8" fmla="*/ 672275 w 2573464"/>
                <a:gd name="connsiteY8" fmla="*/ 2641568 h 2825781"/>
                <a:gd name="connsiteX9" fmla="*/ 453771 w 2573464"/>
                <a:gd name="connsiteY9" fmla="*/ 2755868 h 2825781"/>
                <a:gd name="connsiteX10" fmla="*/ 274225 w 2573464"/>
                <a:gd name="connsiteY10" fmla="*/ 2807399 h 2825781"/>
                <a:gd name="connsiteX11" fmla="*/ 236982 w 2573464"/>
                <a:gd name="connsiteY11" fmla="*/ 2823877 h 2825781"/>
                <a:gd name="connsiteX12" fmla="*/ 227457 w 2573464"/>
                <a:gd name="connsiteY12" fmla="*/ 2825782 h 2825781"/>
                <a:gd name="connsiteX13" fmla="*/ 211455 w 2573464"/>
                <a:gd name="connsiteY13" fmla="*/ 2821115 h 2825781"/>
                <a:gd name="connsiteX14" fmla="*/ 99727 w 2573464"/>
                <a:gd name="connsiteY14" fmla="*/ 2540794 h 2825781"/>
                <a:gd name="connsiteX15" fmla="*/ 63627 w 2573464"/>
                <a:gd name="connsiteY15" fmla="*/ 2429732 h 2825781"/>
                <a:gd name="connsiteX16" fmla="*/ 19717 w 2573464"/>
                <a:gd name="connsiteY16" fmla="*/ 2306574 h 2825781"/>
                <a:gd name="connsiteX17" fmla="*/ 1619 w 2573464"/>
                <a:gd name="connsiteY17" fmla="*/ 2192274 h 2825781"/>
                <a:gd name="connsiteX18" fmla="*/ 0 w 2573464"/>
                <a:gd name="connsiteY18" fmla="*/ 2178368 h 2825781"/>
                <a:gd name="connsiteX19" fmla="*/ 0 w 2573464"/>
                <a:gd name="connsiteY19" fmla="*/ 2143125 h 2825781"/>
                <a:gd name="connsiteX20" fmla="*/ 6382 w 2573464"/>
                <a:gd name="connsiteY20" fmla="*/ 2190750 h 2825781"/>
                <a:gd name="connsiteX21" fmla="*/ 24289 w 2573464"/>
                <a:gd name="connsiteY21" fmla="*/ 2305050 h 2825781"/>
                <a:gd name="connsiteX22" fmla="*/ 67913 w 2573464"/>
                <a:gd name="connsiteY22" fmla="*/ 2426970 h 2825781"/>
                <a:gd name="connsiteX23" fmla="*/ 104394 w 2573464"/>
                <a:gd name="connsiteY23" fmla="*/ 2539556 h 2825781"/>
                <a:gd name="connsiteX24" fmla="*/ 213836 w 2573464"/>
                <a:gd name="connsiteY24" fmla="*/ 2816543 h 2825781"/>
                <a:gd name="connsiteX25" fmla="*/ 235649 w 2573464"/>
                <a:gd name="connsiteY25" fmla="*/ 2819019 h 2825781"/>
                <a:gd name="connsiteX26" fmla="*/ 272510 w 2573464"/>
                <a:gd name="connsiteY26" fmla="*/ 2802636 h 2825781"/>
                <a:gd name="connsiteX27" fmla="*/ 453485 w 2573464"/>
                <a:gd name="connsiteY27" fmla="*/ 2750630 h 2825781"/>
                <a:gd name="connsiteX28" fmla="*/ 669703 w 2573464"/>
                <a:gd name="connsiteY28" fmla="*/ 2637663 h 2825781"/>
                <a:gd name="connsiteX29" fmla="*/ 744188 w 2573464"/>
                <a:gd name="connsiteY29" fmla="*/ 2580513 h 2825781"/>
                <a:gd name="connsiteX30" fmla="*/ 878777 w 2573464"/>
                <a:gd name="connsiteY30" fmla="*/ 2365534 h 2825781"/>
                <a:gd name="connsiteX31" fmla="*/ 975455 w 2573464"/>
                <a:gd name="connsiteY31" fmla="*/ 2193036 h 2825781"/>
                <a:gd name="connsiteX32" fmla="*/ 1238345 w 2573464"/>
                <a:gd name="connsiteY32" fmla="*/ 1826895 h 2825781"/>
                <a:gd name="connsiteX33" fmla="*/ 1432560 w 2573464"/>
                <a:gd name="connsiteY33" fmla="*/ 1369695 h 2825781"/>
                <a:gd name="connsiteX34" fmla="*/ 1840230 w 2573464"/>
                <a:gd name="connsiteY34" fmla="*/ 815816 h 2825781"/>
                <a:gd name="connsiteX35" fmla="*/ 2066354 w 2573464"/>
                <a:gd name="connsiteY35" fmla="*/ 650177 h 2825781"/>
                <a:gd name="connsiteX36" fmla="*/ 2211134 w 2573464"/>
                <a:gd name="connsiteY36" fmla="*/ 513779 h 2825781"/>
                <a:gd name="connsiteX37" fmla="*/ 2568035 w 2573464"/>
                <a:gd name="connsiteY37" fmla="*/ 0 h 2825781"/>
                <a:gd name="connsiteX38" fmla="*/ 2573465 w 2573464"/>
                <a:gd name="connsiteY38" fmla="*/ 0 h 2825781"/>
                <a:gd name="connsiteX39" fmla="*/ 2213896 w 2573464"/>
                <a:gd name="connsiteY39" fmla="*/ 517208 h 28257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573464" h="2825781">
                  <a:moveTo>
                    <a:pt x="2213896" y="517208"/>
                  </a:moveTo>
                  <a:cubicBezTo>
                    <a:pt x="2156746" y="565499"/>
                    <a:pt x="2110359" y="612458"/>
                    <a:pt x="2069306" y="653320"/>
                  </a:cubicBezTo>
                  <a:cubicBezTo>
                    <a:pt x="1990344" y="732473"/>
                    <a:pt x="1928146" y="794861"/>
                    <a:pt x="1841183" y="820198"/>
                  </a:cubicBezTo>
                  <a:cubicBezTo>
                    <a:pt x="1707833" y="858965"/>
                    <a:pt x="1466660" y="1280065"/>
                    <a:pt x="1436656" y="1370933"/>
                  </a:cubicBezTo>
                  <a:cubicBezTo>
                    <a:pt x="1419035" y="1424464"/>
                    <a:pt x="1326737" y="1698117"/>
                    <a:pt x="1241965" y="1829181"/>
                  </a:cubicBezTo>
                  <a:cubicBezTo>
                    <a:pt x="1178147" y="1927765"/>
                    <a:pt x="1059466" y="2111216"/>
                    <a:pt x="978503" y="2195989"/>
                  </a:cubicBezTo>
                  <a:cubicBezTo>
                    <a:pt x="944880" y="2231327"/>
                    <a:pt x="914686" y="2297335"/>
                    <a:pt x="882682" y="2367439"/>
                  </a:cubicBezTo>
                  <a:cubicBezTo>
                    <a:pt x="842010" y="2456307"/>
                    <a:pt x="799909" y="2548414"/>
                    <a:pt x="746474" y="2584418"/>
                  </a:cubicBezTo>
                  <a:cubicBezTo>
                    <a:pt x="720471" y="2602135"/>
                    <a:pt x="695992" y="2622042"/>
                    <a:pt x="672275" y="2641568"/>
                  </a:cubicBezTo>
                  <a:cubicBezTo>
                    <a:pt x="608076" y="2693765"/>
                    <a:pt x="547497" y="2743200"/>
                    <a:pt x="453771" y="2755868"/>
                  </a:cubicBezTo>
                  <a:cubicBezTo>
                    <a:pt x="356235" y="2768822"/>
                    <a:pt x="312611" y="2789301"/>
                    <a:pt x="274225" y="2807399"/>
                  </a:cubicBezTo>
                  <a:cubicBezTo>
                    <a:pt x="261747" y="2813209"/>
                    <a:pt x="250031" y="2818733"/>
                    <a:pt x="236982" y="2823877"/>
                  </a:cubicBezTo>
                  <a:cubicBezTo>
                    <a:pt x="233944" y="2825068"/>
                    <a:pt x="230719" y="2825713"/>
                    <a:pt x="227457" y="2825782"/>
                  </a:cubicBezTo>
                  <a:cubicBezTo>
                    <a:pt x="221802" y="2825681"/>
                    <a:pt x="216278" y="2824069"/>
                    <a:pt x="211455" y="2821115"/>
                  </a:cubicBezTo>
                  <a:cubicBezTo>
                    <a:pt x="161639" y="2792540"/>
                    <a:pt x="115348" y="2637091"/>
                    <a:pt x="99727" y="2540794"/>
                  </a:cubicBezTo>
                  <a:cubicBezTo>
                    <a:pt x="89630" y="2478596"/>
                    <a:pt x="77629" y="2455926"/>
                    <a:pt x="63627" y="2429732"/>
                  </a:cubicBezTo>
                  <a:cubicBezTo>
                    <a:pt x="42637" y="2391230"/>
                    <a:pt x="27820" y="2349671"/>
                    <a:pt x="19717" y="2306574"/>
                  </a:cubicBezTo>
                  <a:cubicBezTo>
                    <a:pt x="11462" y="2268859"/>
                    <a:pt x="5419" y="2230694"/>
                    <a:pt x="1619" y="2192274"/>
                  </a:cubicBezTo>
                  <a:cubicBezTo>
                    <a:pt x="1048" y="2187512"/>
                    <a:pt x="572" y="2182749"/>
                    <a:pt x="0" y="2178368"/>
                  </a:cubicBezTo>
                  <a:lnTo>
                    <a:pt x="0" y="2143125"/>
                  </a:lnTo>
                  <a:cubicBezTo>
                    <a:pt x="2572" y="2157984"/>
                    <a:pt x="4382" y="2173700"/>
                    <a:pt x="6382" y="2190750"/>
                  </a:cubicBezTo>
                  <a:cubicBezTo>
                    <a:pt x="10136" y="2229164"/>
                    <a:pt x="16115" y="2267328"/>
                    <a:pt x="24289" y="2305050"/>
                  </a:cubicBezTo>
                  <a:cubicBezTo>
                    <a:pt x="39814" y="2374106"/>
                    <a:pt x="54674" y="2402205"/>
                    <a:pt x="67913" y="2426970"/>
                  </a:cubicBezTo>
                  <a:cubicBezTo>
                    <a:pt x="82010" y="2453640"/>
                    <a:pt x="94202" y="2476595"/>
                    <a:pt x="104394" y="2539556"/>
                  </a:cubicBezTo>
                  <a:cubicBezTo>
                    <a:pt x="122872" y="2653284"/>
                    <a:pt x="169926" y="2791492"/>
                    <a:pt x="213836" y="2816543"/>
                  </a:cubicBezTo>
                  <a:cubicBezTo>
                    <a:pt x="220309" y="2820765"/>
                    <a:pt x="228394" y="2821683"/>
                    <a:pt x="235649" y="2819019"/>
                  </a:cubicBezTo>
                  <a:cubicBezTo>
                    <a:pt x="248507" y="2813876"/>
                    <a:pt x="260223" y="2808446"/>
                    <a:pt x="272510" y="2802636"/>
                  </a:cubicBezTo>
                  <a:cubicBezTo>
                    <a:pt x="311277" y="2784348"/>
                    <a:pt x="355187" y="2763679"/>
                    <a:pt x="453485" y="2750630"/>
                  </a:cubicBezTo>
                  <a:cubicBezTo>
                    <a:pt x="545878" y="2738438"/>
                    <a:pt x="605885" y="2689479"/>
                    <a:pt x="669703" y="2637663"/>
                  </a:cubicBezTo>
                  <a:cubicBezTo>
                    <a:pt x="693420" y="2618613"/>
                    <a:pt x="717995" y="2598325"/>
                    <a:pt x="744188" y="2580513"/>
                  </a:cubicBezTo>
                  <a:cubicBezTo>
                    <a:pt x="796576" y="2545080"/>
                    <a:pt x="838295" y="2453735"/>
                    <a:pt x="878777" y="2365534"/>
                  </a:cubicBezTo>
                  <a:cubicBezTo>
                    <a:pt x="910876" y="2295239"/>
                    <a:pt x="941261" y="2228945"/>
                    <a:pt x="975455" y="2193036"/>
                  </a:cubicBezTo>
                  <a:cubicBezTo>
                    <a:pt x="1056037" y="2108549"/>
                    <a:pt x="1174623" y="1925288"/>
                    <a:pt x="1238345" y="1826895"/>
                  </a:cubicBezTo>
                  <a:cubicBezTo>
                    <a:pt x="1322832" y="1696307"/>
                    <a:pt x="1414939" y="1423226"/>
                    <a:pt x="1432560" y="1369695"/>
                  </a:cubicBezTo>
                  <a:cubicBezTo>
                    <a:pt x="1462659" y="1278255"/>
                    <a:pt x="1706118" y="855345"/>
                    <a:pt x="1840230" y="815816"/>
                  </a:cubicBezTo>
                  <a:cubicBezTo>
                    <a:pt x="1925955" y="790861"/>
                    <a:pt x="1987868" y="728758"/>
                    <a:pt x="2066354" y="650177"/>
                  </a:cubicBezTo>
                  <a:cubicBezTo>
                    <a:pt x="2107406" y="608933"/>
                    <a:pt x="2154079" y="562166"/>
                    <a:pt x="2211134" y="513779"/>
                  </a:cubicBezTo>
                  <a:cubicBezTo>
                    <a:pt x="2327624" y="414528"/>
                    <a:pt x="2486120" y="146685"/>
                    <a:pt x="2568035" y="0"/>
                  </a:cubicBezTo>
                  <a:lnTo>
                    <a:pt x="2573465" y="0"/>
                  </a:lnTo>
                  <a:cubicBezTo>
                    <a:pt x="2491835" y="146399"/>
                    <a:pt x="2331911" y="417195"/>
                    <a:pt x="2213896" y="51720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03">
              <a:extLst>
                <a:ext uri="{FF2B5EF4-FFF2-40B4-BE49-F238E27FC236}">
                  <a16:creationId xmlns:a16="http://schemas.microsoft.com/office/drawing/2014/main" id="{1EA23BCD-849A-7748-822B-8CEF8316028F}"/>
                </a:ext>
              </a:extLst>
            </p:cNvPr>
            <p:cNvSpPr/>
            <p:nvPr/>
          </p:nvSpPr>
          <p:spPr>
            <a:xfrm>
              <a:off x="3009047" y="-952"/>
              <a:ext cx="4512462" cy="7316152"/>
            </a:xfrm>
            <a:custGeom>
              <a:avLst/>
              <a:gdLst>
                <a:gd name="connsiteX0" fmla="*/ 35333 w 4512462"/>
                <a:gd name="connsiteY0" fmla="*/ 415481 h 7316152"/>
                <a:gd name="connsiteX1" fmla="*/ 451670 w 4512462"/>
                <a:gd name="connsiteY1" fmla="*/ 1306830 h 7316152"/>
                <a:gd name="connsiteX2" fmla="*/ 589783 w 4512462"/>
                <a:gd name="connsiteY2" fmla="*/ 1307306 h 7316152"/>
                <a:gd name="connsiteX3" fmla="*/ 641123 w 4512462"/>
                <a:gd name="connsiteY3" fmla="*/ 1307306 h 7316152"/>
                <a:gd name="connsiteX4" fmla="*/ 819431 w 4512462"/>
                <a:gd name="connsiteY4" fmla="*/ 1368838 h 7316152"/>
                <a:gd name="connsiteX5" fmla="*/ 826955 w 4512462"/>
                <a:gd name="connsiteY5" fmla="*/ 1368838 h 7316152"/>
                <a:gd name="connsiteX6" fmla="*/ 1000977 w 4512462"/>
                <a:gd name="connsiteY6" fmla="*/ 1303306 h 7316152"/>
                <a:gd name="connsiteX7" fmla="*/ 1098227 w 4512462"/>
                <a:gd name="connsiteY7" fmla="*/ 1204817 h 7316152"/>
                <a:gd name="connsiteX8" fmla="*/ 1223957 w 4512462"/>
                <a:gd name="connsiteY8" fmla="*/ 1077468 h 7316152"/>
                <a:gd name="connsiteX9" fmla="*/ 1281107 w 4512462"/>
                <a:gd name="connsiteY9" fmla="*/ 1019556 h 7316152"/>
                <a:gd name="connsiteX10" fmla="*/ 1447890 w 4512462"/>
                <a:gd name="connsiteY10" fmla="*/ 914781 h 7316152"/>
                <a:gd name="connsiteX11" fmla="*/ 1716305 w 4512462"/>
                <a:gd name="connsiteY11" fmla="*/ 821246 h 7316152"/>
                <a:gd name="connsiteX12" fmla="*/ 1775455 w 4512462"/>
                <a:gd name="connsiteY12" fmla="*/ 789051 h 7316152"/>
                <a:gd name="connsiteX13" fmla="*/ 1985005 w 4512462"/>
                <a:gd name="connsiteY13" fmla="*/ 757809 h 7316152"/>
                <a:gd name="connsiteX14" fmla="*/ 2171314 w 4512462"/>
                <a:gd name="connsiteY14" fmla="*/ 1078135 h 7316152"/>
                <a:gd name="connsiteX15" fmla="*/ 2195698 w 4512462"/>
                <a:gd name="connsiteY15" fmla="*/ 1137095 h 7316152"/>
                <a:gd name="connsiteX16" fmla="*/ 2288757 w 4512462"/>
                <a:gd name="connsiteY16" fmla="*/ 1398175 h 7316152"/>
                <a:gd name="connsiteX17" fmla="*/ 2302473 w 4512462"/>
                <a:gd name="connsiteY17" fmla="*/ 1631537 h 7316152"/>
                <a:gd name="connsiteX18" fmla="*/ 2308760 w 4512462"/>
                <a:gd name="connsiteY18" fmla="*/ 1798987 h 7316152"/>
                <a:gd name="connsiteX19" fmla="*/ 2419631 w 4512462"/>
                <a:gd name="connsiteY19" fmla="*/ 2061782 h 7316152"/>
                <a:gd name="connsiteX20" fmla="*/ 2492402 w 4512462"/>
                <a:gd name="connsiteY20" fmla="*/ 2148935 h 7316152"/>
                <a:gd name="connsiteX21" fmla="*/ 2588319 w 4512462"/>
                <a:gd name="connsiteY21" fmla="*/ 2261997 h 7316152"/>
                <a:gd name="connsiteX22" fmla="*/ 2674044 w 4512462"/>
                <a:gd name="connsiteY22" fmla="*/ 2359533 h 7316152"/>
                <a:gd name="connsiteX23" fmla="*/ 2871497 w 4512462"/>
                <a:gd name="connsiteY23" fmla="*/ 2564321 h 7316152"/>
                <a:gd name="connsiteX24" fmla="*/ 2943791 w 4512462"/>
                <a:gd name="connsiteY24" fmla="*/ 2611374 h 7316152"/>
                <a:gd name="connsiteX25" fmla="*/ 3060949 w 4512462"/>
                <a:gd name="connsiteY25" fmla="*/ 2727103 h 7316152"/>
                <a:gd name="connsiteX26" fmla="*/ 3148484 w 4512462"/>
                <a:gd name="connsiteY26" fmla="*/ 2836260 h 7316152"/>
                <a:gd name="connsiteX27" fmla="*/ 3267070 w 4512462"/>
                <a:gd name="connsiteY27" fmla="*/ 3004471 h 7316152"/>
                <a:gd name="connsiteX28" fmla="*/ 3285072 w 4512462"/>
                <a:gd name="connsiteY28" fmla="*/ 3082385 h 7316152"/>
                <a:gd name="connsiteX29" fmla="*/ 3363368 w 4512462"/>
                <a:gd name="connsiteY29" fmla="*/ 3182207 h 7316152"/>
                <a:gd name="connsiteX30" fmla="*/ 3570346 w 4512462"/>
                <a:gd name="connsiteY30" fmla="*/ 3278981 h 7316152"/>
                <a:gd name="connsiteX31" fmla="*/ 3858382 w 4512462"/>
                <a:gd name="connsiteY31" fmla="*/ 3434239 h 7316152"/>
                <a:gd name="connsiteX32" fmla="*/ 3900959 w 4512462"/>
                <a:gd name="connsiteY32" fmla="*/ 3489770 h 7316152"/>
                <a:gd name="connsiteX33" fmla="*/ 4042214 w 4512462"/>
                <a:gd name="connsiteY33" fmla="*/ 3827621 h 7316152"/>
                <a:gd name="connsiteX34" fmla="*/ 4002400 w 4512462"/>
                <a:gd name="connsiteY34" fmla="*/ 4331685 h 7316152"/>
                <a:gd name="connsiteX35" fmla="*/ 3979254 w 4512462"/>
                <a:gd name="connsiteY35" fmla="*/ 4576858 h 7316152"/>
                <a:gd name="connsiteX36" fmla="*/ 3961823 w 4512462"/>
                <a:gd name="connsiteY36" fmla="*/ 4720590 h 7316152"/>
                <a:gd name="connsiteX37" fmla="*/ 3939249 w 4512462"/>
                <a:gd name="connsiteY37" fmla="*/ 5041964 h 7316152"/>
                <a:gd name="connsiteX38" fmla="*/ 3938106 w 4512462"/>
                <a:gd name="connsiteY38" fmla="*/ 5288661 h 7316152"/>
                <a:gd name="connsiteX39" fmla="*/ 3936392 w 4512462"/>
                <a:gd name="connsiteY39" fmla="*/ 5571459 h 7316152"/>
                <a:gd name="connsiteX40" fmla="*/ 3970491 w 4512462"/>
                <a:gd name="connsiteY40" fmla="*/ 5809584 h 7316152"/>
                <a:gd name="connsiteX41" fmla="*/ 3987827 w 4512462"/>
                <a:gd name="connsiteY41" fmla="*/ 5949887 h 7316152"/>
                <a:gd name="connsiteX42" fmla="*/ 4042119 w 4512462"/>
                <a:gd name="connsiteY42" fmla="*/ 6332410 h 7316152"/>
                <a:gd name="connsiteX43" fmla="*/ 4078028 w 4512462"/>
                <a:gd name="connsiteY43" fmla="*/ 6426708 h 7316152"/>
                <a:gd name="connsiteX44" fmla="*/ 4241954 w 4512462"/>
                <a:gd name="connsiteY44" fmla="*/ 6779133 h 7316152"/>
                <a:gd name="connsiteX45" fmla="*/ 4339585 w 4512462"/>
                <a:gd name="connsiteY45" fmla="*/ 6891909 h 7316152"/>
                <a:gd name="connsiteX46" fmla="*/ 4462553 w 4512462"/>
                <a:gd name="connsiteY46" fmla="*/ 7069836 h 7316152"/>
                <a:gd name="connsiteX47" fmla="*/ 4473030 w 4512462"/>
                <a:gd name="connsiteY47" fmla="*/ 7173849 h 7316152"/>
                <a:gd name="connsiteX48" fmla="*/ 4485317 w 4512462"/>
                <a:gd name="connsiteY48" fmla="*/ 7261289 h 7316152"/>
                <a:gd name="connsiteX49" fmla="*/ 4512463 w 4512462"/>
                <a:gd name="connsiteY49" fmla="*/ 7316153 h 7316152"/>
                <a:gd name="connsiteX50" fmla="*/ 4506939 w 4512462"/>
                <a:gd name="connsiteY50" fmla="*/ 7316153 h 7316152"/>
                <a:gd name="connsiteX51" fmla="*/ 4480936 w 4512462"/>
                <a:gd name="connsiteY51" fmla="*/ 7263003 h 7316152"/>
                <a:gd name="connsiteX52" fmla="*/ 4468268 w 4512462"/>
                <a:gd name="connsiteY52" fmla="*/ 7173754 h 7316152"/>
                <a:gd name="connsiteX53" fmla="*/ 4457886 w 4512462"/>
                <a:gd name="connsiteY53" fmla="*/ 7070979 h 7316152"/>
                <a:gd name="connsiteX54" fmla="*/ 4336156 w 4512462"/>
                <a:gd name="connsiteY54" fmla="*/ 6895148 h 7316152"/>
                <a:gd name="connsiteX55" fmla="*/ 4238144 w 4512462"/>
                <a:gd name="connsiteY55" fmla="*/ 6782086 h 7316152"/>
                <a:gd name="connsiteX56" fmla="*/ 4073552 w 4512462"/>
                <a:gd name="connsiteY56" fmla="*/ 6428137 h 7316152"/>
                <a:gd name="connsiteX57" fmla="*/ 4037738 w 4512462"/>
                <a:gd name="connsiteY57" fmla="*/ 6334125 h 7316152"/>
                <a:gd name="connsiteX58" fmla="*/ 3983064 w 4512462"/>
                <a:gd name="connsiteY58" fmla="*/ 5949601 h 7316152"/>
                <a:gd name="connsiteX59" fmla="*/ 3965919 w 4512462"/>
                <a:gd name="connsiteY59" fmla="*/ 5810537 h 7316152"/>
                <a:gd name="connsiteX60" fmla="*/ 3931629 w 4512462"/>
                <a:gd name="connsiteY60" fmla="*/ 5571554 h 7316152"/>
                <a:gd name="connsiteX61" fmla="*/ 3933344 w 4512462"/>
                <a:gd name="connsiteY61" fmla="*/ 5288185 h 7316152"/>
                <a:gd name="connsiteX62" fmla="*/ 3934487 w 4512462"/>
                <a:gd name="connsiteY62" fmla="*/ 5042154 h 7316152"/>
                <a:gd name="connsiteX63" fmla="*/ 3957156 w 4512462"/>
                <a:gd name="connsiteY63" fmla="*/ 4719638 h 7316152"/>
                <a:gd name="connsiteX64" fmla="*/ 3974492 w 4512462"/>
                <a:gd name="connsiteY64" fmla="*/ 4576763 h 7316152"/>
                <a:gd name="connsiteX65" fmla="*/ 3997637 w 4512462"/>
                <a:gd name="connsiteY65" fmla="*/ 4331113 h 7316152"/>
                <a:gd name="connsiteX66" fmla="*/ 4037452 w 4512462"/>
                <a:gd name="connsiteY66" fmla="*/ 3827717 h 7316152"/>
                <a:gd name="connsiteX67" fmla="*/ 3897244 w 4512462"/>
                <a:gd name="connsiteY67" fmla="*/ 3492722 h 7316152"/>
                <a:gd name="connsiteX68" fmla="*/ 3854382 w 4512462"/>
                <a:gd name="connsiteY68" fmla="*/ 3436906 h 7316152"/>
                <a:gd name="connsiteX69" fmla="*/ 3568632 w 4512462"/>
                <a:gd name="connsiteY69" fmla="*/ 3283363 h 7316152"/>
                <a:gd name="connsiteX70" fmla="*/ 3360796 w 4512462"/>
                <a:gd name="connsiteY70" fmla="*/ 3186113 h 7316152"/>
                <a:gd name="connsiteX71" fmla="*/ 3280405 w 4512462"/>
                <a:gd name="connsiteY71" fmla="*/ 3083052 h 7316152"/>
                <a:gd name="connsiteX72" fmla="*/ 3262593 w 4512462"/>
                <a:gd name="connsiteY72" fmla="*/ 3005995 h 7316152"/>
                <a:gd name="connsiteX73" fmla="*/ 3145054 w 4512462"/>
                <a:gd name="connsiteY73" fmla="*/ 2839498 h 7316152"/>
                <a:gd name="connsiteX74" fmla="*/ 3056853 w 4512462"/>
                <a:gd name="connsiteY74" fmla="*/ 2729389 h 7316152"/>
                <a:gd name="connsiteX75" fmla="*/ 2941315 w 4512462"/>
                <a:gd name="connsiteY75" fmla="*/ 2615089 h 7316152"/>
                <a:gd name="connsiteX76" fmla="*/ 2868829 w 4512462"/>
                <a:gd name="connsiteY76" fmla="*/ 2567464 h 7316152"/>
                <a:gd name="connsiteX77" fmla="*/ 2670424 w 4512462"/>
                <a:gd name="connsiteY77" fmla="*/ 2361819 h 7316152"/>
                <a:gd name="connsiteX78" fmla="*/ 2585461 w 4512462"/>
                <a:gd name="connsiteY78" fmla="*/ 2264664 h 7316152"/>
                <a:gd name="connsiteX79" fmla="*/ 2488972 w 4512462"/>
                <a:gd name="connsiteY79" fmla="*/ 2151126 h 7316152"/>
                <a:gd name="connsiteX80" fmla="*/ 2416677 w 4512462"/>
                <a:gd name="connsiteY80" fmla="*/ 2064353 h 7316152"/>
                <a:gd name="connsiteX81" fmla="*/ 2304473 w 4512462"/>
                <a:gd name="connsiteY81" fmla="*/ 1798701 h 7316152"/>
                <a:gd name="connsiteX82" fmla="*/ 2298092 w 4512462"/>
                <a:gd name="connsiteY82" fmla="*/ 1630871 h 7316152"/>
                <a:gd name="connsiteX83" fmla="*/ 2284471 w 4512462"/>
                <a:gd name="connsiteY83" fmla="*/ 1398365 h 7316152"/>
                <a:gd name="connsiteX84" fmla="*/ 2191698 w 4512462"/>
                <a:gd name="connsiteY84" fmla="*/ 1138238 h 7316152"/>
                <a:gd name="connsiteX85" fmla="*/ 2167314 w 4512462"/>
                <a:gd name="connsiteY85" fmla="*/ 1079183 h 7316152"/>
                <a:gd name="connsiteX86" fmla="*/ 1981861 w 4512462"/>
                <a:gd name="connsiteY86" fmla="*/ 760286 h 7316152"/>
                <a:gd name="connsiteX87" fmla="*/ 1778122 w 4512462"/>
                <a:gd name="connsiteY87" fmla="*/ 792480 h 7316152"/>
                <a:gd name="connsiteX88" fmla="*/ 1718686 w 4512462"/>
                <a:gd name="connsiteY88" fmla="*/ 824770 h 7316152"/>
                <a:gd name="connsiteX89" fmla="*/ 1449414 w 4512462"/>
                <a:gd name="connsiteY89" fmla="*/ 918686 h 7316152"/>
                <a:gd name="connsiteX90" fmla="*/ 1284822 w 4512462"/>
                <a:gd name="connsiteY90" fmla="*/ 1021937 h 7316152"/>
                <a:gd name="connsiteX91" fmla="*/ 1227672 w 4512462"/>
                <a:gd name="connsiteY91" fmla="*/ 1080040 h 7316152"/>
                <a:gd name="connsiteX92" fmla="*/ 1102037 w 4512462"/>
                <a:gd name="connsiteY92" fmla="*/ 1207199 h 7316152"/>
                <a:gd name="connsiteX93" fmla="*/ 1004597 w 4512462"/>
                <a:gd name="connsiteY93" fmla="*/ 1305878 h 7316152"/>
                <a:gd name="connsiteX94" fmla="*/ 827527 w 4512462"/>
                <a:gd name="connsiteY94" fmla="*/ 1372553 h 7316152"/>
                <a:gd name="connsiteX95" fmla="*/ 820002 w 4512462"/>
                <a:gd name="connsiteY95" fmla="*/ 1372553 h 7316152"/>
                <a:gd name="connsiteX96" fmla="*/ 638265 w 4512462"/>
                <a:gd name="connsiteY96" fmla="*/ 1309592 h 7316152"/>
                <a:gd name="connsiteX97" fmla="*/ 592831 w 4512462"/>
                <a:gd name="connsiteY97" fmla="*/ 1310164 h 7316152"/>
                <a:gd name="connsiteX98" fmla="*/ 449956 w 4512462"/>
                <a:gd name="connsiteY98" fmla="*/ 1310164 h 7316152"/>
                <a:gd name="connsiteX99" fmla="*/ 30856 w 4512462"/>
                <a:gd name="connsiteY99" fmla="*/ 415957 h 7316152"/>
                <a:gd name="connsiteX100" fmla="*/ 7805 w 4512462"/>
                <a:gd name="connsiteY100" fmla="*/ 0 h 7316152"/>
                <a:gd name="connsiteX101" fmla="*/ 12568 w 4512462"/>
                <a:gd name="connsiteY101" fmla="*/ 0 h 7316152"/>
                <a:gd name="connsiteX102" fmla="*/ 35333 w 4512462"/>
                <a:gd name="connsiteY102" fmla="*/ 415481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Lst>
              <a:rect l="l" t="t" r="r" b="b"/>
              <a:pathLst>
                <a:path w="4512462" h="7316152">
                  <a:moveTo>
                    <a:pt x="35333" y="415481"/>
                  </a:moveTo>
                  <a:cubicBezTo>
                    <a:pt x="117152" y="662369"/>
                    <a:pt x="321559" y="1243489"/>
                    <a:pt x="451670" y="1306830"/>
                  </a:cubicBezTo>
                  <a:cubicBezTo>
                    <a:pt x="532918" y="1346359"/>
                    <a:pt x="565970" y="1323785"/>
                    <a:pt x="589783" y="1307306"/>
                  </a:cubicBezTo>
                  <a:cubicBezTo>
                    <a:pt x="606547" y="1295781"/>
                    <a:pt x="619882" y="1286637"/>
                    <a:pt x="641123" y="1307306"/>
                  </a:cubicBezTo>
                  <a:cubicBezTo>
                    <a:pt x="686366" y="1350931"/>
                    <a:pt x="766567" y="1371600"/>
                    <a:pt x="819431" y="1368838"/>
                  </a:cubicBezTo>
                  <a:lnTo>
                    <a:pt x="826955" y="1368838"/>
                  </a:lnTo>
                  <a:cubicBezTo>
                    <a:pt x="875723" y="1366457"/>
                    <a:pt x="936398" y="1363408"/>
                    <a:pt x="1000977" y="1303306"/>
                  </a:cubicBezTo>
                  <a:cubicBezTo>
                    <a:pt x="1033743" y="1272826"/>
                    <a:pt x="1065080" y="1239774"/>
                    <a:pt x="1098227" y="1204817"/>
                  </a:cubicBezTo>
                  <a:cubicBezTo>
                    <a:pt x="1134137" y="1166717"/>
                    <a:pt x="1174427" y="1124236"/>
                    <a:pt x="1223957" y="1077468"/>
                  </a:cubicBezTo>
                  <a:cubicBezTo>
                    <a:pt x="1247198" y="1055561"/>
                    <a:pt x="1265296" y="1036415"/>
                    <a:pt x="1281107" y="1019556"/>
                  </a:cubicBezTo>
                  <a:cubicBezTo>
                    <a:pt x="1329590" y="968502"/>
                    <a:pt x="1358831" y="937641"/>
                    <a:pt x="1447890" y="914781"/>
                  </a:cubicBezTo>
                  <a:cubicBezTo>
                    <a:pt x="1567905" y="884301"/>
                    <a:pt x="1630580" y="862394"/>
                    <a:pt x="1716305" y="821246"/>
                  </a:cubicBezTo>
                  <a:cubicBezTo>
                    <a:pt x="1735355" y="811721"/>
                    <a:pt x="1754405" y="800957"/>
                    <a:pt x="1775455" y="789051"/>
                  </a:cubicBezTo>
                  <a:cubicBezTo>
                    <a:pt x="1852512" y="745046"/>
                    <a:pt x="1932046" y="699421"/>
                    <a:pt x="1985005" y="757809"/>
                  </a:cubicBezTo>
                  <a:cubicBezTo>
                    <a:pt x="2050728" y="830199"/>
                    <a:pt x="2143025" y="1006412"/>
                    <a:pt x="2171314" y="1078135"/>
                  </a:cubicBezTo>
                  <a:cubicBezTo>
                    <a:pt x="2177791" y="1094423"/>
                    <a:pt x="2186078" y="1114235"/>
                    <a:pt x="2195698" y="1137095"/>
                  </a:cubicBezTo>
                  <a:cubicBezTo>
                    <a:pt x="2228369" y="1215104"/>
                    <a:pt x="2273136" y="1321975"/>
                    <a:pt x="2288757" y="1398175"/>
                  </a:cubicBezTo>
                  <a:cubicBezTo>
                    <a:pt x="2300282" y="1455325"/>
                    <a:pt x="2301426" y="1544669"/>
                    <a:pt x="2302473" y="1631537"/>
                  </a:cubicBezTo>
                  <a:cubicBezTo>
                    <a:pt x="2303235" y="1695355"/>
                    <a:pt x="2303902" y="1755362"/>
                    <a:pt x="2308760" y="1798987"/>
                  </a:cubicBezTo>
                  <a:cubicBezTo>
                    <a:pt x="2319904" y="1898523"/>
                    <a:pt x="2366576" y="2009013"/>
                    <a:pt x="2419631" y="2061782"/>
                  </a:cubicBezTo>
                  <a:cubicBezTo>
                    <a:pt x="2445701" y="2089269"/>
                    <a:pt x="2470007" y="2118378"/>
                    <a:pt x="2492402" y="2148935"/>
                  </a:cubicBezTo>
                  <a:cubicBezTo>
                    <a:pt x="2521670" y="2188835"/>
                    <a:pt x="2553723" y="2226617"/>
                    <a:pt x="2588319" y="2261997"/>
                  </a:cubicBezTo>
                  <a:cubicBezTo>
                    <a:pt x="2611654" y="2284667"/>
                    <a:pt x="2640420" y="2319147"/>
                    <a:pt x="2674044" y="2359533"/>
                  </a:cubicBezTo>
                  <a:cubicBezTo>
                    <a:pt x="2732432" y="2429923"/>
                    <a:pt x="2805107" y="2517648"/>
                    <a:pt x="2871497" y="2564321"/>
                  </a:cubicBezTo>
                  <a:cubicBezTo>
                    <a:pt x="2900072" y="2584418"/>
                    <a:pt x="2923313" y="2598801"/>
                    <a:pt x="2943791" y="2611374"/>
                  </a:cubicBezTo>
                  <a:cubicBezTo>
                    <a:pt x="2996465" y="2644045"/>
                    <a:pt x="3025611" y="2661952"/>
                    <a:pt x="3060949" y="2727103"/>
                  </a:cubicBezTo>
                  <a:cubicBezTo>
                    <a:pt x="3081237" y="2764441"/>
                    <a:pt x="3113908" y="2799302"/>
                    <a:pt x="3148484" y="2836260"/>
                  </a:cubicBezTo>
                  <a:cubicBezTo>
                    <a:pt x="3196109" y="2887123"/>
                    <a:pt x="3245353" y="2939796"/>
                    <a:pt x="3267070" y="3004471"/>
                  </a:cubicBezTo>
                  <a:cubicBezTo>
                    <a:pt x="3275658" y="3029776"/>
                    <a:pt x="3281689" y="3055878"/>
                    <a:pt x="3285072" y="3082385"/>
                  </a:cubicBezTo>
                  <a:cubicBezTo>
                    <a:pt x="3290501" y="3120485"/>
                    <a:pt x="3292407" y="3133630"/>
                    <a:pt x="3363368" y="3182207"/>
                  </a:cubicBezTo>
                  <a:cubicBezTo>
                    <a:pt x="3406230" y="3211544"/>
                    <a:pt x="3485955" y="3244310"/>
                    <a:pt x="3570346" y="3278981"/>
                  </a:cubicBezTo>
                  <a:cubicBezTo>
                    <a:pt x="3694933" y="3330131"/>
                    <a:pt x="3823806" y="3383089"/>
                    <a:pt x="3858382" y="3434239"/>
                  </a:cubicBezTo>
                  <a:cubicBezTo>
                    <a:pt x="3870288" y="3451860"/>
                    <a:pt x="3885147" y="3470243"/>
                    <a:pt x="3900959" y="3489770"/>
                  </a:cubicBezTo>
                  <a:cubicBezTo>
                    <a:pt x="3962871" y="3565970"/>
                    <a:pt x="4039928" y="3661220"/>
                    <a:pt x="4042214" y="3827621"/>
                  </a:cubicBezTo>
                  <a:cubicBezTo>
                    <a:pt x="4043929" y="3955542"/>
                    <a:pt x="4020878" y="4164139"/>
                    <a:pt x="4002400" y="4331685"/>
                  </a:cubicBezTo>
                  <a:cubicBezTo>
                    <a:pt x="3990589" y="4438269"/>
                    <a:pt x="3980397" y="4530376"/>
                    <a:pt x="3979254" y="4576858"/>
                  </a:cubicBezTo>
                  <a:cubicBezTo>
                    <a:pt x="3976765" y="4625114"/>
                    <a:pt x="3970941" y="4673139"/>
                    <a:pt x="3961823" y="4720590"/>
                  </a:cubicBezTo>
                  <a:cubicBezTo>
                    <a:pt x="3947060" y="4809839"/>
                    <a:pt x="3930295" y="4911090"/>
                    <a:pt x="3939249" y="5041964"/>
                  </a:cubicBezTo>
                  <a:cubicBezTo>
                    <a:pt x="3944596" y="5124123"/>
                    <a:pt x="3944214" y="5206555"/>
                    <a:pt x="3938106" y="5288661"/>
                  </a:cubicBezTo>
                  <a:cubicBezTo>
                    <a:pt x="3931387" y="5382789"/>
                    <a:pt x="3930814" y="5477256"/>
                    <a:pt x="3936392" y="5571459"/>
                  </a:cubicBezTo>
                  <a:cubicBezTo>
                    <a:pt x="3943916" y="5701665"/>
                    <a:pt x="3958680" y="5761959"/>
                    <a:pt x="3970491" y="5809584"/>
                  </a:cubicBezTo>
                  <a:cubicBezTo>
                    <a:pt x="3983521" y="5855168"/>
                    <a:pt x="3989370" y="5902502"/>
                    <a:pt x="3987827" y="5949887"/>
                  </a:cubicBezTo>
                  <a:cubicBezTo>
                    <a:pt x="3984874" y="6094762"/>
                    <a:pt x="4006877" y="6252020"/>
                    <a:pt x="4042119" y="6332410"/>
                  </a:cubicBezTo>
                  <a:cubicBezTo>
                    <a:pt x="4051644" y="6354795"/>
                    <a:pt x="4064027" y="6388132"/>
                    <a:pt x="4078028" y="6426708"/>
                  </a:cubicBezTo>
                  <a:cubicBezTo>
                    <a:pt x="4118796" y="6538436"/>
                    <a:pt x="4174517" y="6691503"/>
                    <a:pt x="4241954" y="6779133"/>
                  </a:cubicBezTo>
                  <a:cubicBezTo>
                    <a:pt x="4274148" y="6821139"/>
                    <a:pt x="4307391" y="6857143"/>
                    <a:pt x="4339585" y="6891909"/>
                  </a:cubicBezTo>
                  <a:cubicBezTo>
                    <a:pt x="4397592" y="6954489"/>
                    <a:pt x="4447598" y="7008495"/>
                    <a:pt x="4462553" y="7069836"/>
                  </a:cubicBezTo>
                  <a:cubicBezTo>
                    <a:pt x="4470943" y="7103838"/>
                    <a:pt x="4474471" y="7138857"/>
                    <a:pt x="4473030" y="7173849"/>
                  </a:cubicBezTo>
                  <a:cubicBezTo>
                    <a:pt x="4470886" y="7203537"/>
                    <a:pt x="4475075" y="7233342"/>
                    <a:pt x="4485317" y="7261289"/>
                  </a:cubicBezTo>
                  <a:cubicBezTo>
                    <a:pt x="4492883" y="7280274"/>
                    <a:pt x="4501961" y="7298620"/>
                    <a:pt x="4512463" y="7316153"/>
                  </a:cubicBezTo>
                  <a:lnTo>
                    <a:pt x="4506939" y="7316153"/>
                  </a:lnTo>
                  <a:cubicBezTo>
                    <a:pt x="4496894" y="7299144"/>
                    <a:pt x="4488199" y="7281373"/>
                    <a:pt x="4480936" y="7263003"/>
                  </a:cubicBezTo>
                  <a:cubicBezTo>
                    <a:pt x="4470414" y="7234493"/>
                    <a:pt x="4466095" y="7204066"/>
                    <a:pt x="4468268" y="7173754"/>
                  </a:cubicBezTo>
                  <a:cubicBezTo>
                    <a:pt x="4469703" y="7139176"/>
                    <a:pt x="4466208" y="7104571"/>
                    <a:pt x="4457886" y="7070979"/>
                  </a:cubicBezTo>
                  <a:cubicBezTo>
                    <a:pt x="4443217" y="7010877"/>
                    <a:pt x="4393592" y="6957251"/>
                    <a:pt x="4336156" y="6895148"/>
                  </a:cubicBezTo>
                  <a:cubicBezTo>
                    <a:pt x="4303866" y="6860286"/>
                    <a:pt x="4270434" y="6824186"/>
                    <a:pt x="4238144" y="6782086"/>
                  </a:cubicBezTo>
                  <a:cubicBezTo>
                    <a:pt x="4170326" y="6693694"/>
                    <a:pt x="4114319" y="6540246"/>
                    <a:pt x="4073552" y="6428137"/>
                  </a:cubicBezTo>
                  <a:cubicBezTo>
                    <a:pt x="4059550" y="6390037"/>
                    <a:pt x="4047453" y="6356318"/>
                    <a:pt x="4037738" y="6334125"/>
                  </a:cubicBezTo>
                  <a:cubicBezTo>
                    <a:pt x="4002495" y="6253163"/>
                    <a:pt x="3980016" y="6095048"/>
                    <a:pt x="3983064" y="5949601"/>
                  </a:cubicBezTo>
                  <a:cubicBezTo>
                    <a:pt x="3984563" y="5902639"/>
                    <a:pt x="3978779" y="5855729"/>
                    <a:pt x="3965919" y="5810537"/>
                  </a:cubicBezTo>
                  <a:cubicBezTo>
                    <a:pt x="3954013" y="5762244"/>
                    <a:pt x="3939249" y="5702237"/>
                    <a:pt x="3931629" y="5571554"/>
                  </a:cubicBezTo>
                  <a:cubicBezTo>
                    <a:pt x="3926050" y="5477160"/>
                    <a:pt x="3926624" y="5382504"/>
                    <a:pt x="3933344" y="5288185"/>
                  </a:cubicBezTo>
                  <a:cubicBezTo>
                    <a:pt x="3939451" y="5206302"/>
                    <a:pt x="3939833" y="5124091"/>
                    <a:pt x="3934487" y="5042154"/>
                  </a:cubicBezTo>
                  <a:cubicBezTo>
                    <a:pt x="3924962" y="4910519"/>
                    <a:pt x="3942297" y="4809173"/>
                    <a:pt x="3957156" y="4719638"/>
                  </a:cubicBezTo>
                  <a:cubicBezTo>
                    <a:pt x="3966228" y="4672470"/>
                    <a:pt x="3972020" y="4624731"/>
                    <a:pt x="3974492" y="4576763"/>
                  </a:cubicBezTo>
                  <a:cubicBezTo>
                    <a:pt x="3975635" y="4530090"/>
                    <a:pt x="3985826" y="4437888"/>
                    <a:pt x="3997637" y="4331113"/>
                  </a:cubicBezTo>
                  <a:cubicBezTo>
                    <a:pt x="4016116" y="4163663"/>
                    <a:pt x="4039166" y="3955352"/>
                    <a:pt x="4037452" y="3827717"/>
                  </a:cubicBezTo>
                  <a:cubicBezTo>
                    <a:pt x="4035166" y="3663125"/>
                    <a:pt x="3958680" y="3568637"/>
                    <a:pt x="3897244" y="3492722"/>
                  </a:cubicBezTo>
                  <a:cubicBezTo>
                    <a:pt x="3881432" y="3473196"/>
                    <a:pt x="3866478" y="3454622"/>
                    <a:pt x="3854382" y="3436906"/>
                  </a:cubicBezTo>
                  <a:cubicBezTo>
                    <a:pt x="3820663" y="3386995"/>
                    <a:pt x="3692457" y="3334322"/>
                    <a:pt x="3568632" y="3283363"/>
                  </a:cubicBezTo>
                  <a:cubicBezTo>
                    <a:pt x="3483954" y="3248597"/>
                    <a:pt x="3404039" y="3215735"/>
                    <a:pt x="3360796" y="3186113"/>
                  </a:cubicBezTo>
                  <a:cubicBezTo>
                    <a:pt x="3288025" y="3136392"/>
                    <a:pt x="3286025" y="3121819"/>
                    <a:pt x="3280405" y="3083052"/>
                  </a:cubicBezTo>
                  <a:cubicBezTo>
                    <a:pt x="3277157" y="3056818"/>
                    <a:pt x="3271187" y="3030993"/>
                    <a:pt x="3262593" y="3005995"/>
                  </a:cubicBezTo>
                  <a:cubicBezTo>
                    <a:pt x="3241257" y="2942273"/>
                    <a:pt x="3192394" y="2890076"/>
                    <a:pt x="3145054" y="2839498"/>
                  </a:cubicBezTo>
                  <a:cubicBezTo>
                    <a:pt x="3110289" y="2802350"/>
                    <a:pt x="3077523" y="2767298"/>
                    <a:pt x="3056853" y="2729389"/>
                  </a:cubicBezTo>
                  <a:cubicBezTo>
                    <a:pt x="3022087" y="2665381"/>
                    <a:pt x="2993417" y="2647664"/>
                    <a:pt x="2941315" y="2615089"/>
                  </a:cubicBezTo>
                  <a:cubicBezTo>
                    <a:pt x="2920836" y="2602421"/>
                    <a:pt x="2897595" y="2588038"/>
                    <a:pt x="2868829" y="2567464"/>
                  </a:cubicBezTo>
                  <a:cubicBezTo>
                    <a:pt x="2802154" y="2520410"/>
                    <a:pt x="2729003" y="2432495"/>
                    <a:pt x="2670424" y="2361819"/>
                  </a:cubicBezTo>
                  <a:cubicBezTo>
                    <a:pt x="2637182" y="2321719"/>
                    <a:pt x="2608512" y="2287143"/>
                    <a:pt x="2585461" y="2264664"/>
                  </a:cubicBezTo>
                  <a:cubicBezTo>
                    <a:pt x="2550644" y="2229156"/>
                    <a:pt x="2518400" y="2191214"/>
                    <a:pt x="2488972" y="2151126"/>
                  </a:cubicBezTo>
                  <a:cubicBezTo>
                    <a:pt x="2466730" y="2120705"/>
                    <a:pt x="2442583" y="2091722"/>
                    <a:pt x="2416677" y="2064353"/>
                  </a:cubicBezTo>
                  <a:cubicBezTo>
                    <a:pt x="2362862" y="2010918"/>
                    <a:pt x="2315713" y="1899190"/>
                    <a:pt x="2304473" y="1798701"/>
                  </a:cubicBezTo>
                  <a:cubicBezTo>
                    <a:pt x="2299616" y="1755267"/>
                    <a:pt x="2298854" y="1694783"/>
                    <a:pt x="2298092" y="1630871"/>
                  </a:cubicBezTo>
                  <a:cubicBezTo>
                    <a:pt x="2297044" y="1544193"/>
                    <a:pt x="2295901" y="1454563"/>
                    <a:pt x="2284471" y="1398365"/>
                  </a:cubicBezTo>
                  <a:cubicBezTo>
                    <a:pt x="2268945" y="1322165"/>
                    <a:pt x="2224273" y="1216057"/>
                    <a:pt x="2191698" y="1138238"/>
                  </a:cubicBezTo>
                  <a:cubicBezTo>
                    <a:pt x="2182173" y="1115282"/>
                    <a:pt x="2173695" y="1095470"/>
                    <a:pt x="2167314" y="1079183"/>
                  </a:cubicBezTo>
                  <a:cubicBezTo>
                    <a:pt x="2138739" y="1007650"/>
                    <a:pt x="2047203" y="832295"/>
                    <a:pt x="1981861" y="760286"/>
                  </a:cubicBezTo>
                  <a:cubicBezTo>
                    <a:pt x="1931474" y="704755"/>
                    <a:pt x="1853465" y="749332"/>
                    <a:pt x="1778122" y="792480"/>
                  </a:cubicBezTo>
                  <a:cubicBezTo>
                    <a:pt x="1757357" y="804386"/>
                    <a:pt x="1737736" y="815626"/>
                    <a:pt x="1718686" y="824770"/>
                  </a:cubicBezTo>
                  <a:cubicBezTo>
                    <a:pt x="1632961" y="866108"/>
                    <a:pt x="1569715" y="888016"/>
                    <a:pt x="1449414" y="918686"/>
                  </a:cubicBezTo>
                  <a:cubicBezTo>
                    <a:pt x="1361689" y="940975"/>
                    <a:pt x="1334352" y="969740"/>
                    <a:pt x="1284822" y="1021937"/>
                  </a:cubicBezTo>
                  <a:cubicBezTo>
                    <a:pt x="1268820" y="1038797"/>
                    <a:pt x="1250627" y="1057942"/>
                    <a:pt x="1227672" y="1080040"/>
                  </a:cubicBezTo>
                  <a:cubicBezTo>
                    <a:pt x="1178523" y="1126617"/>
                    <a:pt x="1137851" y="1169384"/>
                    <a:pt x="1102037" y="1207199"/>
                  </a:cubicBezTo>
                  <a:cubicBezTo>
                    <a:pt x="1068890" y="1242155"/>
                    <a:pt x="1037458" y="1275207"/>
                    <a:pt x="1004597" y="1305878"/>
                  </a:cubicBezTo>
                  <a:cubicBezTo>
                    <a:pt x="938779" y="1367123"/>
                    <a:pt x="874485" y="1370267"/>
                    <a:pt x="827527" y="1372553"/>
                  </a:cubicBezTo>
                  <a:lnTo>
                    <a:pt x="820002" y="1372553"/>
                  </a:lnTo>
                  <a:cubicBezTo>
                    <a:pt x="766376" y="1375315"/>
                    <a:pt x="684366" y="1354265"/>
                    <a:pt x="638265" y="1309592"/>
                  </a:cubicBezTo>
                  <a:cubicBezTo>
                    <a:pt x="619691" y="1291685"/>
                    <a:pt x="609690" y="1298639"/>
                    <a:pt x="592831" y="1310164"/>
                  </a:cubicBezTo>
                  <a:cubicBezTo>
                    <a:pt x="569304" y="1326356"/>
                    <a:pt x="533776" y="1350836"/>
                    <a:pt x="449956" y="1310164"/>
                  </a:cubicBezTo>
                  <a:cubicBezTo>
                    <a:pt x="322892" y="1248347"/>
                    <a:pt x="133059" y="723424"/>
                    <a:pt x="30856" y="415957"/>
                  </a:cubicBezTo>
                  <a:cubicBezTo>
                    <a:pt x="-11435" y="288227"/>
                    <a:pt x="-672" y="98774"/>
                    <a:pt x="7805" y="0"/>
                  </a:cubicBezTo>
                  <a:lnTo>
                    <a:pt x="12568" y="0"/>
                  </a:lnTo>
                  <a:cubicBezTo>
                    <a:pt x="3995" y="99251"/>
                    <a:pt x="-6863" y="288322"/>
                    <a:pt x="35333" y="4154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04">
              <a:extLst>
                <a:ext uri="{FF2B5EF4-FFF2-40B4-BE49-F238E27FC236}">
                  <a16:creationId xmlns:a16="http://schemas.microsoft.com/office/drawing/2014/main" id="{60596BDF-AFB4-4443-B34E-EF9A9E7068A7}"/>
                </a:ext>
              </a:extLst>
            </p:cNvPr>
            <p:cNvSpPr/>
            <p:nvPr/>
          </p:nvSpPr>
          <p:spPr>
            <a:xfrm>
              <a:off x="0" y="3901440"/>
              <a:ext cx="2742057" cy="3414331"/>
            </a:xfrm>
            <a:custGeom>
              <a:avLst/>
              <a:gdLst>
                <a:gd name="connsiteX0" fmla="*/ 148209 w 2742057"/>
                <a:gd name="connsiteY0" fmla="*/ 443484 h 3414331"/>
                <a:gd name="connsiteX1" fmla="*/ 205359 w 2742057"/>
                <a:gd name="connsiteY1" fmla="*/ 576358 h 3414331"/>
                <a:gd name="connsiteX2" fmla="*/ 214313 w 2742057"/>
                <a:gd name="connsiteY2" fmla="*/ 643033 h 3414331"/>
                <a:gd name="connsiteX3" fmla="*/ 372809 w 2742057"/>
                <a:gd name="connsiteY3" fmla="*/ 1066324 h 3414331"/>
                <a:gd name="connsiteX4" fmla="*/ 603695 w 2742057"/>
                <a:gd name="connsiteY4" fmla="*/ 1263491 h 3414331"/>
                <a:gd name="connsiteX5" fmla="*/ 722376 w 2742057"/>
                <a:gd name="connsiteY5" fmla="*/ 1331785 h 3414331"/>
                <a:gd name="connsiteX6" fmla="*/ 858869 w 2742057"/>
                <a:gd name="connsiteY6" fmla="*/ 1510951 h 3414331"/>
                <a:gd name="connsiteX7" fmla="*/ 939737 w 2742057"/>
                <a:gd name="connsiteY7" fmla="*/ 1625822 h 3414331"/>
                <a:gd name="connsiteX8" fmla="*/ 1073087 w 2742057"/>
                <a:gd name="connsiteY8" fmla="*/ 1810988 h 3414331"/>
                <a:gd name="connsiteX9" fmla="*/ 1076230 w 2742057"/>
                <a:gd name="connsiteY9" fmla="*/ 1818609 h 3414331"/>
                <a:gd name="connsiteX10" fmla="*/ 1226249 w 2742057"/>
                <a:gd name="connsiteY10" fmla="*/ 1896808 h 3414331"/>
                <a:gd name="connsiteX11" fmla="*/ 1237393 w 2742057"/>
                <a:gd name="connsiteY11" fmla="*/ 1898142 h 3414331"/>
                <a:gd name="connsiteX12" fmla="*/ 1445324 w 2742057"/>
                <a:gd name="connsiteY12" fmla="*/ 1774317 h 3414331"/>
                <a:gd name="connsiteX13" fmla="*/ 1556576 w 2742057"/>
                <a:gd name="connsiteY13" fmla="*/ 1691926 h 3414331"/>
                <a:gd name="connsiteX14" fmla="*/ 1728026 w 2742057"/>
                <a:gd name="connsiteY14" fmla="*/ 1746027 h 3414331"/>
                <a:gd name="connsiteX15" fmla="*/ 1793081 w 2742057"/>
                <a:gd name="connsiteY15" fmla="*/ 1781365 h 3414331"/>
                <a:gd name="connsiteX16" fmla="*/ 1858232 w 2742057"/>
                <a:gd name="connsiteY16" fmla="*/ 1806035 h 3414331"/>
                <a:gd name="connsiteX17" fmla="*/ 2070354 w 2742057"/>
                <a:gd name="connsiteY17" fmla="*/ 1881473 h 3414331"/>
                <a:gd name="connsiteX18" fmla="*/ 2289429 w 2742057"/>
                <a:gd name="connsiteY18" fmla="*/ 2426494 h 3414331"/>
                <a:gd name="connsiteX19" fmla="*/ 2365629 w 2742057"/>
                <a:gd name="connsiteY19" fmla="*/ 2654141 h 3414331"/>
                <a:gd name="connsiteX20" fmla="*/ 2581275 w 2742057"/>
                <a:gd name="connsiteY20" fmla="*/ 3050000 h 3414331"/>
                <a:gd name="connsiteX21" fmla="*/ 2742057 w 2742057"/>
                <a:gd name="connsiteY21" fmla="*/ 3414332 h 3414331"/>
                <a:gd name="connsiteX22" fmla="*/ 2736914 w 2742057"/>
                <a:gd name="connsiteY22" fmla="*/ 3414332 h 3414331"/>
                <a:gd name="connsiteX23" fmla="*/ 2577370 w 2742057"/>
                <a:gd name="connsiteY23" fmla="*/ 3052382 h 3414331"/>
                <a:gd name="connsiteX24" fmla="*/ 2361248 w 2742057"/>
                <a:gd name="connsiteY24" fmla="*/ 2655570 h 3414331"/>
                <a:gd name="connsiteX25" fmla="*/ 2285048 w 2742057"/>
                <a:gd name="connsiteY25" fmla="*/ 2427637 h 3414331"/>
                <a:gd name="connsiteX26" fmla="*/ 2069687 w 2742057"/>
                <a:gd name="connsiteY26" fmla="*/ 1885664 h 3414331"/>
                <a:gd name="connsiteX27" fmla="*/ 1857089 w 2742057"/>
                <a:gd name="connsiteY27" fmla="*/ 1810131 h 3414331"/>
                <a:gd name="connsiteX28" fmla="*/ 1792034 w 2742057"/>
                <a:gd name="connsiteY28" fmla="*/ 1785461 h 3414331"/>
                <a:gd name="connsiteX29" fmla="*/ 1726121 w 2742057"/>
                <a:gd name="connsiteY29" fmla="*/ 1749742 h 3414331"/>
                <a:gd name="connsiteX30" fmla="*/ 1559243 w 2742057"/>
                <a:gd name="connsiteY30" fmla="*/ 1695926 h 3414331"/>
                <a:gd name="connsiteX31" fmla="*/ 1449419 w 2742057"/>
                <a:gd name="connsiteY31" fmla="*/ 1777555 h 3414331"/>
                <a:gd name="connsiteX32" fmla="*/ 1237774 w 2742057"/>
                <a:gd name="connsiteY32" fmla="*/ 1902809 h 3414331"/>
                <a:gd name="connsiteX33" fmla="*/ 1226630 w 2742057"/>
                <a:gd name="connsiteY33" fmla="*/ 1901476 h 3414331"/>
                <a:gd name="connsiteX34" fmla="*/ 1072801 w 2742057"/>
                <a:gd name="connsiteY34" fmla="*/ 1820418 h 3414331"/>
                <a:gd name="connsiteX35" fmla="*/ 1069658 w 2742057"/>
                <a:gd name="connsiteY35" fmla="*/ 1812798 h 3414331"/>
                <a:gd name="connsiteX36" fmla="*/ 937832 w 2742057"/>
                <a:gd name="connsiteY36" fmla="*/ 1629632 h 3414331"/>
                <a:gd name="connsiteX37" fmla="*/ 855345 w 2742057"/>
                <a:gd name="connsiteY37" fmla="*/ 1513046 h 3414331"/>
                <a:gd name="connsiteX38" fmla="*/ 720471 w 2742057"/>
                <a:gd name="connsiteY38" fmla="*/ 1335596 h 3414331"/>
                <a:gd name="connsiteX39" fmla="*/ 602266 w 2742057"/>
                <a:gd name="connsiteY39" fmla="*/ 1267682 h 3414331"/>
                <a:gd name="connsiteX40" fmla="*/ 369380 w 2742057"/>
                <a:gd name="connsiteY40" fmla="*/ 1068419 h 3414331"/>
                <a:gd name="connsiteX41" fmla="*/ 209550 w 2742057"/>
                <a:gd name="connsiteY41" fmla="*/ 643509 h 3414331"/>
                <a:gd name="connsiteX42" fmla="*/ 200025 w 2742057"/>
                <a:gd name="connsiteY42" fmla="*/ 576834 h 3414331"/>
                <a:gd name="connsiteX43" fmla="*/ 143828 w 2742057"/>
                <a:gd name="connsiteY43" fmla="*/ 446437 h 3414331"/>
                <a:gd name="connsiteX44" fmla="*/ 44577 w 2742057"/>
                <a:gd name="connsiteY44" fmla="*/ 210979 h 3414331"/>
                <a:gd name="connsiteX45" fmla="*/ 0 w 2742057"/>
                <a:gd name="connsiteY45" fmla="*/ 19050 h 3414331"/>
                <a:gd name="connsiteX46" fmla="*/ 0 w 2742057"/>
                <a:gd name="connsiteY46" fmla="*/ 0 h 3414331"/>
                <a:gd name="connsiteX47" fmla="*/ 50102 w 2742057"/>
                <a:gd name="connsiteY47" fmla="*/ 210312 h 3414331"/>
                <a:gd name="connsiteX48" fmla="*/ 148209 w 2742057"/>
                <a:gd name="connsiteY48" fmla="*/ 443484 h 3414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742057" h="3414331">
                  <a:moveTo>
                    <a:pt x="148209" y="443484"/>
                  </a:moveTo>
                  <a:cubicBezTo>
                    <a:pt x="197644" y="504254"/>
                    <a:pt x="200025" y="525399"/>
                    <a:pt x="205359" y="576358"/>
                  </a:cubicBezTo>
                  <a:cubicBezTo>
                    <a:pt x="207264" y="593598"/>
                    <a:pt x="209550" y="615029"/>
                    <a:pt x="214313" y="643033"/>
                  </a:cubicBezTo>
                  <a:cubicBezTo>
                    <a:pt x="232219" y="747808"/>
                    <a:pt x="292989" y="909733"/>
                    <a:pt x="372809" y="1066324"/>
                  </a:cubicBezTo>
                  <a:cubicBezTo>
                    <a:pt x="426244" y="1171099"/>
                    <a:pt x="512445" y="1215962"/>
                    <a:pt x="603695" y="1263491"/>
                  </a:cubicBezTo>
                  <a:cubicBezTo>
                    <a:pt x="644618" y="1283800"/>
                    <a:pt x="684254" y="1306608"/>
                    <a:pt x="722376" y="1331785"/>
                  </a:cubicBezTo>
                  <a:cubicBezTo>
                    <a:pt x="793623" y="1380649"/>
                    <a:pt x="828294" y="1449896"/>
                    <a:pt x="858869" y="1510951"/>
                  </a:cubicBezTo>
                  <a:cubicBezTo>
                    <a:pt x="883444" y="1560100"/>
                    <a:pt x="904685" y="1602486"/>
                    <a:pt x="939737" y="1625822"/>
                  </a:cubicBezTo>
                  <a:cubicBezTo>
                    <a:pt x="1017461" y="1677448"/>
                    <a:pt x="1045845" y="1745361"/>
                    <a:pt x="1073087" y="1810988"/>
                  </a:cubicBezTo>
                  <a:lnTo>
                    <a:pt x="1076230" y="1818609"/>
                  </a:lnTo>
                  <a:cubicBezTo>
                    <a:pt x="1103186" y="1882712"/>
                    <a:pt x="1141667" y="1887093"/>
                    <a:pt x="1226249" y="1896808"/>
                  </a:cubicBezTo>
                  <a:lnTo>
                    <a:pt x="1237393" y="1898142"/>
                  </a:lnTo>
                  <a:cubicBezTo>
                    <a:pt x="1293114" y="1904524"/>
                    <a:pt x="1373981" y="1835277"/>
                    <a:pt x="1445324" y="1774317"/>
                  </a:cubicBezTo>
                  <a:cubicBezTo>
                    <a:pt x="1490186" y="1736217"/>
                    <a:pt x="1528953" y="1702594"/>
                    <a:pt x="1556576" y="1691926"/>
                  </a:cubicBezTo>
                  <a:cubicBezTo>
                    <a:pt x="1606963" y="1672876"/>
                    <a:pt x="1670876" y="1711547"/>
                    <a:pt x="1728026" y="1746027"/>
                  </a:cubicBezTo>
                  <a:cubicBezTo>
                    <a:pt x="1748626" y="1759703"/>
                    <a:pt x="1770396" y="1771528"/>
                    <a:pt x="1793081" y="1781365"/>
                  </a:cubicBezTo>
                  <a:cubicBezTo>
                    <a:pt x="1809274" y="1787271"/>
                    <a:pt x="1831943" y="1795939"/>
                    <a:pt x="1858232" y="1806035"/>
                  </a:cubicBezTo>
                  <a:cubicBezTo>
                    <a:pt x="1925955" y="1832039"/>
                    <a:pt x="2018633" y="1867567"/>
                    <a:pt x="2070354" y="1881473"/>
                  </a:cubicBezTo>
                  <a:cubicBezTo>
                    <a:pt x="2122075" y="1895380"/>
                    <a:pt x="2214182" y="2189702"/>
                    <a:pt x="2289429" y="2426494"/>
                  </a:cubicBezTo>
                  <a:cubicBezTo>
                    <a:pt x="2321433" y="2527840"/>
                    <a:pt x="2349056" y="2615374"/>
                    <a:pt x="2365629" y="2654141"/>
                  </a:cubicBezTo>
                  <a:cubicBezTo>
                    <a:pt x="2417921" y="2777966"/>
                    <a:pt x="2530793" y="2976848"/>
                    <a:pt x="2581275" y="3050000"/>
                  </a:cubicBezTo>
                  <a:cubicBezTo>
                    <a:pt x="2625376" y="3113723"/>
                    <a:pt x="2700909" y="3304318"/>
                    <a:pt x="2742057" y="3414332"/>
                  </a:cubicBezTo>
                  <a:lnTo>
                    <a:pt x="2736914" y="3414332"/>
                  </a:lnTo>
                  <a:cubicBezTo>
                    <a:pt x="2695766" y="3304318"/>
                    <a:pt x="2620995" y="3115818"/>
                    <a:pt x="2577370" y="3052382"/>
                  </a:cubicBezTo>
                  <a:cubicBezTo>
                    <a:pt x="2526697" y="2979039"/>
                    <a:pt x="2413635" y="2780157"/>
                    <a:pt x="2361248" y="2655570"/>
                  </a:cubicBezTo>
                  <a:cubicBezTo>
                    <a:pt x="2344769" y="2616613"/>
                    <a:pt x="2317147" y="2528983"/>
                    <a:pt x="2285048" y="2427637"/>
                  </a:cubicBezTo>
                  <a:cubicBezTo>
                    <a:pt x="2214467" y="2204371"/>
                    <a:pt x="2117789" y="1898618"/>
                    <a:pt x="2069687" y="1885664"/>
                  </a:cubicBezTo>
                  <a:cubicBezTo>
                    <a:pt x="2017681" y="1871758"/>
                    <a:pt x="1924907" y="1836134"/>
                    <a:pt x="1857089" y="1810131"/>
                  </a:cubicBezTo>
                  <a:cubicBezTo>
                    <a:pt x="1830896" y="1800035"/>
                    <a:pt x="1808131" y="1791081"/>
                    <a:pt x="1792034" y="1785461"/>
                  </a:cubicBezTo>
                  <a:cubicBezTo>
                    <a:pt x="1769043" y="1775541"/>
                    <a:pt x="1746984" y="1763587"/>
                    <a:pt x="1726121" y="1749742"/>
                  </a:cubicBezTo>
                  <a:cubicBezTo>
                    <a:pt x="1670495" y="1715738"/>
                    <a:pt x="1607439" y="1677257"/>
                    <a:pt x="1559243" y="1695926"/>
                  </a:cubicBezTo>
                  <a:cubicBezTo>
                    <a:pt x="1532382" y="1706308"/>
                    <a:pt x="1492568" y="1740884"/>
                    <a:pt x="1449419" y="1777555"/>
                  </a:cubicBezTo>
                  <a:cubicBezTo>
                    <a:pt x="1377220" y="1839373"/>
                    <a:pt x="1295686" y="1909572"/>
                    <a:pt x="1237774" y="1902809"/>
                  </a:cubicBezTo>
                  <a:lnTo>
                    <a:pt x="1226630" y="1901476"/>
                  </a:lnTo>
                  <a:cubicBezTo>
                    <a:pt x="1142810" y="1891951"/>
                    <a:pt x="1100804" y="1886998"/>
                    <a:pt x="1072801" y="1820418"/>
                  </a:cubicBezTo>
                  <a:lnTo>
                    <a:pt x="1069658" y="1812798"/>
                  </a:lnTo>
                  <a:cubicBezTo>
                    <a:pt x="1042416" y="1747743"/>
                    <a:pt x="1014317" y="1680591"/>
                    <a:pt x="937832" y="1629632"/>
                  </a:cubicBezTo>
                  <a:cubicBezTo>
                    <a:pt x="901732" y="1605629"/>
                    <a:pt x="880682" y="1562957"/>
                    <a:pt x="855345" y="1513046"/>
                  </a:cubicBezTo>
                  <a:cubicBezTo>
                    <a:pt x="825056" y="1452468"/>
                    <a:pt x="790670" y="1383792"/>
                    <a:pt x="720471" y="1335596"/>
                  </a:cubicBezTo>
                  <a:cubicBezTo>
                    <a:pt x="682485" y="1310578"/>
                    <a:pt x="643010" y="1287899"/>
                    <a:pt x="602266" y="1267682"/>
                  </a:cubicBezTo>
                  <a:cubicBezTo>
                    <a:pt x="510350" y="1220057"/>
                    <a:pt x="423482" y="1174433"/>
                    <a:pt x="369380" y="1068419"/>
                  </a:cubicBezTo>
                  <a:cubicBezTo>
                    <a:pt x="288703" y="911352"/>
                    <a:pt x="227838" y="748665"/>
                    <a:pt x="209550" y="643509"/>
                  </a:cubicBezTo>
                  <a:cubicBezTo>
                    <a:pt x="204788" y="615696"/>
                    <a:pt x="202406" y="594170"/>
                    <a:pt x="200025" y="576834"/>
                  </a:cubicBezTo>
                  <a:cubicBezTo>
                    <a:pt x="194405" y="525399"/>
                    <a:pt x="192310" y="506254"/>
                    <a:pt x="143828" y="446437"/>
                  </a:cubicBezTo>
                  <a:cubicBezTo>
                    <a:pt x="77724" y="365093"/>
                    <a:pt x="67628" y="340900"/>
                    <a:pt x="44577" y="210979"/>
                  </a:cubicBezTo>
                  <a:cubicBezTo>
                    <a:pt x="39434" y="176974"/>
                    <a:pt x="22193" y="105632"/>
                    <a:pt x="0" y="19050"/>
                  </a:cubicBezTo>
                  <a:lnTo>
                    <a:pt x="0" y="0"/>
                  </a:lnTo>
                  <a:cubicBezTo>
                    <a:pt x="24384" y="95250"/>
                    <a:pt x="43625" y="173831"/>
                    <a:pt x="50102" y="210312"/>
                  </a:cubicBezTo>
                  <a:cubicBezTo>
                    <a:pt x="72771" y="338995"/>
                    <a:pt x="82868" y="362998"/>
                    <a:pt x="148209" y="44348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05">
              <a:extLst>
                <a:ext uri="{FF2B5EF4-FFF2-40B4-BE49-F238E27FC236}">
                  <a16:creationId xmlns:a16="http://schemas.microsoft.com/office/drawing/2014/main" id="{D43F5277-5754-BF46-910C-CA8A2CCCDD5B}"/>
                </a:ext>
              </a:extLst>
            </p:cNvPr>
            <p:cNvSpPr/>
            <p:nvPr/>
          </p:nvSpPr>
          <p:spPr>
            <a:xfrm>
              <a:off x="3429000" y="11334"/>
              <a:ext cx="4333875" cy="7303865"/>
            </a:xfrm>
            <a:custGeom>
              <a:avLst/>
              <a:gdLst>
                <a:gd name="connsiteX0" fmla="*/ 3957161 w 4333875"/>
                <a:gd name="connsiteY0" fmla="*/ 6619971 h 7303865"/>
                <a:gd name="connsiteX1" fmla="*/ 3898106 w 4333875"/>
                <a:gd name="connsiteY1" fmla="*/ 6524721 h 7303865"/>
                <a:gd name="connsiteX2" fmla="*/ 3830098 w 4333875"/>
                <a:gd name="connsiteY2" fmla="*/ 6421851 h 7303865"/>
                <a:gd name="connsiteX3" fmla="*/ 3693319 w 4333875"/>
                <a:gd name="connsiteY3" fmla="*/ 6142482 h 7303865"/>
                <a:gd name="connsiteX4" fmla="*/ 3678651 w 4333875"/>
                <a:gd name="connsiteY4" fmla="*/ 5996750 h 7303865"/>
                <a:gd name="connsiteX5" fmla="*/ 3633407 w 4333875"/>
                <a:gd name="connsiteY5" fmla="*/ 5763768 h 7303865"/>
                <a:gd name="connsiteX6" fmla="*/ 3576257 w 4333875"/>
                <a:gd name="connsiteY6" fmla="*/ 5362004 h 7303865"/>
                <a:gd name="connsiteX7" fmla="*/ 3579019 w 4333875"/>
                <a:gd name="connsiteY7" fmla="*/ 5092256 h 7303865"/>
                <a:gd name="connsiteX8" fmla="*/ 3587686 w 4333875"/>
                <a:gd name="connsiteY8" fmla="*/ 4771549 h 7303865"/>
                <a:gd name="connsiteX9" fmla="*/ 3614928 w 4333875"/>
                <a:gd name="connsiteY9" fmla="*/ 4564380 h 7303865"/>
                <a:gd name="connsiteX10" fmla="*/ 3662553 w 4333875"/>
                <a:gd name="connsiteY10" fmla="*/ 4279107 h 7303865"/>
                <a:gd name="connsiteX11" fmla="*/ 3699605 w 4333875"/>
                <a:gd name="connsiteY11" fmla="*/ 4188429 h 7303865"/>
                <a:gd name="connsiteX12" fmla="*/ 3761041 w 4333875"/>
                <a:gd name="connsiteY12" fmla="*/ 3930682 h 7303865"/>
                <a:gd name="connsiteX13" fmla="*/ 3759613 w 4333875"/>
                <a:gd name="connsiteY13" fmla="*/ 3808667 h 7303865"/>
                <a:gd name="connsiteX14" fmla="*/ 3666078 w 4333875"/>
                <a:gd name="connsiteY14" fmla="*/ 3431572 h 7303865"/>
                <a:gd name="connsiteX15" fmla="*/ 3409950 w 4333875"/>
                <a:gd name="connsiteY15" fmla="*/ 3251644 h 7303865"/>
                <a:gd name="connsiteX16" fmla="*/ 3325749 w 4333875"/>
                <a:gd name="connsiteY16" fmla="*/ 3197066 h 7303865"/>
                <a:gd name="connsiteX17" fmla="*/ 3204400 w 4333875"/>
                <a:gd name="connsiteY17" fmla="*/ 3145631 h 7303865"/>
                <a:gd name="connsiteX18" fmla="*/ 3072289 w 4333875"/>
                <a:gd name="connsiteY18" fmla="*/ 3081814 h 7303865"/>
                <a:gd name="connsiteX19" fmla="*/ 3025521 w 4333875"/>
                <a:gd name="connsiteY19" fmla="*/ 3038951 h 7303865"/>
                <a:gd name="connsiteX20" fmla="*/ 2933129 w 4333875"/>
                <a:gd name="connsiteY20" fmla="*/ 2923413 h 7303865"/>
                <a:gd name="connsiteX21" fmla="*/ 2805017 w 4333875"/>
                <a:gd name="connsiteY21" fmla="*/ 2750154 h 7303865"/>
                <a:gd name="connsiteX22" fmla="*/ 2632900 w 4333875"/>
                <a:gd name="connsiteY22" fmla="*/ 2516600 h 7303865"/>
                <a:gd name="connsiteX23" fmla="*/ 2535841 w 4333875"/>
                <a:gd name="connsiteY23" fmla="*/ 2361248 h 7303865"/>
                <a:gd name="connsiteX24" fmla="*/ 2394014 w 4333875"/>
                <a:gd name="connsiteY24" fmla="*/ 2117979 h 7303865"/>
                <a:gd name="connsiteX25" fmla="*/ 2233993 w 4333875"/>
                <a:gd name="connsiteY25" fmla="*/ 1792700 h 7303865"/>
                <a:gd name="connsiteX26" fmla="*/ 2162366 w 4333875"/>
                <a:gd name="connsiteY26" fmla="*/ 1651349 h 7303865"/>
                <a:gd name="connsiteX27" fmla="*/ 2136458 w 4333875"/>
                <a:gd name="connsiteY27" fmla="*/ 1509332 h 7303865"/>
                <a:gd name="connsiteX28" fmla="*/ 2120836 w 4333875"/>
                <a:gd name="connsiteY28" fmla="*/ 1386840 h 7303865"/>
                <a:gd name="connsiteX29" fmla="*/ 1883664 w 4333875"/>
                <a:gd name="connsiteY29" fmla="*/ 803624 h 7303865"/>
                <a:gd name="connsiteX30" fmla="*/ 1846136 w 4333875"/>
                <a:gd name="connsiteY30" fmla="*/ 744284 h 7303865"/>
                <a:gd name="connsiteX31" fmla="*/ 1758982 w 4333875"/>
                <a:gd name="connsiteY31" fmla="*/ 564356 h 7303865"/>
                <a:gd name="connsiteX32" fmla="*/ 1764030 w 4333875"/>
                <a:gd name="connsiteY32" fmla="*/ 481013 h 7303865"/>
                <a:gd name="connsiteX33" fmla="*/ 1724216 w 4333875"/>
                <a:gd name="connsiteY33" fmla="*/ 401669 h 7303865"/>
                <a:gd name="connsiteX34" fmla="*/ 1442561 w 4333875"/>
                <a:gd name="connsiteY34" fmla="*/ 323183 h 7303865"/>
                <a:gd name="connsiteX35" fmla="*/ 1196149 w 4333875"/>
                <a:gd name="connsiteY35" fmla="*/ 374047 h 7303865"/>
                <a:gd name="connsiteX36" fmla="*/ 1110424 w 4333875"/>
                <a:gd name="connsiteY36" fmla="*/ 427768 h 7303865"/>
                <a:gd name="connsiteX37" fmla="*/ 901351 w 4333875"/>
                <a:gd name="connsiteY37" fmla="*/ 540449 h 7303865"/>
                <a:gd name="connsiteX38" fmla="*/ 826484 w 4333875"/>
                <a:gd name="connsiteY38" fmla="*/ 561785 h 7303865"/>
                <a:gd name="connsiteX39" fmla="*/ 650462 w 4333875"/>
                <a:gd name="connsiteY39" fmla="*/ 590360 h 7303865"/>
                <a:gd name="connsiteX40" fmla="*/ 567785 w 4333875"/>
                <a:gd name="connsiteY40" fmla="*/ 595598 h 7303865"/>
                <a:gd name="connsiteX41" fmla="*/ 391478 w 4333875"/>
                <a:gd name="connsiteY41" fmla="*/ 539972 h 7303865"/>
                <a:gd name="connsiteX42" fmla="*/ 295370 w 4333875"/>
                <a:gd name="connsiteY42" fmla="*/ 454247 h 7303865"/>
                <a:gd name="connsiteX43" fmla="*/ 112109 w 4333875"/>
                <a:gd name="connsiteY43" fmla="*/ 238697 h 7303865"/>
                <a:gd name="connsiteX44" fmla="*/ 0 w 4333875"/>
                <a:gd name="connsiteY44" fmla="*/ 2381 h 7303865"/>
                <a:gd name="connsiteX45" fmla="*/ 4096 w 4333875"/>
                <a:gd name="connsiteY45" fmla="*/ 0 h 7303865"/>
                <a:gd name="connsiteX46" fmla="*/ 115824 w 4333875"/>
                <a:gd name="connsiteY46" fmla="*/ 236887 h 7303865"/>
                <a:gd name="connsiteX47" fmla="*/ 297656 w 4333875"/>
                <a:gd name="connsiteY47" fmla="*/ 450533 h 7303865"/>
                <a:gd name="connsiteX48" fmla="*/ 394145 w 4333875"/>
                <a:gd name="connsiteY48" fmla="*/ 536258 h 7303865"/>
                <a:gd name="connsiteX49" fmla="*/ 566356 w 4333875"/>
                <a:gd name="connsiteY49" fmla="*/ 590455 h 7303865"/>
                <a:gd name="connsiteX50" fmla="*/ 649986 w 4333875"/>
                <a:gd name="connsiteY50" fmla="*/ 585311 h 7303865"/>
                <a:gd name="connsiteX51" fmla="*/ 824294 w 4333875"/>
                <a:gd name="connsiteY51" fmla="*/ 556736 h 7303865"/>
                <a:gd name="connsiteX52" fmla="*/ 899541 w 4333875"/>
                <a:gd name="connsiteY52" fmla="*/ 535305 h 7303865"/>
                <a:gd name="connsiteX53" fmla="*/ 1107091 w 4333875"/>
                <a:gd name="connsiteY53" fmla="*/ 423291 h 7303865"/>
                <a:gd name="connsiteX54" fmla="*/ 1193578 w 4333875"/>
                <a:gd name="connsiteY54" fmla="*/ 369380 h 7303865"/>
                <a:gd name="connsiteX55" fmla="*/ 1441895 w 4333875"/>
                <a:gd name="connsiteY55" fmla="*/ 317945 h 7303865"/>
                <a:gd name="connsiteX56" fmla="*/ 1726406 w 4333875"/>
                <a:gd name="connsiteY56" fmla="*/ 397193 h 7303865"/>
                <a:gd name="connsiteX57" fmla="*/ 1768126 w 4333875"/>
                <a:gd name="connsiteY57" fmla="*/ 482156 h 7303865"/>
                <a:gd name="connsiteX58" fmla="*/ 1763173 w 4333875"/>
                <a:gd name="connsiteY58" fmla="*/ 562642 h 7303865"/>
                <a:gd name="connsiteX59" fmla="*/ 1849755 w 4333875"/>
                <a:gd name="connsiteY59" fmla="*/ 741236 h 7303865"/>
                <a:gd name="connsiteX60" fmla="*/ 1887379 w 4333875"/>
                <a:gd name="connsiteY60" fmla="*/ 800672 h 7303865"/>
                <a:gd name="connsiteX61" fmla="*/ 2125504 w 4333875"/>
                <a:gd name="connsiteY61" fmla="*/ 1385030 h 7303865"/>
                <a:gd name="connsiteX62" fmla="*/ 2141315 w 4333875"/>
                <a:gd name="connsiteY62" fmla="*/ 1508855 h 7303865"/>
                <a:gd name="connsiteX63" fmla="*/ 2166747 w 4333875"/>
                <a:gd name="connsiteY63" fmla="*/ 1649159 h 7303865"/>
                <a:gd name="connsiteX64" fmla="*/ 2238280 w 4333875"/>
                <a:gd name="connsiteY64" fmla="*/ 1790319 h 7303865"/>
                <a:gd name="connsiteX65" fmla="*/ 2398490 w 4333875"/>
                <a:gd name="connsiteY65" fmla="*/ 2115884 h 7303865"/>
                <a:gd name="connsiteX66" fmla="*/ 2539842 w 4333875"/>
                <a:gd name="connsiteY66" fmla="*/ 2358390 h 7303865"/>
                <a:gd name="connsiteX67" fmla="*/ 2637187 w 4333875"/>
                <a:gd name="connsiteY67" fmla="*/ 2514124 h 7303865"/>
                <a:gd name="connsiteX68" fmla="*/ 2808637 w 4333875"/>
                <a:gd name="connsiteY68" fmla="*/ 2747010 h 7303865"/>
                <a:gd name="connsiteX69" fmla="*/ 2937415 w 4333875"/>
                <a:gd name="connsiteY69" fmla="*/ 2921222 h 7303865"/>
                <a:gd name="connsiteX70" fmla="*/ 3028569 w 4333875"/>
                <a:gd name="connsiteY70" fmla="*/ 3035522 h 7303865"/>
                <a:gd name="connsiteX71" fmla="*/ 3075623 w 4333875"/>
                <a:gd name="connsiteY71" fmla="*/ 3078575 h 7303865"/>
                <a:gd name="connsiteX72" fmla="*/ 3205734 w 4333875"/>
                <a:gd name="connsiteY72" fmla="*/ 3141345 h 7303865"/>
                <a:gd name="connsiteX73" fmla="*/ 3328321 w 4333875"/>
                <a:gd name="connsiteY73" fmla="*/ 3193352 h 7303865"/>
                <a:gd name="connsiteX74" fmla="*/ 3412331 w 4333875"/>
                <a:gd name="connsiteY74" fmla="*/ 3247835 h 7303865"/>
                <a:gd name="connsiteX75" fmla="*/ 3668840 w 4333875"/>
                <a:gd name="connsiteY75" fmla="*/ 3427857 h 7303865"/>
                <a:gd name="connsiteX76" fmla="*/ 3764090 w 4333875"/>
                <a:gd name="connsiteY76" fmla="*/ 3808857 h 7303865"/>
                <a:gd name="connsiteX77" fmla="*/ 3765519 w 4333875"/>
                <a:gd name="connsiteY77" fmla="*/ 3930301 h 7303865"/>
                <a:gd name="connsiteX78" fmla="*/ 3703606 w 4333875"/>
                <a:gd name="connsiteY78" fmla="*/ 4190429 h 7303865"/>
                <a:gd name="connsiteX79" fmla="*/ 3666744 w 4333875"/>
                <a:gd name="connsiteY79" fmla="*/ 4280726 h 7303865"/>
                <a:gd name="connsiteX80" fmla="*/ 3619691 w 4333875"/>
                <a:gd name="connsiteY80" fmla="*/ 4564952 h 7303865"/>
                <a:gd name="connsiteX81" fmla="*/ 3592449 w 4333875"/>
                <a:gd name="connsiteY81" fmla="*/ 4772501 h 7303865"/>
                <a:gd name="connsiteX82" fmla="*/ 3583877 w 4333875"/>
                <a:gd name="connsiteY82" fmla="*/ 5092160 h 7303865"/>
                <a:gd name="connsiteX83" fmla="*/ 3581019 w 4333875"/>
                <a:gd name="connsiteY83" fmla="*/ 5362575 h 7303865"/>
                <a:gd name="connsiteX84" fmla="*/ 3638169 w 4333875"/>
                <a:gd name="connsiteY84" fmla="*/ 5761958 h 7303865"/>
                <a:gd name="connsiteX85" fmla="*/ 3683794 w 4333875"/>
                <a:gd name="connsiteY85" fmla="*/ 5996559 h 7303865"/>
                <a:gd name="connsiteX86" fmla="*/ 3697986 w 4333875"/>
                <a:gd name="connsiteY86" fmla="*/ 6141815 h 7303865"/>
                <a:gd name="connsiteX87" fmla="*/ 3834003 w 4333875"/>
                <a:gd name="connsiteY87" fmla="*/ 6419183 h 7303865"/>
                <a:gd name="connsiteX88" fmla="*/ 3902202 w 4333875"/>
                <a:gd name="connsiteY88" fmla="*/ 6522339 h 7303865"/>
                <a:gd name="connsiteX89" fmla="*/ 3961257 w 4333875"/>
                <a:gd name="connsiteY89" fmla="*/ 6617589 h 7303865"/>
                <a:gd name="connsiteX90" fmla="*/ 4247007 w 4333875"/>
                <a:gd name="connsiteY90" fmla="*/ 7129939 h 7303865"/>
                <a:gd name="connsiteX91" fmla="*/ 4333875 w 4333875"/>
                <a:gd name="connsiteY91" fmla="*/ 7303865 h 7303865"/>
                <a:gd name="connsiteX92" fmla="*/ 4328351 w 4333875"/>
                <a:gd name="connsiteY92" fmla="*/ 7303865 h 7303865"/>
                <a:gd name="connsiteX93" fmla="*/ 4242626 w 4333875"/>
                <a:gd name="connsiteY93" fmla="*/ 7131368 h 7303865"/>
                <a:gd name="connsiteX94" fmla="*/ 3957161 w 4333875"/>
                <a:gd name="connsiteY94" fmla="*/ 6619971 h 7303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Lst>
              <a:rect l="l" t="t" r="r" b="b"/>
              <a:pathLst>
                <a:path w="4333875" h="7303865">
                  <a:moveTo>
                    <a:pt x="3957161" y="6619971"/>
                  </a:moveTo>
                  <a:cubicBezTo>
                    <a:pt x="3933825" y="6582442"/>
                    <a:pt x="3913537" y="6550057"/>
                    <a:pt x="3898106" y="6524721"/>
                  </a:cubicBezTo>
                  <a:cubicBezTo>
                    <a:pt x="3876484" y="6489002"/>
                    <a:pt x="3852863" y="6454807"/>
                    <a:pt x="3830098" y="6421851"/>
                  </a:cubicBezTo>
                  <a:cubicBezTo>
                    <a:pt x="3768852" y="6333173"/>
                    <a:pt x="3711035" y="6249543"/>
                    <a:pt x="3693319" y="6142482"/>
                  </a:cubicBezTo>
                  <a:cubicBezTo>
                    <a:pt x="3685914" y="6094191"/>
                    <a:pt x="3681017" y="6045548"/>
                    <a:pt x="3678651" y="5996750"/>
                  </a:cubicBezTo>
                  <a:cubicBezTo>
                    <a:pt x="3673507" y="5914835"/>
                    <a:pt x="3669126" y="5844350"/>
                    <a:pt x="3633407" y="5763768"/>
                  </a:cubicBezTo>
                  <a:cubicBezTo>
                    <a:pt x="3573494" y="5628608"/>
                    <a:pt x="3558445" y="5523453"/>
                    <a:pt x="3576257" y="5362004"/>
                  </a:cubicBezTo>
                  <a:cubicBezTo>
                    <a:pt x="3584734" y="5284279"/>
                    <a:pt x="3581781" y="5186648"/>
                    <a:pt x="3579019" y="5092256"/>
                  </a:cubicBezTo>
                  <a:cubicBezTo>
                    <a:pt x="3575590" y="4978527"/>
                    <a:pt x="3572066" y="4860893"/>
                    <a:pt x="3587686" y="4771549"/>
                  </a:cubicBezTo>
                  <a:cubicBezTo>
                    <a:pt x="3598831" y="4707636"/>
                    <a:pt x="3606736" y="4634770"/>
                    <a:pt x="3614928" y="4564380"/>
                  </a:cubicBezTo>
                  <a:cubicBezTo>
                    <a:pt x="3627501" y="4451890"/>
                    <a:pt x="3639408" y="4345305"/>
                    <a:pt x="3662553" y="4279107"/>
                  </a:cubicBezTo>
                  <a:cubicBezTo>
                    <a:pt x="3672935" y="4248722"/>
                    <a:pt x="3685889" y="4219480"/>
                    <a:pt x="3699605" y="4188429"/>
                  </a:cubicBezTo>
                  <a:cubicBezTo>
                    <a:pt x="3734372" y="4109752"/>
                    <a:pt x="3770281" y="4028408"/>
                    <a:pt x="3761041" y="3930682"/>
                  </a:cubicBezTo>
                  <a:cubicBezTo>
                    <a:pt x="3758402" y="3890064"/>
                    <a:pt x="3757925" y="3849335"/>
                    <a:pt x="3759613" y="3808667"/>
                  </a:cubicBezTo>
                  <a:cubicBezTo>
                    <a:pt x="3762280" y="3677126"/>
                    <a:pt x="3765614" y="3513392"/>
                    <a:pt x="3666078" y="3431572"/>
                  </a:cubicBezTo>
                  <a:cubicBezTo>
                    <a:pt x="3584744" y="3366039"/>
                    <a:pt x="3499182" y="3305934"/>
                    <a:pt x="3409950" y="3251644"/>
                  </a:cubicBezTo>
                  <a:cubicBezTo>
                    <a:pt x="3377756" y="3231356"/>
                    <a:pt x="3349943" y="3213545"/>
                    <a:pt x="3325749" y="3197066"/>
                  </a:cubicBezTo>
                  <a:cubicBezTo>
                    <a:pt x="3289269" y="3171825"/>
                    <a:pt x="3246120" y="3158966"/>
                    <a:pt x="3204400" y="3145631"/>
                  </a:cubicBezTo>
                  <a:cubicBezTo>
                    <a:pt x="3154204" y="3130201"/>
                    <a:pt x="3106769" y="3115532"/>
                    <a:pt x="3072289" y="3081814"/>
                  </a:cubicBezTo>
                  <a:cubicBezTo>
                    <a:pt x="3055144" y="3064859"/>
                    <a:pt x="3039427" y="3051143"/>
                    <a:pt x="3025521" y="3038951"/>
                  </a:cubicBezTo>
                  <a:cubicBezTo>
                    <a:pt x="2988469" y="3006662"/>
                    <a:pt x="2958846" y="2981135"/>
                    <a:pt x="2933129" y="2923413"/>
                  </a:cubicBezTo>
                  <a:cubicBezTo>
                    <a:pt x="2916365" y="2886361"/>
                    <a:pt x="2862263" y="2820257"/>
                    <a:pt x="2805017" y="2750154"/>
                  </a:cubicBezTo>
                  <a:cubicBezTo>
                    <a:pt x="2741010" y="2671763"/>
                    <a:pt x="2668429" y="2582990"/>
                    <a:pt x="2632900" y="2516600"/>
                  </a:cubicBezTo>
                  <a:cubicBezTo>
                    <a:pt x="2605468" y="2465261"/>
                    <a:pt x="2571655" y="2414778"/>
                    <a:pt x="2535841" y="2361248"/>
                  </a:cubicBezTo>
                  <a:cubicBezTo>
                    <a:pt x="2484406" y="2284476"/>
                    <a:pt x="2431066" y="2205133"/>
                    <a:pt x="2394014" y="2117979"/>
                  </a:cubicBezTo>
                  <a:cubicBezTo>
                    <a:pt x="2354199" y="2024920"/>
                    <a:pt x="2287524" y="1896142"/>
                    <a:pt x="2233993" y="1792700"/>
                  </a:cubicBezTo>
                  <a:cubicBezTo>
                    <a:pt x="2203133" y="1733264"/>
                    <a:pt x="2176843" y="1681925"/>
                    <a:pt x="2162366" y="1651349"/>
                  </a:cubicBezTo>
                  <a:cubicBezTo>
                    <a:pt x="2140839" y="1605058"/>
                    <a:pt x="2138743" y="1558576"/>
                    <a:pt x="2136458" y="1509332"/>
                  </a:cubicBezTo>
                  <a:cubicBezTo>
                    <a:pt x="2136131" y="1468026"/>
                    <a:pt x="2130887" y="1426906"/>
                    <a:pt x="2120836" y="1386840"/>
                  </a:cubicBezTo>
                  <a:cubicBezTo>
                    <a:pt x="2093976" y="1292257"/>
                    <a:pt x="1949386" y="909638"/>
                    <a:pt x="1883664" y="803624"/>
                  </a:cubicBezTo>
                  <a:cubicBezTo>
                    <a:pt x="1869948" y="781241"/>
                    <a:pt x="1857280" y="761619"/>
                    <a:pt x="1846136" y="744284"/>
                  </a:cubicBezTo>
                  <a:cubicBezTo>
                    <a:pt x="1805274" y="680466"/>
                    <a:pt x="1778222" y="638366"/>
                    <a:pt x="1758982" y="564356"/>
                  </a:cubicBezTo>
                  <a:cubicBezTo>
                    <a:pt x="1751340" y="536788"/>
                    <a:pt x="1753116" y="507457"/>
                    <a:pt x="1764030" y="481013"/>
                  </a:cubicBezTo>
                  <a:cubicBezTo>
                    <a:pt x="1773555" y="453676"/>
                    <a:pt x="1779175" y="437102"/>
                    <a:pt x="1724216" y="401669"/>
                  </a:cubicBezTo>
                  <a:cubicBezTo>
                    <a:pt x="1624679" y="337376"/>
                    <a:pt x="1510284" y="319278"/>
                    <a:pt x="1442561" y="323183"/>
                  </a:cubicBezTo>
                  <a:cubicBezTo>
                    <a:pt x="1380173" y="326803"/>
                    <a:pt x="1265111" y="338328"/>
                    <a:pt x="1196149" y="374047"/>
                  </a:cubicBezTo>
                  <a:cubicBezTo>
                    <a:pt x="1174337" y="385382"/>
                    <a:pt x="1144524" y="405003"/>
                    <a:pt x="1110424" y="427768"/>
                  </a:cubicBezTo>
                  <a:cubicBezTo>
                    <a:pt x="1042988" y="472250"/>
                    <a:pt x="959072" y="527590"/>
                    <a:pt x="901351" y="540449"/>
                  </a:cubicBezTo>
                  <a:cubicBezTo>
                    <a:pt x="874776" y="546449"/>
                    <a:pt x="850202" y="554260"/>
                    <a:pt x="826484" y="561785"/>
                  </a:cubicBezTo>
                  <a:cubicBezTo>
                    <a:pt x="772668" y="578930"/>
                    <a:pt x="721709" y="595122"/>
                    <a:pt x="650462" y="590360"/>
                  </a:cubicBezTo>
                  <a:cubicBezTo>
                    <a:pt x="622795" y="589073"/>
                    <a:pt x="595070" y="590830"/>
                    <a:pt x="567785" y="595598"/>
                  </a:cubicBezTo>
                  <a:cubicBezTo>
                    <a:pt x="510635" y="603599"/>
                    <a:pt x="461105" y="610648"/>
                    <a:pt x="391478" y="539972"/>
                  </a:cubicBezTo>
                  <a:cubicBezTo>
                    <a:pt x="361188" y="509302"/>
                    <a:pt x="327755" y="481394"/>
                    <a:pt x="295370" y="454247"/>
                  </a:cubicBezTo>
                  <a:cubicBezTo>
                    <a:pt x="220123" y="391478"/>
                    <a:pt x="148971" y="332137"/>
                    <a:pt x="112109" y="238697"/>
                  </a:cubicBezTo>
                  <a:cubicBezTo>
                    <a:pt x="79843" y="157603"/>
                    <a:pt x="42396" y="78669"/>
                    <a:pt x="0" y="2381"/>
                  </a:cubicBezTo>
                  <a:lnTo>
                    <a:pt x="4096" y="0"/>
                  </a:lnTo>
                  <a:cubicBezTo>
                    <a:pt x="46367" y="76491"/>
                    <a:pt x="83686" y="155616"/>
                    <a:pt x="115824" y="236887"/>
                  </a:cubicBezTo>
                  <a:cubicBezTo>
                    <a:pt x="152210" y="329184"/>
                    <a:pt x="222885" y="388144"/>
                    <a:pt x="297656" y="450533"/>
                  </a:cubicBezTo>
                  <a:cubicBezTo>
                    <a:pt x="330137" y="477584"/>
                    <a:pt x="363664" y="505587"/>
                    <a:pt x="394145" y="536258"/>
                  </a:cubicBezTo>
                  <a:cubicBezTo>
                    <a:pt x="462058" y="605219"/>
                    <a:pt x="508445" y="598742"/>
                    <a:pt x="566356" y="590455"/>
                  </a:cubicBezTo>
                  <a:cubicBezTo>
                    <a:pt x="593959" y="585666"/>
                    <a:pt x="622005" y="583941"/>
                    <a:pt x="649986" y="585311"/>
                  </a:cubicBezTo>
                  <a:cubicBezTo>
                    <a:pt x="720376" y="590074"/>
                    <a:pt x="770858" y="574072"/>
                    <a:pt x="824294" y="556736"/>
                  </a:cubicBezTo>
                  <a:cubicBezTo>
                    <a:pt x="848106" y="549212"/>
                    <a:pt x="872776" y="541306"/>
                    <a:pt x="899541" y="535305"/>
                  </a:cubicBezTo>
                  <a:cubicBezTo>
                    <a:pt x="956691" y="522637"/>
                    <a:pt x="1039939" y="467582"/>
                    <a:pt x="1107091" y="423291"/>
                  </a:cubicBezTo>
                  <a:cubicBezTo>
                    <a:pt x="1141666" y="400431"/>
                    <a:pt x="1171575" y="380714"/>
                    <a:pt x="1193578" y="369380"/>
                  </a:cubicBezTo>
                  <a:cubicBezTo>
                    <a:pt x="1263396" y="333184"/>
                    <a:pt x="1379125" y="321755"/>
                    <a:pt x="1441895" y="317945"/>
                  </a:cubicBezTo>
                  <a:cubicBezTo>
                    <a:pt x="1510379" y="313944"/>
                    <a:pt x="1625918" y="332327"/>
                    <a:pt x="1726406" y="397193"/>
                  </a:cubicBezTo>
                  <a:cubicBezTo>
                    <a:pt x="1784509" y="434626"/>
                    <a:pt x="1778032" y="453485"/>
                    <a:pt x="1768126" y="482156"/>
                  </a:cubicBezTo>
                  <a:cubicBezTo>
                    <a:pt x="1757598" y="507693"/>
                    <a:pt x="1755856" y="536006"/>
                    <a:pt x="1763173" y="562642"/>
                  </a:cubicBezTo>
                  <a:cubicBezTo>
                    <a:pt x="1782223" y="635984"/>
                    <a:pt x="1807655" y="675608"/>
                    <a:pt x="1849755" y="741236"/>
                  </a:cubicBezTo>
                  <a:cubicBezTo>
                    <a:pt x="1860899" y="758571"/>
                    <a:pt x="1873568" y="778288"/>
                    <a:pt x="1887379" y="800672"/>
                  </a:cubicBezTo>
                  <a:cubicBezTo>
                    <a:pt x="1952816" y="906971"/>
                    <a:pt x="2098167" y="1290257"/>
                    <a:pt x="2125504" y="1385030"/>
                  </a:cubicBezTo>
                  <a:cubicBezTo>
                    <a:pt x="2135662" y="1425533"/>
                    <a:pt x="2140970" y="1467100"/>
                    <a:pt x="2141315" y="1508855"/>
                  </a:cubicBezTo>
                  <a:cubicBezTo>
                    <a:pt x="2143601" y="1557623"/>
                    <a:pt x="2145697" y="1604105"/>
                    <a:pt x="2166747" y="1649159"/>
                  </a:cubicBezTo>
                  <a:cubicBezTo>
                    <a:pt x="2180939" y="1679639"/>
                    <a:pt x="2207514" y="1730883"/>
                    <a:pt x="2238280" y="1790319"/>
                  </a:cubicBezTo>
                  <a:cubicBezTo>
                    <a:pt x="2291906" y="1893856"/>
                    <a:pt x="2358581" y="2022634"/>
                    <a:pt x="2398490" y="2115884"/>
                  </a:cubicBezTo>
                  <a:cubicBezTo>
                    <a:pt x="2435638" y="2202656"/>
                    <a:pt x="2488597" y="2281809"/>
                    <a:pt x="2539842" y="2358390"/>
                  </a:cubicBezTo>
                  <a:cubicBezTo>
                    <a:pt x="2575750" y="2412016"/>
                    <a:pt x="2609659" y="2462689"/>
                    <a:pt x="2637187" y="2514124"/>
                  </a:cubicBezTo>
                  <a:cubicBezTo>
                    <a:pt x="2672525" y="2580132"/>
                    <a:pt x="2744915" y="2668810"/>
                    <a:pt x="2808637" y="2747010"/>
                  </a:cubicBezTo>
                  <a:cubicBezTo>
                    <a:pt x="2865787" y="2817209"/>
                    <a:pt x="2920365" y="2883599"/>
                    <a:pt x="2937415" y="2921222"/>
                  </a:cubicBezTo>
                  <a:cubicBezTo>
                    <a:pt x="2963133" y="2978372"/>
                    <a:pt x="2990564" y="3001994"/>
                    <a:pt x="3028569" y="3035522"/>
                  </a:cubicBezTo>
                  <a:cubicBezTo>
                    <a:pt x="3042475" y="3047810"/>
                    <a:pt x="3058287" y="3061621"/>
                    <a:pt x="3075623" y="3078575"/>
                  </a:cubicBezTo>
                  <a:cubicBezTo>
                    <a:pt x="3109150" y="3111532"/>
                    <a:pt x="3156109" y="3126200"/>
                    <a:pt x="3205734" y="3141345"/>
                  </a:cubicBezTo>
                  <a:cubicBezTo>
                    <a:pt x="3247739" y="3154299"/>
                    <a:pt x="3291459" y="3167729"/>
                    <a:pt x="3328321" y="3193352"/>
                  </a:cubicBezTo>
                  <a:cubicBezTo>
                    <a:pt x="3352514" y="3210116"/>
                    <a:pt x="3380232" y="3227546"/>
                    <a:pt x="3412331" y="3247835"/>
                  </a:cubicBezTo>
                  <a:cubicBezTo>
                    <a:pt x="3501692" y="3302149"/>
                    <a:pt x="3587379" y="3362287"/>
                    <a:pt x="3668840" y="3427857"/>
                  </a:cubicBezTo>
                  <a:cubicBezTo>
                    <a:pt x="3770186" y="3511391"/>
                    <a:pt x="3766757" y="3676269"/>
                    <a:pt x="3764090" y="3808857"/>
                  </a:cubicBezTo>
                  <a:cubicBezTo>
                    <a:pt x="3762400" y="3849335"/>
                    <a:pt x="3762877" y="3889874"/>
                    <a:pt x="3765519" y="3930301"/>
                  </a:cubicBezTo>
                  <a:cubicBezTo>
                    <a:pt x="3775044" y="4029361"/>
                    <a:pt x="3738658" y="4111276"/>
                    <a:pt x="3703606" y="4190429"/>
                  </a:cubicBezTo>
                  <a:cubicBezTo>
                    <a:pt x="3689985" y="4221385"/>
                    <a:pt x="3677031" y="4250627"/>
                    <a:pt x="3666744" y="4280726"/>
                  </a:cubicBezTo>
                  <a:cubicBezTo>
                    <a:pt x="3644170" y="4346734"/>
                    <a:pt x="3632264" y="4452747"/>
                    <a:pt x="3619691" y="4564952"/>
                  </a:cubicBezTo>
                  <a:cubicBezTo>
                    <a:pt x="3611785" y="4635532"/>
                    <a:pt x="3603689" y="4708398"/>
                    <a:pt x="3592449" y="4772501"/>
                  </a:cubicBezTo>
                  <a:cubicBezTo>
                    <a:pt x="3577018" y="4861370"/>
                    <a:pt x="3580448" y="4978718"/>
                    <a:pt x="3583877" y="5092160"/>
                  </a:cubicBezTo>
                  <a:cubicBezTo>
                    <a:pt x="3586639" y="5186744"/>
                    <a:pt x="3589591" y="5284565"/>
                    <a:pt x="3581019" y="5362575"/>
                  </a:cubicBezTo>
                  <a:cubicBezTo>
                    <a:pt x="3563588" y="5523071"/>
                    <a:pt x="3578447" y="5627656"/>
                    <a:pt x="3638169" y="5761958"/>
                  </a:cubicBezTo>
                  <a:cubicBezTo>
                    <a:pt x="3674078" y="5842921"/>
                    <a:pt x="3678841" y="5917597"/>
                    <a:pt x="3683794" y="5996559"/>
                  </a:cubicBezTo>
                  <a:cubicBezTo>
                    <a:pt x="3686044" y="6045188"/>
                    <a:pt x="3690781" y="6093671"/>
                    <a:pt x="3697986" y="6141815"/>
                  </a:cubicBezTo>
                  <a:cubicBezTo>
                    <a:pt x="3715512" y="6247829"/>
                    <a:pt x="3773043" y="6331077"/>
                    <a:pt x="3834003" y="6419183"/>
                  </a:cubicBezTo>
                  <a:cubicBezTo>
                    <a:pt x="3856863" y="6452236"/>
                    <a:pt x="3880485" y="6486525"/>
                    <a:pt x="3902202" y="6522339"/>
                  </a:cubicBezTo>
                  <a:cubicBezTo>
                    <a:pt x="3917633" y="6547866"/>
                    <a:pt x="3937825" y="6580252"/>
                    <a:pt x="3961257" y="6617589"/>
                  </a:cubicBezTo>
                  <a:cubicBezTo>
                    <a:pt x="4056507" y="6769989"/>
                    <a:pt x="4199382" y="6999542"/>
                    <a:pt x="4247007" y="7129939"/>
                  </a:cubicBezTo>
                  <a:cubicBezTo>
                    <a:pt x="4270474" y="7190497"/>
                    <a:pt x="4299556" y="7248727"/>
                    <a:pt x="4333875" y="7303865"/>
                  </a:cubicBezTo>
                  <a:lnTo>
                    <a:pt x="4328351" y="7303865"/>
                  </a:lnTo>
                  <a:cubicBezTo>
                    <a:pt x="4294402" y="7249197"/>
                    <a:pt x="4265700" y="7191440"/>
                    <a:pt x="4242626" y="7131368"/>
                  </a:cubicBezTo>
                  <a:cubicBezTo>
                    <a:pt x="4195477" y="7001447"/>
                    <a:pt x="4052125" y="6771894"/>
                    <a:pt x="3957161" y="66199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06">
              <a:extLst>
                <a:ext uri="{FF2B5EF4-FFF2-40B4-BE49-F238E27FC236}">
                  <a16:creationId xmlns:a16="http://schemas.microsoft.com/office/drawing/2014/main" id="{3C86CFB7-43C0-0140-A745-46C2C50F5ADA}"/>
                </a:ext>
              </a:extLst>
            </p:cNvPr>
            <p:cNvSpPr/>
            <p:nvPr/>
          </p:nvSpPr>
          <p:spPr>
            <a:xfrm>
              <a:off x="0" y="4313491"/>
              <a:ext cx="2620708" cy="3001899"/>
            </a:xfrm>
            <a:custGeom>
              <a:avLst/>
              <a:gdLst>
                <a:gd name="connsiteX0" fmla="*/ 103442 w 2620708"/>
                <a:gd name="connsiteY0" fmla="*/ 307372 h 3001899"/>
                <a:gd name="connsiteX1" fmla="*/ 142875 w 2620708"/>
                <a:gd name="connsiteY1" fmla="*/ 435769 h 3001899"/>
                <a:gd name="connsiteX2" fmla="*/ 166878 w 2620708"/>
                <a:gd name="connsiteY2" fmla="*/ 615505 h 3001899"/>
                <a:gd name="connsiteX3" fmla="*/ 200597 w 2620708"/>
                <a:gd name="connsiteY3" fmla="*/ 680085 h 3001899"/>
                <a:gd name="connsiteX4" fmla="*/ 344805 w 2620708"/>
                <a:gd name="connsiteY4" fmla="*/ 930021 h 3001899"/>
                <a:gd name="connsiteX5" fmla="*/ 472345 w 2620708"/>
                <a:gd name="connsiteY5" fmla="*/ 981647 h 3001899"/>
                <a:gd name="connsiteX6" fmla="*/ 567595 w 2620708"/>
                <a:gd name="connsiteY6" fmla="*/ 1019747 h 3001899"/>
                <a:gd name="connsiteX7" fmla="*/ 582359 w 2620708"/>
                <a:gd name="connsiteY7" fmla="*/ 1028700 h 3001899"/>
                <a:gd name="connsiteX8" fmla="*/ 737426 w 2620708"/>
                <a:gd name="connsiteY8" fmla="*/ 1170527 h 3001899"/>
                <a:gd name="connsiteX9" fmla="*/ 795719 w 2620708"/>
                <a:gd name="connsiteY9" fmla="*/ 1264920 h 3001899"/>
                <a:gd name="connsiteX10" fmla="*/ 890397 w 2620708"/>
                <a:gd name="connsiteY10" fmla="*/ 1434751 h 3001899"/>
                <a:gd name="connsiteX11" fmla="*/ 916210 w 2620708"/>
                <a:gd name="connsiteY11" fmla="*/ 1848612 h 3001899"/>
                <a:gd name="connsiteX12" fmla="*/ 898493 w 2620708"/>
                <a:gd name="connsiteY12" fmla="*/ 1968532 h 3001899"/>
                <a:gd name="connsiteX13" fmla="*/ 887540 w 2620708"/>
                <a:gd name="connsiteY13" fmla="*/ 2143983 h 3001899"/>
                <a:gd name="connsiteX14" fmla="*/ 997458 w 2620708"/>
                <a:gd name="connsiteY14" fmla="*/ 2458879 h 3001899"/>
                <a:gd name="connsiteX15" fmla="*/ 1122521 w 2620708"/>
                <a:gd name="connsiteY15" fmla="*/ 2585848 h 3001899"/>
                <a:gd name="connsiteX16" fmla="*/ 1159288 w 2620708"/>
                <a:gd name="connsiteY16" fmla="*/ 2612898 h 3001899"/>
                <a:gd name="connsiteX17" fmla="*/ 1228439 w 2620708"/>
                <a:gd name="connsiteY17" fmla="*/ 2651474 h 3001899"/>
                <a:gd name="connsiteX18" fmla="*/ 1323689 w 2620708"/>
                <a:gd name="connsiteY18" fmla="*/ 2495931 h 3001899"/>
                <a:gd name="connsiteX19" fmla="*/ 1405128 w 2620708"/>
                <a:gd name="connsiteY19" fmla="*/ 2345817 h 3001899"/>
                <a:gd name="connsiteX20" fmla="*/ 1607344 w 2620708"/>
                <a:gd name="connsiteY20" fmla="*/ 2115026 h 3001899"/>
                <a:gd name="connsiteX21" fmla="*/ 1664494 w 2620708"/>
                <a:gd name="connsiteY21" fmla="*/ 2071783 h 3001899"/>
                <a:gd name="connsiteX22" fmla="*/ 1913668 w 2620708"/>
                <a:gd name="connsiteY22" fmla="*/ 1972151 h 3001899"/>
                <a:gd name="connsiteX23" fmla="*/ 2021967 w 2620708"/>
                <a:gd name="connsiteY23" fmla="*/ 2119789 h 3001899"/>
                <a:gd name="connsiteX24" fmla="*/ 2096834 w 2620708"/>
                <a:gd name="connsiteY24" fmla="*/ 2230088 h 3001899"/>
                <a:gd name="connsiteX25" fmla="*/ 2144459 w 2620708"/>
                <a:gd name="connsiteY25" fmla="*/ 2261045 h 3001899"/>
                <a:gd name="connsiteX26" fmla="*/ 2301621 w 2620708"/>
                <a:gd name="connsiteY26" fmla="*/ 2435543 h 3001899"/>
                <a:gd name="connsiteX27" fmla="*/ 2471452 w 2620708"/>
                <a:gd name="connsiteY27" fmla="*/ 2686622 h 3001899"/>
                <a:gd name="connsiteX28" fmla="*/ 2557177 w 2620708"/>
                <a:gd name="connsiteY28" fmla="*/ 2806256 h 3001899"/>
                <a:gd name="connsiteX29" fmla="*/ 2598992 w 2620708"/>
                <a:gd name="connsiteY29" fmla="*/ 2931033 h 3001899"/>
                <a:gd name="connsiteX30" fmla="*/ 2620709 w 2620708"/>
                <a:gd name="connsiteY30" fmla="*/ 3001899 h 3001899"/>
                <a:gd name="connsiteX31" fmla="*/ 2615660 w 2620708"/>
                <a:gd name="connsiteY31" fmla="*/ 3001899 h 3001899"/>
                <a:gd name="connsiteX32" fmla="*/ 2594515 w 2620708"/>
                <a:gd name="connsiteY32" fmla="*/ 2932462 h 3001899"/>
                <a:gd name="connsiteX33" fmla="*/ 2552795 w 2620708"/>
                <a:gd name="connsiteY33" fmla="*/ 2808637 h 3001899"/>
                <a:gd name="connsiteX34" fmla="*/ 2467642 w 2620708"/>
                <a:gd name="connsiteY34" fmla="*/ 2689956 h 3001899"/>
                <a:gd name="connsiteX35" fmla="*/ 2297240 w 2620708"/>
                <a:gd name="connsiteY35" fmla="*/ 2437924 h 3001899"/>
                <a:gd name="connsiteX36" fmla="*/ 2142077 w 2620708"/>
                <a:gd name="connsiteY36" fmla="*/ 2265616 h 3001899"/>
                <a:gd name="connsiteX37" fmla="*/ 2093405 w 2620708"/>
                <a:gd name="connsiteY37" fmla="*/ 2234184 h 3001899"/>
                <a:gd name="connsiteX38" fmla="*/ 2017205 w 2620708"/>
                <a:gd name="connsiteY38" fmla="*/ 2122456 h 3001899"/>
                <a:gd name="connsiteX39" fmla="*/ 1910429 w 2620708"/>
                <a:gd name="connsiteY39" fmla="*/ 1976533 h 3001899"/>
                <a:gd name="connsiteX40" fmla="*/ 1666780 w 2620708"/>
                <a:gd name="connsiteY40" fmla="*/ 2075974 h 3001899"/>
                <a:gd name="connsiteX41" fmla="*/ 1609630 w 2620708"/>
                <a:gd name="connsiteY41" fmla="*/ 2119217 h 3001899"/>
                <a:gd name="connsiteX42" fmla="*/ 1408652 w 2620708"/>
                <a:gd name="connsiteY42" fmla="*/ 2348675 h 3001899"/>
                <a:gd name="connsiteX43" fmla="*/ 1327404 w 2620708"/>
                <a:gd name="connsiteY43" fmla="*/ 2498408 h 3001899"/>
                <a:gd name="connsiteX44" fmla="*/ 1227868 w 2620708"/>
                <a:gd name="connsiteY44" fmla="*/ 2656618 h 3001899"/>
                <a:gd name="connsiteX45" fmla="*/ 1155859 w 2620708"/>
                <a:gd name="connsiteY45" fmla="*/ 2616994 h 3001899"/>
                <a:gd name="connsiteX46" fmla="*/ 1119283 w 2620708"/>
                <a:gd name="connsiteY46" fmla="*/ 2590133 h 3001899"/>
                <a:gd name="connsiteX47" fmla="*/ 992600 w 2620708"/>
                <a:gd name="connsiteY47" fmla="*/ 2461356 h 3001899"/>
                <a:gd name="connsiteX48" fmla="*/ 882396 w 2620708"/>
                <a:gd name="connsiteY48" fmla="*/ 2145697 h 3001899"/>
                <a:gd name="connsiteX49" fmla="*/ 893255 w 2620708"/>
                <a:gd name="connsiteY49" fmla="*/ 1967960 h 3001899"/>
                <a:gd name="connsiteX50" fmla="*/ 910876 w 2620708"/>
                <a:gd name="connsiteY50" fmla="*/ 1848707 h 3001899"/>
                <a:gd name="connsiteX51" fmla="*/ 885158 w 2620708"/>
                <a:gd name="connsiteY51" fmla="*/ 1435798 h 3001899"/>
                <a:gd name="connsiteX52" fmla="*/ 792480 w 2620708"/>
                <a:gd name="connsiteY52" fmla="*/ 1268159 h 3001899"/>
                <a:gd name="connsiteX53" fmla="*/ 733235 w 2620708"/>
                <a:gd name="connsiteY53" fmla="*/ 1171385 h 3001899"/>
                <a:gd name="connsiteX54" fmla="*/ 580835 w 2620708"/>
                <a:gd name="connsiteY54" fmla="*/ 1032986 h 3001899"/>
                <a:gd name="connsiteX55" fmla="*/ 565880 w 2620708"/>
                <a:gd name="connsiteY55" fmla="*/ 1023938 h 3001899"/>
                <a:gd name="connsiteX56" fmla="*/ 471297 w 2620708"/>
                <a:gd name="connsiteY56" fmla="*/ 986504 h 3001899"/>
                <a:gd name="connsiteX57" fmla="*/ 342805 w 2620708"/>
                <a:gd name="connsiteY57" fmla="*/ 934403 h 3001899"/>
                <a:gd name="connsiteX58" fmla="*/ 196977 w 2620708"/>
                <a:gd name="connsiteY58" fmla="*/ 682657 h 3001899"/>
                <a:gd name="connsiteX59" fmla="*/ 163354 w 2620708"/>
                <a:gd name="connsiteY59" fmla="*/ 618268 h 3001899"/>
                <a:gd name="connsiteX60" fmla="*/ 138684 w 2620708"/>
                <a:gd name="connsiteY60" fmla="*/ 435769 h 3001899"/>
                <a:gd name="connsiteX61" fmla="*/ 99346 w 2620708"/>
                <a:gd name="connsiteY61" fmla="*/ 309467 h 3001899"/>
                <a:gd name="connsiteX62" fmla="*/ 63056 w 2620708"/>
                <a:gd name="connsiteY62" fmla="*/ 215170 h 3001899"/>
                <a:gd name="connsiteX63" fmla="*/ 0 w 2620708"/>
                <a:gd name="connsiteY63" fmla="*/ 18479 h 3001899"/>
                <a:gd name="connsiteX64" fmla="*/ 0 w 2620708"/>
                <a:gd name="connsiteY64" fmla="*/ 0 h 3001899"/>
                <a:gd name="connsiteX65" fmla="*/ 67151 w 2620708"/>
                <a:gd name="connsiteY65" fmla="*/ 213265 h 3001899"/>
                <a:gd name="connsiteX66" fmla="*/ 103442 w 2620708"/>
                <a:gd name="connsiteY66" fmla="*/ 307372 h 3001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2620708" h="3001899">
                  <a:moveTo>
                    <a:pt x="103442" y="307372"/>
                  </a:moveTo>
                  <a:cubicBezTo>
                    <a:pt x="126683" y="365284"/>
                    <a:pt x="144971" y="410909"/>
                    <a:pt x="142875" y="435769"/>
                  </a:cubicBezTo>
                  <a:cubicBezTo>
                    <a:pt x="140018" y="471392"/>
                    <a:pt x="142875" y="573596"/>
                    <a:pt x="166878" y="615505"/>
                  </a:cubicBezTo>
                  <a:cubicBezTo>
                    <a:pt x="172974" y="626269"/>
                    <a:pt x="185166" y="649986"/>
                    <a:pt x="200597" y="680085"/>
                  </a:cubicBezTo>
                  <a:cubicBezTo>
                    <a:pt x="245555" y="767715"/>
                    <a:pt x="320707" y="914400"/>
                    <a:pt x="344805" y="930021"/>
                  </a:cubicBezTo>
                  <a:cubicBezTo>
                    <a:pt x="362522" y="941547"/>
                    <a:pt x="421005" y="962787"/>
                    <a:pt x="472345" y="981647"/>
                  </a:cubicBezTo>
                  <a:cubicBezTo>
                    <a:pt x="517874" y="998220"/>
                    <a:pt x="557213" y="1012603"/>
                    <a:pt x="567595" y="1019747"/>
                  </a:cubicBezTo>
                  <a:lnTo>
                    <a:pt x="582359" y="1028700"/>
                  </a:lnTo>
                  <a:cubicBezTo>
                    <a:pt x="626555" y="1054798"/>
                    <a:pt x="729806" y="1115949"/>
                    <a:pt x="737426" y="1170527"/>
                  </a:cubicBezTo>
                  <a:cubicBezTo>
                    <a:pt x="741045" y="1196531"/>
                    <a:pt x="766001" y="1228249"/>
                    <a:pt x="795719" y="1264920"/>
                  </a:cubicBezTo>
                  <a:cubicBezTo>
                    <a:pt x="835533" y="1314641"/>
                    <a:pt x="880586" y="1371029"/>
                    <a:pt x="890397" y="1434751"/>
                  </a:cubicBezTo>
                  <a:cubicBezTo>
                    <a:pt x="908209" y="1549051"/>
                    <a:pt x="923163" y="1747457"/>
                    <a:pt x="916210" y="1848612"/>
                  </a:cubicBezTo>
                  <a:cubicBezTo>
                    <a:pt x="912531" y="1888883"/>
                    <a:pt x="906616" y="1928918"/>
                    <a:pt x="898493" y="1968532"/>
                  </a:cubicBezTo>
                  <a:cubicBezTo>
                    <a:pt x="886015" y="2035207"/>
                    <a:pt x="874205" y="2099024"/>
                    <a:pt x="887540" y="2143983"/>
                  </a:cubicBezTo>
                  <a:cubicBezTo>
                    <a:pt x="907256" y="2210658"/>
                    <a:pt x="967073" y="2396300"/>
                    <a:pt x="997458" y="2458879"/>
                  </a:cubicBezTo>
                  <a:cubicBezTo>
                    <a:pt x="1026033" y="2518220"/>
                    <a:pt x="1077087" y="2555558"/>
                    <a:pt x="1122521" y="2585848"/>
                  </a:cubicBezTo>
                  <a:cubicBezTo>
                    <a:pt x="1135190" y="2594324"/>
                    <a:pt x="1147477" y="2603754"/>
                    <a:pt x="1159288" y="2612898"/>
                  </a:cubicBezTo>
                  <a:cubicBezTo>
                    <a:pt x="1185005" y="2632710"/>
                    <a:pt x="1209389" y="2651474"/>
                    <a:pt x="1228439" y="2651474"/>
                  </a:cubicBezTo>
                  <a:cubicBezTo>
                    <a:pt x="1244251" y="2651474"/>
                    <a:pt x="1284637" y="2572417"/>
                    <a:pt x="1323689" y="2495931"/>
                  </a:cubicBezTo>
                  <a:cubicBezTo>
                    <a:pt x="1351217" y="2441924"/>
                    <a:pt x="1379696" y="2386203"/>
                    <a:pt x="1405128" y="2345817"/>
                  </a:cubicBezTo>
                  <a:cubicBezTo>
                    <a:pt x="1405985" y="2344293"/>
                    <a:pt x="1495330" y="2197418"/>
                    <a:pt x="1607344" y="2115026"/>
                  </a:cubicBezTo>
                  <a:cubicBezTo>
                    <a:pt x="1626394" y="2101120"/>
                    <a:pt x="1645444" y="2086451"/>
                    <a:pt x="1664494" y="2071783"/>
                  </a:cubicBezTo>
                  <a:cubicBezTo>
                    <a:pt x="1759744" y="1998155"/>
                    <a:pt x="1849088" y="1928908"/>
                    <a:pt x="1913668" y="1972151"/>
                  </a:cubicBezTo>
                  <a:cubicBezTo>
                    <a:pt x="1955959" y="2000726"/>
                    <a:pt x="1989868" y="2061306"/>
                    <a:pt x="2021967" y="2119789"/>
                  </a:cubicBezTo>
                  <a:cubicBezTo>
                    <a:pt x="2047494" y="2165890"/>
                    <a:pt x="2071592" y="2209419"/>
                    <a:pt x="2096834" y="2230088"/>
                  </a:cubicBezTo>
                  <a:cubicBezTo>
                    <a:pt x="2111776" y="2241775"/>
                    <a:pt x="2127712" y="2252134"/>
                    <a:pt x="2144459" y="2261045"/>
                  </a:cubicBezTo>
                  <a:cubicBezTo>
                    <a:pt x="2193227" y="2288667"/>
                    <a:pt x="2248567" y="2320004"/>
                    <a:pt x="2301621" y="2435543"/>
                  </a:cubicBezTo>
                  <a:cubicBezTo>
                    <a:pt x="2344007" y="2527649"/>
                    <a:pt x="2414683" y="2615756"/>
                    <a:pt x="2471452" y="2686622"/>
                  </a:cubicBezTo>
                  <a:cubicBezTo>
                    <a:pt x="2510219" y="2734913"/>
                    <a:pt x="2543651" y="2776633"/>
                    <a:pt x="2557177" y="2806256"/>
                  </a:cubicBezTo>
                  <a:cubicBezTo>
                    <a:pt x="2573590" y="2846978"/>
                    <a:pt x="2587553" y="2888644"/>
                    <a:pt x="2598992" y="2931033"/>
                  </a:cubicBezTo>
                  <a:cubicBezTo>
                    <a:pt x="2606135" y="2955036"/>
                    <a:pt x="2613374" y="2979230"/>
                    <a:pt x="2620709" y="3001899"/>
                  </a:cubicBezTo>
                  <a:lnTo>
                    <a:pt x="2615660" y="3001899"/>
                  </a:lnTo>
                  <a:cubicBezTo>
                    <a:pt x="2608516" y="2979515"/>
                    <a:pt x="2601468" y="2955894"/>
                    <a:pt x="2594515" y="2932462"/>
                  </a:cubicBezTo>
                  <a:cubicBezTo>
                    <a:pt x="2583042" y="2890406"/>
                    <a:pt x="2569112" y="2849061"/>
                    <a:pt x="2552795" y="2808637"/>
                  </a:cubicBezTo>
                  <a:cubicBezTo>
                    <a:pt x="2539460" y="2779490"/>
                    <a:pt x="2506218" y="2738057"/>
                    <a:pt x="2467642" y="2689956"/>
                  </a:cubicBezTo>
                  <a:cubicBezTo>
                    <a:pt x="2410492" y="2618994"/>
                    <a:pt x="2339816" y="2530602"/>
                    <a:pt x="2297240" y="2437924"/>
                  </a:cubicBezTo>
                  <a:cubicBezTo>
                    <a:pt x="2244757" y="2323624"/>
                    <a:pt x="2190179" y="2292858"/>
                    <a:pt x="2142077" y="2265616"/>
                  </a:cubicBezTo>
                  <a:cubicBezTo>
                    <a:pt x="2124988" y="2256543"/>
                    <a:pt x="2108705" y="2246028"/>
                    <a:pt x="2093405" y="2234184"/>
                  </a:cubicBezTo>
                  <a:cubicBezTo>
                    <a:pt x="2067401" y="2212944"/>
                    <a:pt x="2043017" y="2169033"/>
                    <a:pt x="2017205" y="2122456"/>
                  </a:cubicBezTo>
                  <a:cubicBezTo>
                    <a:pt x="1985010" y="2064448"/>
                    <a:pt x="1951768" y="2004441"/>
                    <a:pt x="1910429" y="1976533"/>
                  </a:cubicBezTo>
                  <a:cubicBezTo>
                    <a:pt x="1848803" y="1934909"/>
                    <a:pt x="1760411" y="2003393"/>
                    <a:pt x="1666780" y="2075974"/>
                  </a:cubicBezTo>
                  <a:cubicBezTo>
                    <a:pt x="1648206" y="2090357"/>
                    <a:pt x="1628680" y="2105311"/>
                    <a:pt x="1609630" y="2119217"/>
                  </a:cubicBezTo>
                  <a:cubicBezTo>
                    <a:pt x="1498378" y="2201037"/>
                    <a:pt x="1409605" y="2347151"/>
                    <a:pt x="1408652" y="2348675"/>
                  </a:cubicBezTo>
                  <a:cubicBezTo>
                    <a:pt x="1383316" y="2388965"/>
                    <a:pt x="1354836" y="2444592"/>
                    <a:pt x="1327404" y="2498408"/>
                  </a:cubicBezTo>
                  <a:cubicBezTo>
                    <a:pt x="1277303" y="2596515"/>
                    <a:pt x="1245680" y="2656618"/>
                    <a:pt x="1227868" y="2656618"/>
                  </a:cubicBezTo>
                  <a:cubicBezTo>
                    <a:pt x="1207199" y="2656618"/>
                    <a:pt x="1183386" y="2638235"/>
                    <a:pt x="1155859" y="2616994"/>
                  </a:cubicBezTo>
                  <a:cubicBezTo>
                    <a:pt x="1144048" y="2607945"/>
                    <a:pt x="1131856" y="2598611"/>
                    <a:pt x="1119283" y="2590133"/>
                  </a:cubicBezTo>
                  <a:cubicBezTo>
                    <a:pt x="1073372" y="2559463"/>
                    <a:pt x="1021937" y="2521744"/>
                    <a:pt x="992600" y="2461356"/>
                  </a:cubicBezTo>
                  <a:cubicBezTo>
                    <a:pt x="962120" y="2398586"/>
                    <a:pt x="902208" y="2212658"/>
                    <a:pt x="882396" y="2145697"/>
                  </a:cubicBezTo>
                  <a:cubicBezTo>
                    <a:pt x="868775" y="2099691"/>
                    <a:pt x="880586" y="2035683"/>
                    <a:pt x="893255" y="1967960"/>
                  </a:cubicBezTo>
                  <a:cubicBezTo>
                    <a:pt x="901339" y="1928567"/>
                    <a:pt x="907222" y="1888755"/>
                    <a:pt x="910876" y="1848707"/>
                  </a:cubicBezTo>
                  <a:cubicBezTo>
                    <a:pt x="917734" y="1747838"/>
                    <a:pt x="902875" y="1550194"/>
                    <a:pt x="885158" y="1435798"/>
                  </a:cubicBezTo>
                  <a:cubicBezTo>
                    <a:pt x="876300" y="1372934"/>
                    <a:pt x="831913" y="1317022"/>
                    <a:pt x="792480" y="1268159"/>
                  </a:cubicBezTo>
                  <a:cubicBezTo>
                    <a:pt x="762667" y="1230821"/>
                    <a:pt x="736949" y="1198626"/>
                    <a:pt x="733235" y="1171385"/>
                  </a:cubicBezTo>
                  <a:cubicBezTo>
                    <a:pt x="725900" y="1119092"/>
                    <a:pt x="620268" y="1056513"/>
                    <a:pt x="580835" y="1032986"/>
                  </a:cubicBezTo>
                  <a:cubicBezTo>
                    <a:pt x="574167" y="1028986"/>
                    <a:pt x="569024" y="1025938"/>
                    <a:pt x="565880" y="1023938"/>
                  </a:cubicBezTo>
                  <a:cubicBezTo>
                    <a:pt x="555689" y="1017270"/>
                    <a:pt x="514731" y="1002316"/>
                    <a:pt x="471297" y="986504"/>
                  </a:cubicBezTo>
                  <a:cubicBezTo>
                    <a:pt x="417005" y="966692"/>
                    <a:pt x="360902" y="946214"/>
                    <a:pt x="342805" y="934403"/>
                  </a:cubicBezTo>
                  <a:cubicBezTo>
                    <a:pt x="317659" y="918115"/>
                    <a:pt x="244983" y="776383"/>
                    <a:pt x="196977" y="682657"/>
                  </a:cubicBezTo>
                  <a:cubicBezTo>
                    <a:pt x="181547" y="652653"/>
                    <a:pt x="169355" y="628936"/>
                    <a:pt x="163354" y="618268"/>
                  </a:cubicBezTo>
                  <a:cubicBezTo>
                    <a:pt x="137446" y="572929"/>
                    <a:pt x="136208" y="467201"/>
                    <a:pt x="138684" y="435769"/>
                  </a:cubicBezTo>
                  <a:cubicBezTo>
                    <a:pt x="140589" y="412242"/>
                    <a:pt x="122396" y="366903"/>
                    <a:pt x="99346" y="309467"/>
                  </a:cubicBezTo>
                  <a:cubicBezTo>
                    <a:pt x="87916" y="280892"/>
                    <a:pt x="74962" y="248698"/>
                    <a:pt x="63056" y="215170"/>
                  </a:cubicBezTo>
                  <a:cubicBezTo>
                    <a:pt x="36862" y="142494"/>
                    <a:pt x="16097" y="77534"/>
                    <a:pt x="0" y="18479"/>
                  </a:cubicBezTo>
                  <a:lnTo>
                    <a:pt x="0" y="0"/>
                  </a:lnTo>
                  <a:cubicBezTo>
                    <a:pt x="16574" y="63341"/>
                    <a:pt x="38862" y="133922"/>
                    <a:pt x="67151" y="213265"/>
                  </a:cubicBezTo>
                  <a:cubicBezTo>
                    <a:pt x="79058" y="246698"/>
                    <a:pt x="92012" y="278892"/>
                    <a:pt x="103442" y="30737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07">
              <a:extLst>
                <a:ext uri="{FF2B5EF4-FFF2-40B4-BE49-F238E27FC236}">
                  <a16:creationId xmlns:a16="http://schemas.microsoft.com/office/drawing/2014/main" id="{8CA857F9-50EB-EB40-9F05-A526E8A90222}"/>
                </a:ext>
              </a:extLst>
            </p:cNvPr>
            <p:cNvSpPr/>
            <p:nvPr/>
          </p:nvSpPr>
          <p:spPr>
            <a:xfrm>
              <a:off x="1715166" y="7021968"/>
              <a:ext cx="762476" cy="293231"/>
            </a:xfrm>
            <a:custGeom>
              <a:avLst/>
              <a:gdLst>
                <a:gd name="connsiteX0" fmla="*/ 221075 w 762476"/>
                <a:gd name="connsiteY0" fmla="*/ 166549 h 293231"/>
                <a:gd name="connsiteX1" fmla="*/ 360235 w 762476"/>
                <a:gd name="connsiteY1" fmla="*/ 79776 h 293231"/>
                <a:gd name="connsiteX2" fmla="*/ 500729 w 762476"/>
                <a:gd name="connsiteY2" fmla="*/ 338 h 293231"/>
                <a:gd name="connsiteX3" fmla="*/ 762476 w 762476"/>
                <a:gd name="connsiteY3" fmla="*/ 293231 h 293231"/>
                <a:gd name="connsiteX4" fmla="*/ 756761 w 762476"/>
                <a:gd name="connsiteY4" fmla="*/ 293231 h 293231"/>
                <a:gd name="connsiteX5" fmla="*/ 500063 w 762476"/>
                <a:gd name="connsiteY5" fmla="*/ 5100 h 293231"/>
                <a:gd name="connsiteX6" fmla="*/ 363188 w 762476"/>
                <a:gd name="connsiteY6" fmla="*/ 83491 h 293231"/>
                <a:gd name="connsiteX7" fmla="*/ 222028 w 762476"/>
                <a:gd name="connsiteY7" fmla="*/ 171216 h 293231"/>
                <a:gd name="connsiteX8" fmla="*/ 24670 w 762476"/>
                <a:gd name="connsiteY8" fmla="*/ 270466 h 293231"/>
                <a:gd name="connsiteX9" fmla="*/ 6191 w 762476"/>
                <a:gd name="connsiteY9" fmla="*/ 293231 h 293231"/>
                <a:gd name="connsiteX10" fmla="*/ 0 w 762476"/>
                <a:gd name="connsiteY10" fmla="*/ 293231 h 293231"/>
                <a:gd name="connsiteX11" fmla="*/ 20860 w 762476"/>
                <a:gd name="connsiteY11" fmla="*/ 267609 h 293231"/>
                <a:gd name="connsiteX12" fmla="*/ 221075 w 762476"/>
                <a:gd name="connsiteY12" fmla="*/ 166549 h 2932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62476" h="293231">
                  <a:moveTo>
                    <a:pt x="221075" y="166549"/>
                  </a:moveTo>
                  <a:cubicBezTo>
                    <a:pt x="260794" y="158548"/>
                    <a:pt x="311372" y="118924"/>
                    <a:pt x="360235" y="79776"/>
                  </a:cubicBezTo>
                  <a:cubicBezTo>
                    <a:pt x="414623" y="36628"/>
                    <a:pt x="465868" y="-4139"/>
                    <a:pt x="500729" y="338"/>
                  </a:cubicBezTo>
                  <a:cubicBezTo>
                    <a:pt x="555784" y="7672"/>
                    <a:pt x="691991" y="188647"/>
                    <a:pt x="762476" y="293231"/>
                  </a:cubicBezTo>
                  <a:lnTo>
                    <a:pt x="756761" y="293231"/>
                  </a:lnTo>
                  <a:cubicBezTo>
                    <a:pt x="686276" y="188456"/>
                    <a:pt x="553307" y="12148"/>
                    <a:pt x="500063" y="5100"/>
                  </a:cubicBezTo>
                  <a:cubicBezTo>
                    <a:pt x="467582" y="718"/>
                    <a:pt x="416814" y="40914"/>
                    <a:pt x="363188" y="83491"/>
                  </a:cubicBezTo>
                  <a:cubicBezTo>
                    <a:pt x="313849" y="122543"/>
                    <a:pt x="262890" y="163025"/>
                    <a:pt x="222028" y="171216"/>
                  </a:cubicBezTo>
                  <a:cubicBezTo>
                    <a:pt x="124682" y="190933"/>
                    <a:pt x="60103" y="223413"/>
                    <a:pt x="24670" y="270466"/>
                  </a:cubicBezTo>
                  <a:cubicBezTo>
                    <a:pt x="19336" y="277610"/>
                    <a:pt x="12954" y="285230"/>
                    <a:pt x="6191" y="293231"/>
                  </a:cubicBezTo>
                  <a:lnTo>
                    <a:pt x="0" y="293231"/>
                  </a:lnTo>
                  <a:cubicBezTo>
                    <a:pt x="7715" y="283706"/>
                    <a:pt x="14954" y="275515"/>
                    <a:pt x="20860" y="267609"/>
                  </a:cubicBezTo>
                  <a:cubicBezTo>
                    <a:pt x="57055" y="219508"/>
                    <a:pt x="122491" y="186456"/>
                    <a:pt x="221075" y="16654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08">
              <a:extLst>
                <a:ext uri="{FF2B5EF4-FFF2-40B4-BE49-F238E27FC236}">
                  <a16:creationId xmlns:a16="http://schemas.microsoft.com/office/drawing/2014/main" id="{0FA145DD-9D13-C94E-97A7-71F5C2B2853D}"/>
                </a:ext>
              </a:extLst>
            </p:cNvPr>
            <p:cNvSpPr/>
            <p:nvPr/>
          </p:nvSpPr>
          <p:spPr>
            <a:xfrm>
              <a:off x="0" y="4686300"/>
              <a:ext cx="1197102" cy="2628900"/>
            </a:xfrm>
            <a:custGeom>
              <a:avLst/>
              <a:gdLst>
                <a:gd name="connsiteX0" fmla="*/ 234887 w 1197102"/>
                <a:gd name="connsiteY0" fmla="*/ 639985 h 2628900"/>
                <a:gd name="connsiteX1" fmla="*/ 280130 w 1197102"/>
                <a:gd name="connsiteY1" fmla="*/ 735235 h 2628900"/>
                <a:gd name="connsiteX2" fmla="*/ 444437 w 1197102"/>
                <a:gd name="connsiteY2" fmla="*/ 879920 h 2628900"/>
                <a:gd name="connsiteX3" fmla="*/ 464820 w 1197102"/>
                <a:gd name="connsiteY3" fmla="*/ 874586 h 2628900"/>
                <a:gd name="connsiteX4" fmla="*/ 676275 w 1197102"/>
                <a:gd name="connsiteY4" fmla="*/ 987743 h 2628900"/>
                <a:gd name="connsiteX5" fmla="*/ 681609 w 1197102"/>
                <a:gd name="connsiteY5" fmla="*/ 992124 h 2628900"/>
                <a:gd name="connsiteX6" fmla="*/ 814007 w 1197102"/>
                <a:gd name="connsiteY6" fmla="*/ 1552480 h 2628900"/>
                <a:gd name="connsiteX7" fmla="*/ 790670 w 1197102"/>
                <a:gd name="connsiteY7" fmla="*/ 1680686 h 2628900"/>
                <a:gd name="connsiteX8" fmla="*/ 822484 w 1197102"/>
                <a:gd name="connsiteY8" fmla="*/ 2022443 h 2628900"/>
                <a:gd name="connsiteX9" fmla="*/ 1045464 w 1197102"/>
                <a:gd name="connsiteY9" fmla="*/ 2397919 h 2628900"/>
                <a:gd name="connsiteX10" fmla="*/ 1197102 w 1197102"/>
                <a:gd name="connsiteY10" fmla="*/ 2627471 h 2628900"/>
                <a:gd name="connsiteX11" fmla="*/ 1197102 w 1197102"/>
                <a:gd name="connsiteY11" fmla="*/ 2628900 h 2628900"/>
                <a:gd name="connsiteX12" fmla="*/ 1192149 w 1197102"/>
                <a:gd name="connsiteY12" fmla="*/ 2628900 h 2628900"/>
                <a:gd name="connsiteX13" fmla="*/ 1041368 w 1197102"/>
                <a:gd name="connsiteY13" fmla="*/ 2401062 h 2628900"/>
                <a:gd name="connsiteX14" fmla="*/ 817436 w 1197102"/>
                <a:gd name="connsiteY14" fmla="*/ 2023586 h 2628900"/>
                <a:gd name="connsiteX15" fmla="*/ 785622 w 1197102"/>
                <a:gd name="connsiteY15" fmla="*/ 1679639 h 2628900"/>
                <a:gd name="connsiteX16" fmla="*/ 808768 w 1197102"/>
                <a:gd name="connsiteY16" fmla="*/ 1551813 h 2628900"/>
                <a:gd name="connsiteX17" fmla="*/ 678085 w 1197102"/>
                <a:gd name="connsiteY17" fmla="*/ 995743 h 2628900"/>
                <a:gd name="connsiteX18" fmla="*/ 672846 w 1197102"/>
                <a:gd name="connsiteY18" fmla="*/ 991362 h 2628900"/>
                <a:gd name="connsiteX19" fmla="*/ 465773 w 1197102"/>
                <a:gd name="connsiteY19" fmla="*/ 879062 h 2628900"/>
                <a:gd name="connsiteX20" fmla="*/ 445770 w 1197102"/>
                <a:gd name="connsiteY20" fmla="*/ 884301 h 2628900"/>
                <a:gd name="connsiteX21" fmla="*/ 275844 w 1197102"/>
                <a:gd name="connsiteY21" fmla="*/ 737140 h 2628900"/>
                <a:gd name="connsiteX22" fmla="*/ 230600 w 1197102"/>
                <a:gd name="connsiteY22" fmla="*/ 641890 h 2628900"/>
                <a:gd name="connsiteX23" fmla="*/ 66675 w 1197102"/>
                <a:gd name="connsiteY23" fmla="*/ 255175 h 2628900"/>
                <a:gd name="connsiteX24" fmla="*/ 0 w 1197102"/>
                <a:gd name="connsiteY24" fmla="*/ 17050 h 2628900"/>
                <a:gd name="connsiteX25" fmla="*/ 0 w 1197102"/>
                <a:gd name="connsiteY25" fmla="*/ 0 h 2628900"/>
                <a:gd name="connsiteX26" fmla="*/ 71438 w 1197102"/>
                <a:gd name="connsiteY26" fmla="*/ 254318 h 2628900"/>
                <a:gd name="connsiteX27" fmla="*/ 234887 w 1197102"/>
                <a:gd name="connsiteY27" fmla="*/ 639985 h 2628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1197102" h="2628900">
                  <a:moveTo>
                    <a:pt x="234887" y="639985"/>
                  </a:moveTo>
                  <a:cubicBezTo>
                    <a:pt x="249619" y="670846"/>
                    <a:pt x="264700" y="702596"/>
                    <a:pt x="280130" y="735235"/>
                  </a:cubicBezTo>
                  <a:cubicBezTo>
                    <a:pt x="359855" y="904208"/>
                    <a:pt x="397193" y="893540"/>
                    <a:pt x="444437" y="879920"/>
                  </a:cubicBezTo>
                  <a:cubicBezTo>
                    <a:pt x="450914" y="878110"/>
                    <a:pt x="457676" y="876109"/>
                    <a:pt x="464820" y="874586"/>
                  </a:cubicBezTo>
                  <a:cubicBezTo>
                    <a:pt x="523875" y="861536"/>
                    <a:pt x="565118" y="895922"/>
                    <a:pt x="676275" y="987743"/>
                  </a:cubicBezTo>
                  <a:lnTo>
                    <a:pt x="681609" y="992124"/>
                  </a:lnTo>
                  <a:cubicBezTo>
                    <a:pt x="803624" y="1093089"/>
                    <a:pt x="840581" y="1350455"/>
                    <a:pt x="814007" y="1552480"/>
                  </a:cubicBezTo>
                  <a:cubicBezTo>
                    <a:pt x="806291" y="1610868"/>
                    <a:pt x="797624" y="1649539"/>
                    <a:pt x="790670" y="1680686"/>
                  </a:cubicBezTo>
                  <a:cubicBezTo>
                    <a:pt x="771620" y="1766411"/>
                    <a:pt x="765143" y="1794986"/>
                    <a:pt x="822484" y="2022443"/>
                  </a:cubicBezTo>
                  <a:cubicBezTo>
                    <a:pt x="866680" y="2196942"/>
                    <a:pt x="961644" y="2303716"/>
                    <a:pt x="1045464" y="2397919"/>
                  </a:cubicBezTo>
                  <a:cubicBezTo>
                    <a:pt x="1110234" y="2470690"/>
                    <a:pt x="1171385" y="2539460"/>
                    <a:pt x="1197102" y="2627471"/>
                  </a:cubicBezTo>
                  <a:lnTo>
                    <a:pt x="1197102" y="2628900"/>
                  </a:lnTo>
                  <a:lnTo>
                    <a:pt x="1192149" y="2628900"/>
                  </a:lnTo>
                  <a:cubicBezTo>
                    <a:pt x="1166622" y="2541746"/>
                    <a:pt x="1105757" y="2473452"/>
                    <a:pt x="1041368" y="2401062"/>
                  </a:cubicBezTo>
                  <a:cubicBezTo>
                    <a:pt x="957263" y="2306479"/>
                    <a:pt x="861822" y="2199228"/>
                    <a:pt x="817436" y="2023586"/>
                  </a:cubicBezTo>
                  <a:cubicBezTo>
                    <a:pt x="759714" y="1794986"/>
                    <a:pt x="766763" y="1763935"/>
                    <a:pt x="785622" y="1679639"/>
                  </a:cubicBezTo>
                  <a:cubicBezTo>
                    <a:pt x="792480" y="1648683"/>
                    <a:pt x="801148" y="1610106"/>
                    <a:pt x="808768" y="1551813"/>
                  </a:cubicBezTo>
                  <a:cubicBezTo>
                    <a:pt x="835152" y="1351121"/>
                    <a:pt x="798767" y="1095661"/>
                    <a:pt x="678085" y="995743"/>
                  </a:cubicBezTo>
                  <a:lnTo>
                    <a:pt x="672846" y="991362"/>
                  </a:lnTo>
                  <a:cubicBezTo>
                    <a:pt x="560356" y="898112"/>
                    <a:pt x="522351" y="866775"/>
                    <a:pt x="465773" y="879062"/>
                  </a:cubicBezTo>
                  <a:cubicBezTo>
                    <a:pt x="458819" y="880586"/>
                    <a:pt x="452152" y="882492"/>
                    <a:pt x="445770" y="884301"/>
                  </a:cubicBezTo>
                  <a:cubicBezTo>
                    <a:pt x="396240" y="898493"/>
                    <a:pt x="357283" y="909733"/>
                    <a:pt x="275844" y="737140"/>
                  </a:cubicBezTo>
                  <a:cubicBezTo>
                    <a:pt x="260509" y="704564"/>
                    <a:pt x="245269" y="672846"/>
                    <a:pt x="230600" y="641890"/>
                  </a:cubicBezTo>
                  <a:cubicBezTo>
                    <a:pt x="157448" y="488823"/>
                    <a:pt x="94298" y="356521"/>
                    <a:pt x="66675" y="255175"/>
                  </a:cubicBezTo>
                  <a:cubicBezTo>
                    <a:pt x="57150" y="218980"/>
                    <a:pt x="31147" y="127445"/>
                    <a:pt x="0" y="17050"/>
                  </a:cubicBezTo>
                  <a:lnTo>
                    <a:pt x="0" y="0"/>
                  </a:lnTo>
                  <a:cubicBezTo>
                    <a:pt x="33338" y="117634"/>
                    <a:pt x="61246" y="216408"/>
                    <a:pt x="71438" y="254318"/>
                  </a:cubicBezTo>
                  <a:cubicBezTo>
                    <a:pt x="98774" y="354806"/>
                    <a:pt x="161925" y="486918"/>
                    <a:pt x="234887" y="63998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09">
              <a:extLst>
                <a:ext uri="{FF2B5EF4-FFF2-40B4-BE49-F238E27FC236}">
                  <a16:creationId xmlns:a16="http://schemas.microsoft.com/office/drawing/2014/main" id="{593D9A57-A217-A341-9752-30D116BC44CD}"/>
                </a:ext>
              </a:extLst>
            </p:cNvPr>
            <p:cNvSpPr/>
            <p:nvPr/>
          </p:nvSpPr>
          <p:spPr>
            <a:xfrm>
              <a:off x="3994880" y="0"/>
              <a:ext cx="3886485" cy="731491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10">
              <a:extLst>
                <a:ext uri="{FF2B5EF4-FFF2-40B4-BE49-F238E27FC236}">
                  <a16:creationId xmlns:a16="http://schemas.microsoft.com/office/drawing/2014/main" id="{EC62C0EC-8074-814E-AD04-F2B517B4EDA5}"/>
                </a:ext>
              </a:extLst>
            </p:cNvPr>
            <p:cNvSpPr/>
            <p:nvPr/>
          </p:nvSpPr>
          <p:spPr>
            <a:xfrm>
              <a:off x="4756880" y="857"/>
              <a:ext cx="3251834" cy="7314342"/>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11">
              <a:extLst>
                <a:ext uri="{FF2B5EF4-FFF2-40B4-BE49-F238E27FC236}">
                  <a16:creationId xmlns:a16="http://schemas.microsoft.com/office/drawing/2014/main" id="{3195484A-31B5-3E4D-972F-A0CBC02BDFFF}"/>
                </a:ext>
              </a:extLst>
            </p:cNvPr>
            <p:cNvSpPr/>
            <p:nvPr/>
          </p:nvSpPr>
          <p:spPr>
            <a:xfrm>
              <a:off x="0" y="5081111"/>
              <a:ext cx="1003268" cy="2234088"/>
            </a:xfrm>
            <a:custGeom>
              <a:avLst/>
              <a:gdLst>
                <a:gd name="connsiteX0" fmla="*/ 191453 w 1003268"/>
                <a:gd name="connsiteY0" fmla="*/ 389382 h 2234088"/>
                <a:gd name="connsiteX1" fmla="*/ 207836 w 1003268"/>
                <a:gd name="connsiteY1" fmla="*/ 428530 h 2234088"/>
                <a:gd name="connsiteX2" fmla="*/ 384239 w 1003268"/>
                <a:gd name="connsiteY2" fmla="*/ 727900 h 2234088"/>
                <a:gd name="connsiteX3" fmla="*/ 404146 w 1003268"/>
                <a:gd name="connsiteY3" fmla="*/ 731520 h 2234088"/>
                <a:gd name="connsiteX4" fmla="*/ 646367 w 1003268"/>
                <a:gd name="connsiteY4" fmla="*/ 896874 h 2234088"/>
                <a:gd name="connsiteX5" fmla="*/ 654939 w 1003268"/>
                <a:gd name="connsiteY5" fmla="*/ 937546 h 2234088"/>
                <a:gd name="connsiteX6" fmla="*/ 657797 w 1003268"/>
                <a:gd name="connsiteY6" fmla="*/ 1215485 h 2234088"/>
                <a:gd name="connsiteX7" fmla="*/ 731901 w 1003268"/>
                <a:gd name="connsiteY7" fmla="*/ 1784699 h 2234088"/>
                <a:gd name="connsiteX8" fmla="*/ 789051 w 1003268"/>
                <a:gd name="connsiteY8" fmla="*/ 1878996 h 2234088"/>
                <a:gd name="connsiteX9" fmla="*/ 1003268 w 1003268"/>
                <a:gd name="connsiteY9" fmla="*/ 2234089 h 2234088"/>
                <a:gd name="connsiteX10" fmla="*/ 997744 w 1003268"/>
                <a:gd name="connsiteY10" fmla="*/ 2234089 h 2234088"/>
                <a:gd name="connsiteX11" fmla="*/ 785432 w 1003268"/>
                <a:gd name="connsiteY11" fmla="*/ 1881664 h 2234088"/>
                <a:gd name="connsiteX12" fmla="*/ 728282 w 1003268"/>
                <a:gd name="connsiteY12" fmla="*/ 1787366 h 2234088"/>
                <a:gd name="connsiteX13" fmla="*/ 653701 w 1003268"/>
                <a:gd name="connsiteY13" fmla="*/ 1214438 h 2234088"/>
                <a:gd name="connsiteX14" fmla="*/ 650748 w 1003268"/>
                <a:gd name="connsiteY14" fmla="*/ 938784 h 2234088"/>
                <a:gd name="connsiteX15" fmla="*/ 642176 w 1003268"/>
                <a:gd name="connsiteY15" fmla="*/ 898112 h 2234088"/>
                <a:gd name="connsiteX16" fmla="*/ 404050 w 1003268"/>
                <a:gd name="connsiteY16" fmla="*/ 736187 h 2234088"/>
                <a:gd name="connsiteX17" fmla="*/ 384048 w 1003268"/>
                <a:gd name="connsiteY17" fmla="*/ 732568 h 2234088"/>
                <a:gd name="connsiteX18" fmla="*/ 204216 w 1003268"/>
                <a:gd name="connsiteY18" fmla="*/ 430339 h 2234088"/>
                <a:gd name="connsiteX19" fmla="*/ 187833 w 1003268"/>
                <a:gd name="connsiteY19" fmla="*/ 391192 h 2234088"/>
                <a:gd name="connsiteX20" fmla="*/ 111633 w 1003268"/>
                <a:gd name="connsiteY20" fmla="*/ 236411 h 2234088"/>
                <a:gd name="connsiteX21" fmla="*/ 0 w 1003268"/>
                <a:gd name="connsiteY21" fmla="*/ 11906 h 2234088"/>
                <a:gd name="connsiteX22" fmla="*/ 0 w 1003268"/>
                <a:gd name="connsiteY22" fmla="*/ 0 h 2234088"/>
                <a:gd name="connsiteX23" fmla="*/ 114300 w 1003268"/>
                <a:gd name="connsiteY23" fmla="*/ 233839 h 2234088"/>
                <a:gd name="connsiteX24" fmla="*/ 191453 w 1003268"/>
                <a:gd name="connsiteY24" fmla="*/ 389382 h 2234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003268" h="2234088">
                  <a:moveTo>
                    <a:pt x="191453" y="389382"/>
                  </a:moveTo>
                  <a:cubicBezTo>
                    <a:pt x="196310" y="400621"/>
                    <a:pt x="201835" y="413861"/>
                    <a:pt x="207836" y="428530"/>
                  </a:cubicBezTo>
                  <a:cubicBezTo>
                    <a:pt x="252698" y="536353"/>
                    <a:pt x="327565" y="716946"/>
                    <a:pt x="384239" y="727900"/>
                  </a:cubicBezTo>
                  <a:lnTo>
                    <a:pt x="404146" y="731520"/>
                  </a:lnTo>
                  <a:cubicBezTo>
                    <a:pt x="479584" y="744664"/>
                    <a:pt x="619982" y="769620"/>
                    <a:pt x="646367" y="896874"/>
                  </a:cubicBezTo>
                  <a:cubicBezTo>
                    <a:pt x="649319" y="911352"/>
                    <a:pt x="652177" y="924782"/>
                    <a:pt x="654939" y="937546"/>
                  </a:cubicBezTo>
                  <a:cubicBezTo>
                    <a:pt x="678275" y="1047274"/>
                    <a:pt x="689896" y="1102328"/>
                    <a:pt x="657797" y="1215485"/>
                  </a:cubicBezTo>
                  <a:cubicBezTo>
                    <a:pt x="627888" y="1320260"/>
                    <a:pt x="604838" y="1574959"/>
                    <a:pt x="731901" y="1784699"/>
                  </a:cubicBezTo>
                  <a:cubicBezTo>
                    <a:pt x="747713" y="1810798"/>
                    <a:pt x="767334" y="1842802"/>
                    <a:pt x="789051" y="1878996"/>
                  </a:cubicBezTo>
                  <a:cubicBezTo>
                    <a:pt x="851345" y="1980152"/>
                    <a:pt x="930688" y="2110264"/>
                    <a:pt x="1003268" y="2234089"/>
                  </a:cubicBezTo>
                  <a:lnTo>
                    <a:pt x="997744" y="2234089"/>
                  </a:lnTo>
                  <a:cubicBezTo>
                    <a:pt x="925544" y="2110264"/>
                    <a:pt x="846868" y="1981962"/>
                    <a:pt x="785432" y="1881664"/>
                  </a:cubicBezTo>
                  <a:cubicBezTo>
                    <a:pt x="763238" y="1845469"/>
                    <a:pt x="743617" y="1813465"/>
                    <a:pt x="728282" y="1787366"/>
                  </a:cubicBezTo>
                  <a:cubicBezTo>
                    <a:pt x="600456" y="1576197"/>
                    <a:pt x="623507" y="1320641"/>
                    <a:pt x="653701" y="1214438"/>
                  </a:cubicBezTo>
                  <a:cubicBezTo>
                    <a:pt x="685514" y="1102328"/>
                    <a:pt x="673894" y="1047655"/>
                    <a:pt x="650748" y="938784"/>
                  </a:cubicBezTo>
                  <a:cubicBezTo>
                    <a:pt x="647986" y="926020"/>
                    <a:pt x="645128" y="912495"/>
                    <a:pt x="642176" y="898112"/>
                  </a:cubicBezTo>
                  <a:cubicBezTo>
                    <a:pt x="616458" y="773620"/>
                    <a:pt x="478060" y="749427"/>
                    <a:pt x="404050" y="736187"/>
                  </a:cubicBezTo>
                  <a:cubicBezTo>
                    <a:pt x="396716" y="734949"/>
                    <a:pt x="389954" y="733806"/>
                    <a:pt x="384048" y="732568"/>
                  </a:cubicBezTo>
                  <a:cubicBezTo>
                    <a:pt x="324898" y="721137"/>
                    <a:pt x="249365" y="539115"/>
                    <a:pt x="204216" y="430339"/>
                  </a:cubicBezTo>
                  <a:cubicBezTo>
                    <a:pt x="198120" y="415671"/>
                    <a:pt x="192691" y="402431"/>
                    <a:pt x="187833" y="391192"/>
                  </a:cubicBezTo>
                  <a:cubicBezTo>
                    <a:pt x="172784" y="355949"/>
                    <a:pt x="144304" y="300514"/>
                    <a:pt x="111633" y="236411"/>
                  </a:cubicBezTo>
                  <a:cubicBezTo>
                    <a:pt x="71628" y="161068"/>
                    <a:pt x="29242" y="78581"/>
                    <a:pt x="0" y="11906"/>
                  </a:cubicBezTo>
                  <a:lnTo>
                    <a:pt x="0" y="0"/>
                  </a:lnTo>
                  <a:cubicBezTo>
                    <a:pt x="29147" y="68103"/>
                    <a:pt x="74009" y="155162"/>
                    <a:pt x="114300" y="233839"/>
                  </a:cubicBezTo>
                  <a:cubicBezTo>
                    <a:pt x="147733" y="298418"/>
                    <a:pt x="176308" y="353853"/>
                    <a:pt x="191453" y="38938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2">
              <a:extLst>
                <a:ext uri="{FF2B5EF4-FFF2-40B4-BE49-F238E27FC236}">
                  <a16:creationId xmlns:a16="http://schemas.microsoft.com/office/drawing/2014/main" id="{C0A5C6C0-A698-E942-B0E3-469A5116FA4C}"/>
                </a:ext>
              </a:extLst>
            </p:cNvPr>
            <p:cNvSpPr/>
            <p:nvPr/>
          </p:nvSpPr>
          <p:spPr>
            <a:xfrm>
              <a:off x="0" y="5617654"/>
              <a:ext cx="709422" cy="1697545"/>
            </a:xfrm>
            <a:custGeom>
              <a:avLst/>
              <a:gdLst>
                <a:gd name="connsiteX0" fmla="*/ 282988 w 709422"/>
                <a:gd name="connsiteY0" fmla="*/ 739044 h 1697545"/>
                <a:gd name="connsiteX1" fmla="*/ 347472 w 709422"/>
                <a:gd name="connsiteY1" fmla="*/ 1010031 h 1697545"/>
                <a:gd name="connsiteX2" fmla="*/ 709422 w 709422"/>
                <a:gd name="connsiteY2" fmla="*/ 1697545 h 1697545"/>
                <a:gd name="connsiteX3" fmla="*/ 703517 w 709422"/>
                <a:gd name="connsiteY3" fmla="*/ 1697545 h 1697545"/>
                <a:gd name="connsiteX4" fmla="*/ 342900 w 709422"/>
                <a:gd name="connsiteY4" fmla="*/ 1011745 h 1697545"/>
                <a:gd name="connsiteX5" fmla="*/ 278321 w 709422"/>
                <a:gd name="connsiteY5" fmla="*/ 740473 h 1697545"/>
                <a:gd name="connsiteX6" fmla="*/ 164878 w 709422"/>
                <a:gd name="connsiteY6" fmla="*/ 302323 h 1697545"/>
                <a:gd name="connsiteX7" fmla="*/ 0 w 709422"/>
                <a:gd name="connsiteY7" fmla="*/ 8858 h 1697545"/>
                <a:gd name="connsiteX8" fmla="*/ 0 w 709422"/>
                <a:gd name="connsiteY8" fmla="*/ 0 h 1697545"/>
                <a:gd name="connsiteX9" fmla="*/ 169355 w 709422"/>
                <a:gd name="connsiteY9" fmla="*/ 300609 h 1697545"/>
                <a:gd name="connsiteX10" fmla="*/ 282988 w 709422"/>
                <a:gd name="connsiteY10" fmla="*/ 739044 h 169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09422" h="1697545">
                  <a:moveTo>
                    <a:pt x="282988" y="739044"/>
                  </a:moveTo>
                  <a:cubicBezTo>
                    <a:pt x="306229" y="843819"/>
                    <a:pt x="328136" y="942594"/>
                    <a:pt x="347472" y="1010031"/>
                  </a:cubicBezTo>
                  <a:cubicBezTo>
                    <a:pt x="393192" y="1170146"/>
                    <a:pt x="533876" y="1459516"/>
                    <a:pt x="709422" y="1697545"/>
                  </a:cubicBezTo>
                  <a:lnTo>
                    <a:pt x="703517" y="1697545"/>
                  </a:lnTo>
                  <a:cubicBezTo>
                    <a:pt x="528638" y="1459420"/>
                    <a:pt x="388525" y="1171194"/>
                    <a:pt x="342900" y="1011745"/>
                  </a:cubicBezTo>
                  <a:cubicBezTo>
                    <a:pt x="323850" y="944213"/>
                    <a:pt x="301657" y="845248"/>
                    <a:pt x="278321" y="740473"/>
                  </a:cubicBezTo>
                  <a:cubicBezTo>
                    <a:pt x="242888" y="580644"/>
                    <a:pt x="202692" y="399573"/>
                    <a:pt x="164878" y="302323"/>
                  </a:cubicBezTo>
                  <a:cubicBezTo>
                    <a:pt x="138875" y="235648"/>
                    <a:pt x="70485" y="120110"/>
                    <a:pt x="0" y="8858"/>
                  </a:cubicBezTo>
                  <a:lnTo>
                    <a:pt x="0" y="0"/>
                  </a:lnTo>
                  <a:cubicBezTo>
                    <a:pt x="72009" y="113442"/>
                    <a:pt x="142875" y="232314"/>
                    <a:pt x="169355" y="300609"/>
                  </a:cubicBezTo>
                  <a:cubicBezTo>
                    <a:pt x="207264" y="397764"/>
                    <a:pt x="247650" y="579120"/>
                    <a:pt x="282988" y="739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9DC1347F-698E-9E4C-8A24-1D303FF97BEB}"/>
                </a:ext>
              </a:extLst>
            </p:cNvPr>
            <p:cNvSpPr/>
            <p:nvPr/>
          </p:nvSpPr>
          <p:spPr>
            <a:xfrm>
              <a:off x="5120545" y="190"/>
              <a:ext cx="3254572" cy="7315009"/>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CE50A463-BCFB-2842-A7CB-928FAB540364}"/>
                </a:ext>
              </a:extLst>
            </p:cNvPr>
            <p:cNvSpPr/>
            <p:nvPr/>
          </p:nvSpPr>
          <p:spPr>
            <a:xfrm>
              <a:off x="5252561" y="0"/>
              <a:ext cx="3474661" cy="7315200"/>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5">
              <a:extLst>
                <a:ext uri="{FF2B5EF4-FFF2-40B4-BE49-F238E27FC236}">
                  <a16:creationId xmlns:a16="http://schemas.microsoft.com/office/drawing/2014/main" id="{C145E74E-04C9-8044-96D4-426EAF29E3AC}"/>
                </a:ext>
              </a:extLst>
            </p:cNvPr>
            <p:cNvSpPr/>
            <p:nvPr/>
          </p:nvSpPr>
          <p:spPr>
            <a:xfrm>
              <a:off x="0" y="6038850"/>
              <a:ext cx="491109" cy="1276350"/>
            </a:xfrm>
            <a:custGeom>
              <a:avLst/>
              <a:gdLst>
                <a:gd name="connsiteX0" fmla="*/ 142208 w 491109"/>
                <a:gd name="connsiteY0" fmla="*/ 401098 h 1276350"/>
                <a:gd name="connsiteX1" fmla="*/ 259080 w 491109"/>
                <a:gd name="connsiteY1" fmla="*/ 712184 h 1276350"/>
                <a:gd name="connsiteX2" fmla="*/ 317373 w 491109"/>
                <a:gd name="connsiteY2" fmla="*/ 908209 h 1276350"/>
                <a:gd name="connsiteX3" fmla="*/ 491109 w 491109"/>
                <a:gd name="connsiteY3" fmla="*/ 1276350 h 1276350"/>
                <a:gd name="connsiteX4" fmla="*/ 485775 w 491109"/>
                <a:gd name="connsiteY4" fmla="*/ 1276350 h 1276350"/>
                <a:gd name="connsiteX5" fmla="*/ 313087 w 491109"/>
                <a:gd name="connsiteY5" fmla="*/ 910018 h 1276350"/>
                <a:gd name="connsiteX6" fmla="*/ 254699 w 491109"/>
                <a:gd name="connsiteY6" fmla="*/ 713423 h 1276350"/>
                <a:gd name="connsiteX7" fmla="*/ 138684 w 491109"/>
                <a:gd name="connsiteY7" fmla="*/ 404050 h 1276350"/>
                <a:gd name="connsiteX8" fmla="*/ 24765 w 491109"/>
                <a:gd name="connsiteY8" fmla="*/ 98679 h 1276350"/>
                <a:gd name="connsiteX9" fmla="*/ 0 w 491109"/>
                <a:gd name="connsiteY9" fmla="*/ 16573 h 1276350"/>
                <a:gd name="connsiteX10" fmla="*/ 0 w 491109"/>
                <a:gd name="connsiteY10" fmla="*/ 0 h 1276350"/>
                <a:gd name="connsiteX11" fmla="*/ 29242 w 491109"/>
                <a:gd name="connsiteY11" fmla="*/ 97060 h 1276350"/>
                <a:gd name="connsiteX12" fmla="*/ 142208 w 491109"/>
                <a:gd name="connsiteY12" fmla="*/ 401098 h 1276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91109" h="1276350">
                  <a:moveTo>
                    <a:pt x="142208" y="401098"/>
                  </a:moveTo>
                  <a:cubicBezTo>
                    <a:pt x="196787" y="469392"/>
                    <a:pt x="228505" y="592836"/>
                    <a:pt x="259080" y="712184"/>
                  </a:cubicBezTo>
                  <a:cubicBezTo>
                    <a:pt x="277654" y="784765"/>
                    <a:pt x="295275" y="853250"/>
                    <a:pt x="317373" y="908209"/>
                  </a:cubicBezTo>
                  <a:cubicBezTo>
                    <a:pt x="350901" y="991934"/>
                    <a:pt x="422148" y="1162622"/>
                    <a:pt x="491109" y="1276350"/>
                  </a:cubicBezTo>
                  <a:lnTo>
                    <a:pt x="485775" y="1276350"/>
                  </a:lnTo>
                  <a:cubicBezTo>
                    <a:pt x="417386" y="1162050"/>
                    <a:pt x="346520" y="993172"/>
                    <a:pt x="313087" y="910018"/>
                  </a:cubicBezTo>
                  <a:cubicBezTo>
                    <a:pt x="290894" y="854678"/>
                    <a:pt x="273272" y="786193"/>
                    <a:pt x="254699" y="713423"/>
                  </a:cubicBezTo>
                  <a:cubicBezTo>
                    <a:pt x="224123" y="594455"/>
                    <a:pt x="192596" y="471583"/>
                    <a:pt x="138684" y="404050"/>
                  </a:cubicBezTo>
                  <a:cubicBezTo>
                    <a:pt x="102489" y="358997"/>
                    <a:pt x="66675" y="238125"/>
                    <a:pt x="24765" y="98679"/>
                  </a:cubicBezTo>
                  <a:cubicBezTo>
                    <a:pt x="16669" y="71628"/>
                    <a:pt x="8382" y="44101"/>
                    <a:pt x="0" y="16573"/>
                  </a:cubicBezTo>
                  <a:lnTo>
                    <a:pt x="0" y="0"/>
                  </a:lnTo>
                  <a:cubicBezTo>
                    <a:pt x="10001" y="32480"/>
                    <a:pt x="19717" y="65151"/>
                    <a:pt x="29242" y="97060"/>
                  </a:cubicBezTo>
                  <a:cubicBezTo>
                    <a:pt x="69152" y="230791"/>
                    <a:pt x="106775" y="356807"/>
                    <a:pt x="142208" y="4010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6">
              <a:extLst>
                <a:ext uri="{FF2B5EF4-FFF2-40B4-BE49-F238E27FC236}">
                  <a16:creationId xmlns:a16="http://schemas.microsoft.com/office/drawing/2014/main" id="{20315229-5633-4E4C-91A8-D2A2FBF3C09F}"/>
                </a:ext>
              </a:extLst>
            </p:cNvPr>
            <p:cNvSpPr/>
            <p:nvPr/>
          </p:nvSpPr>
          <p:spPr>
            <a:xfrm>
              <a:off x="5376962" y="761"/>
              <a:ext cx="3604746" cy="7314438"/>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17">
              <a:extLst>
                <a:ext uri="{FF2B5EF4-FFF2-40B4-BE49-F238E27FC236}">
                  <a16:creationId xmlns:a16="http://schemas.microsoft.com/office/drawing/2014/main" id="{25CFD482-192E-AF46-BEBC-C516BE5F560A}"/>
                </a:ext>
              </a:extLst>
            </p:cNvPr>
            <p:cNvSpPr/>
            <p:nvPr/>
          </p:nvSpPr>
          <p:spPr>
            <a:xfrm>
              <a:off x="0" y="6531006"/>
              <a:ext cx="300418" cy="784193"/>
            </a:xfrm>
            <a:custGeom>
              <a:avLst/>
              <a:gdLst>
                <a:gd name="connsiteX0" fmla="*/ 129635 w 300418"/>
                <a:gd name="connsiteY0" fmla="*/ 280892 h 784193"/>
                <a:gd name="connsiteX1" fmla="*/ 258794 w 300418"/>
                <a:gd name="connsiteY1" fmla="*/ 659321 h 784193"/>
                <a:gd name="connsiteX2" fmla="*/ 300419 w 300418"/>
                <a:gd name="connsiteY2" fmla="*/ 784193 h 784193"/>
                <a:gd name="connsiteX3" fmla="*/ 295275 w 300418"/>
                <a:gd name="connsiteY3" fmla="*/ 784193 h 784193"/>
                <a:gd name="connsiteX4" fmla="*/ 254222 w 300418"/>
                <a:gd name="connsiteY4" fmla="*/ 660368 h 784193"/>
                <a:gd name="connsiteX5" fmla="*/ 125159 w 300418"/>
                <a:gd name="connsiteY5" fmla="*/ 282416 h 784193"/>
                <a:gd name="connsiteX6" fmla="*/ 79820 w 300418"/>
                <a:gd name="connsiteY6" fmla="*/ 157734 h 784193"/>
                <a:gd name="connsiteX7" fmla="*/ 0 w 300418"/>
                <a:gd name="connsiteY7" fmla="*/ 8191 h 784193"/>
                <a:gd name="connsiteX8" fmla="*/ 0 w 300418"/>
                <a:gd name="connsiteY8" fmla="*/ 0 h 784193"/>
                <a:gd name="connsiteX9" fmla="*/ 84296 w 300418"/>
                <a:gd name="connsiteY9" fmla="*/ 156210 h 784193"/>
                <a:gd name="connsiteX10" fmla="*/ 129635 w 300418"/>
                <a:gd name="connsiteY10" fmla="*/ 280892 h 7841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0418" h="784193">
                  <a:moveTo>
                    <a:pt x="129635" y="280892"/>
                  </a:moveTo>
                  <a:cubicBezTo>
                    <a:pt x="179261" y="415862"/>
                    <a:pt x="235458" y="568929"/>
                    <a:pt x="258794" y="659321"/>
                  </a:cubicBezTo>
                  <a:cubicBezTo>
                    <a:pt x="269573" y="701914"/>
                    <a:pt x="283486" y="743652"/>
                    <a:pt x="300419" y="784193"/>
                  </a:cubicBezTo>
                  <a:lnTo>
                    <a:pt x="295275" y="784193"/>
                  </a:lnTo>
                  <a:cubicBezTo>
                    <a:pt x="278579" y="743978"/>
                    <a:pt x="264858" y="702593"/>
                    <a:pt x="254222" y="660368"/>
                  </a:cubicBezTo>
                  <a:cubicBezTo>
                    <a:pt x="230886" y="570262"/>
                    <a:pt x="174689" y="417290"/>
                    <a:pt x="125159" y="282416"/>
                  </a:cubicBezTo>
                  <a:cubicBezTo>
                    <a:pt x="108490" y="236887"/>
                    <a:pt x="92678" y="193929"/>
                    <a:pt x="79820" y="157734"/>
                  </a:cubicBezTo>
                  <a:cubicBezTo>
                    <a:pt x="60591" y="104286"/>
                    <a:pt x="33704" y="53914"/>
                    <a:pt x="0" y="8191"/>
                  </a:cubicBezTo>
                  <a:lnTo>
                    <a:pt x="0" y="0"/>
                  </a:lnTo>
                  <a:cubicBezTo>
                    <a:pt x="35672" y="47613"/>
                    <a:pt x="64080" y="100257"/>
                    <a:pt x="84296" y="156210"/>
                  </a:cubicBezTo>
                  <a:cubicBezTo>
                    <a:pt x="97155" y="192405"/>
                    <a:pt x="112967" y="235363"/>
                    <a:pt x="129635" y="280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18">
              <a:extLst>
                <a:ext uri="{FF2B5EF4-FFF2-40B4-BE49-F238E27FC236}">
                  <a16:creationId xmlns:a16="http://schemas.microsoft.com/office/drawing/2014/main" id="{42C8346D-E9DB-ED4A-BC47-EC0E5B647F74}"/>
                </a:ext>
              </a:extLst>
            </p:cNvPr>
            <p:cNvSpPr/>
            <p:nvPr/>
          </p:nvSpPr>
          <p:spPr>
            <a:xfrm>
              <a:off x="5489087" y="1142"/>
              <a:ext cx="3683258" cy="7314057"/>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19">
              <a:extLst>
                <a:ext uri="{FF2B5EF4-FFF2-40B4-BE49-F238E27FC236}">
                  <a16:creationId xmlns:a16="http://schemas.microsoft.com/office/drawing/2014/main" id="{CE7EA5A0-D238-6040-91D2-7B5BA3CE69DE}"/>
                </a:ext>
              </a:extLst>
            </p:cNvPr>
            <p:cNvSpPr/>
            <p:nvPr/>
          </p:nvSpPr>
          <p:spPr>
            <a:xfrm>
              <a:off x="0" y="6830091"/>
              <a:ext cx="142875" cy="485108"/>
            </a:xfrm>
            <a:custGeom>
              <a:avLst/>
              <a:gdLst>
                <a:gd name="connsiteX0" fmla="*/ 102965 w 142875"/>
                <a:gd name="connsiteY0" fmla="*/ 261271 h 485108"/>
                <a:gd name="connsiteX1" fmla="*/ 117824 w 142875"/>
                <a:gd name="connsiteY1" fmla="*/ 354711 h 485108"/>
                <a:gd name="connsiteX2" fmla="*/ 142875 w 142875"/>
                <a:gd name="connsiteY2" fmla="*/ 485108 h 485108"/>
                <a:gd name="connsiteX3" fmla="*/ 137922 w 142875"/>
                <a:gd name="connsiteY3" fmla="*/ 485108 h 485108"/>
                <a:gd name="connsiteX4" fmla="*/ 113062 w 142875"/>
                <a:gd name="connsiteY4" fmla="*/ 355378 h 485108"/>
                <a:gd name="connsiteX5" fmla="*/ 98203 w 142875"/>
                <a:gd name="connsiteY5" fmla="*/ 262223 h 485108"/>
                <a:gd name="connsiteX6" fmla="*/ 16764 w 142875"/>
                <a:gd name="connsiteY6" fmla="*/ 47625 h 485108"/>
                <a:gd name="connsiteX7" fmla="*/ 0 w 142875"/>
                <a:gd name="connsiteY7" fmla="*/ 11430 h 485108"/>
                <a:gd name="connsiteX8" fmla="*/ 0 w 142875"/>
                <a:gd name="connsiteY8" fmla="*/ 0 h 485108"/>
                <a:gd name="connsiteX9" fmla="*/ 21146 w 142875"/>
                <a:gd name="connsiteY9" fmla="*/ 45625 h 485108"/>
                <a:gd name="connsiteX10" fmla="*/ 102965 w 142875"/>
                <a:gd name="connsiteY10" fmla="*/ 261271 h 485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2875" h="485108">
                  <a:moveTo>
                    <a:pt x="102965" y="261271"/>
                  </a:moveTo>
                  <a:cubicBezTo>
                    <a:pt x="109347" y="293751"/>
                    <a:pt x="113728" y="324707"/>
                    <a:pt x="117824" y="354711"/>
                  </a:cubicBezTo>
                  <a:cubicBezTo>
                    <a:pt x="122702" y="398772"/>
                    <a:pt x="131079" y="442376"/>
                    <a:pt x="142875" y="485108"/>
                  </a:cubicBezTo>
                  <a:lnTo>
                    <a:pt x="137922" y="485108"/>
                  </a:lnTo>
                  <a:cubicBezTo>
                    <a:pt x="126262" y="442580"/>
                    <a:pt x="117949" y="399204"/>
                    <a:pt x="113062" y="355378"/>
                  </a:cubicBezTo>
                  <a:cubicBezTo>
                    <a:pt x="108871" y="325469"/>
                    <a:pt x="104584" y="294513"/>
                    <a:pt x="98203" y="262223"/>
                  </a:cubicBezTo>
                  <a:cubicBezTo>
                    <a:pt x="84011" y="190309"/>
                    <a:pt x="48292" y="114491"/>
                    <a:pt x="16764" y="47625"/>
                  </a:cubicBezTo>
                  <a:lnTo>
                    <a:pt x="0" y="11430"/>
                  </a:lnTo>
                  <a:lnTo>
                    <a:pt x="0" y="0"/>
                  </a:lnTo>
                  <a:cubicBezTo>
                    <a:pt x="6572" y="14573"/>
                    <a:pt x="13811" y="29909"/>
                    <a:pt x="21146" y="45625"/>
                  </a:cubicBezTo>
                  <a:cubicBezTo>
                    <a:pt x="52864" y="112681"/>
                    <a:pt x="88678" y="188786"/>
                    <a:pt x="102965" y="2612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20">
              <a:extLst>
                <a:ext uri="{FF2B5EF4-FFF2-40B4-BE49-F238E27FC236}">
                  <a16:creationId xmlns:a16="http://schemas.microsoft.com/office/drawing/2014/main" id="{2008B1BC-AA55-334B-A15E-B30952A3B309}"/>
                </a:ext>
              </a:extLst>
            </p:cNvPr>
            <p:cNvSpPr/>
            <p:nvPr/>
          </p:nvSpPr>
          <p:spPr>
            <a:xfrm>
              <a:off x="6086951" y="-571"/>
              <a:ext cx="3944333" cy="7316342"/>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21">
              <a:extLst>
                <a:ext uri="{FF2B5EF4-FFF2-40B4-BE49-F238E27FC236}">
                  <a16:creationId xmlns:a16="http://schemas.microsoft.com/office/drawing/2014/main" id="{88366CCA-7338-DA47-986E-05DFFB53ABB3}"/>
                </a:ext>
              </a:extLst>
            </p:cNvPr>
            <p:cNvSpPr/>
            <p:nvPr/>
          </p:nvSpPr>
          <p:spPr>
            <a:xfrm>
              <a:off x="6439852" y="95"/>
              <a:ext cx="3860092" cy="7315390"/>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22">
              <a:extLst>
                <a:ext uri="{FF2B5EF4-FFF2-40B4-BE49-F238E27FC236}">
                  <a16:creationId xmlns:a16="http://schemas.microsoft.com/office/drawing/2014/main" id="{69F8A108-72CA-1B4A-B54A-5A674C6EB1A3}"/>
                </a:ext>
              </a:extLst>
            </p:cNvPr>
            <p:cNvSpPr/>
            <p:nvPr/>
          </p:nvSpPr>
          <p:spPr>
            <a:xfrm>
              <a:off x="6662832" y="0"/>
              <a:ext cx="3935274" cy="7315200"/>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C06972A4-9F6C-5A4C-AA30-1F487BA760D8}"/>
                </a:ext>
              </a:extLst>
            </p:cNvPr>
            <p:cNvSpPr/>
            <p:nvPr/>
          </p:nvSpPr>
          <p:spPr>
            <a:xfrm>
              <a:off x="6842093" y="-1142"/>
              <a:ext cx="3930109" cy="7316152"/>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24">
              <a:extLst>
                <a:ext uri="{FF2B5EF4-FFF2-40B4-BE49-F238E27FC236}">
                  <a16:creationId xmlns:a16="http://schemas.microsoft.com/office/drawing/2014/main" id="{D2FB9369-BD61-6346-8FC4-DD97DA92836B}"/>
                </a:ext>
              </a:extLst>
            </p:cNvPr>
            <p:cNvSpPr/>
            <p:nvPr/>
          </p:nvSpPr>
          <p:spPr>
            <a:xfrm>
              <a:off x="7078694" y="0"/>
              <a:ext cx="4110483" cy="7314913"/>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25">
              <a:extLst>
                <a:ext uri="{FF2B5EF4-FFF2-40B4-BE49-F238E27FC236}">
                  <a16:creationId xmlns:a16="http://schemas.microsoft.com/office/drawing/2014/main" id="{9A609245-1CDD-C345-B912-D1A73227347B}"/>
                </a:ext>
              </a:extLst>
            </p:cNvPr>
            <p:cNvSpPr/>
            <p:nvPr/>
          </p:nvSpPr>
          <p:spPr>
            <a:xfrm>
              <a:off x="7178421" y="1047"/>
              <a:ext cx="4270247" cy="7314819"/>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9" name="Freeform: Shape 126">
              <a:extLst>
                <a:ext uri="{FF2B5EF4-FFF2-40B4-BE49-F238E27FC236}">
                  <a16:creationId xmlns:a16="http://schemas.microsoft.com/office/drawing/2014/main" id="{7BA38B8F-C0C1-C54B-8CE8-E191BB1C237D}"/>
                </a:ext>
              </a:extLst>
            </p:cNvPr>
            <p:cNvSpPr/>
            <p:nvPr/>
          </p:nvSpPr>
          <p:spPr>
            <a:xfrm>
              <a:off x="7312628" y="0"/>
              <a:ext cx="4309959" cy="7316247"/>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0" name="Freeform: Shape 127">
              <a:extLst>
                <a:ext uri="{FF2B5EF4-FFF2-40B4-BE49-F238E27FC236}">
                  <a16:creationId xmlns:a16="http://schemas.microsoft.com/office/drawing/2014/main" id="{AAD81FD6-9947-DC49-8E07-CD4FDFAF4CB5}"/>
                </a:ext>
              </a:extLst>
            </p:cNvPr>
            <p:cNvSpPr/>
            <p:nvPr/>
          </p:nvSpPr>
          <p:spPr>
            <a:xfrm>
              <a:off x="7435596" y="1428"/>
              <a:ext cx="4343781" cy="7313675"/>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1" name="Freeform: Shape 128">
              <a:extLst>
                <a:ext uri="{FF2B5EF4-FFF2-40B4-BE49-F238E27FC236}">
                  <a16:creationId xmlns:a16="http://schemas.microsoft.com/office/drawing/2014/main" id="{6A607292-2A4F-6545-AD4F-D70ADACA77A7}"/>
                </a:ext>
              </a:extLst>
            </p:cNvPr>
            <p:cNvSpPr/>
            <p:nvPr/>
          </p:nvSpPr>
          <p:spPr>
            <a:xfrm>
              <a:off x="8480107" y="0"/>
              <a:ext cx="3625155" cy="7314247"/>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Freeform: Shape 129">
              <a:extLst>
                <a:ext uri="{FF2B5EF4-FFF2-40B4-BE49-F238E27FC236}">
                  <a16:creationId xmlns:a16="http://schemas.microsoft.com/office/drawing/2014/main" id="{415C53E8-FFF2-5144-A7E6-B7931AFE802B}"/>
                </a:ext>
              </a:extLst>
            </p:cNvPr>
            <p:cNvSpPr/>
            <p:nvPr/>
          </p:nvSpPr>
          <p:spPr>
            <a:xfrm>
              <a:off x="8656034" y="0"/>
              <a:ext cx="3534536" cy="3479196"/>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Freeform: Shape 130">
              <a:extLst>
                <a:ext uri="{FF2B5EF4-FFF2-40B4-BE49-F238E27FC236}">
                  <a16:creationId xmlns:a16="http://schemas.microsoft.com/office/drawing/2014/main" id="{87E44D87-66B6-4E41-86DC-D8AE9B19D88F}"/>
                </a:ext>
              </a:extLst>
            </p:cNvPr>
            <p:cNvSpPr/>
            <p:nvPr/>
          </p:nvSpPr>
          <p:spPr>
            <a:xfrm>
              <a:off x="10053917" y="4691824"/>
              <a:ext cx="2135701" cy="2623661"/>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4" name="Freeform: Shape 131">
              <a:extLst>
                <a:ext uri="{FF2B5EF4-FFF2-40B4-BE49-F238E27FC236}">
                  <a16:creationId xmlns:a16="http://schemas.microsoft.com/office/drawing/2014/main" id="{788F17A4-8670-3E44-8D85-AD4FD2F61DB8}"/>
                </a:ext>
              </a:extLst>
            </p:cNvPr>
            <p:cNvSpPr/>
            <p:nvPr/>
          </p:nvSpPr>
          <p:spPr>
            <a:xfrm>
              <a:off x="10289507" y="4918328"/>
              <a:ext cx="1900016" cy="2397537"/>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5" name="Freeform: Shape 132">
              <a:extLst>
                <a:ext uri="{FF2B5EF4-FFF2-40B4-BE49-F238E27FC236}">
                  <a16:creationId xmlns:a16="http://schemas.microsoft.com/office/drawing/2014/main" id="{8809E081-9FC5-D845-AC12-9C1E876F1A5C}"/>
                </a:ext>
              </a:extLst>
            </p:cNvPr>
            <p:cNvSpPr/>
            <p:nvPr/>
          </p:nvSpPr>
          <p:spPr>
            <a:xfrm>
              <a:off x="8953976" y="95"/>
              <a:ext cx="3236119" cy="2837497"/>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6" name="Freeform: Shape 133">
              <a:extLst>
                <a:ext uri="{FF2B5EF4-FFF2-40B4-BE49-F238E27FC236}">
                  <a16:creationId xmlns:a16="http://schemas.microsoft.com/office/drawing/2014/main" id="{9F3515A6-5004-A941-894A-FF3CD7E84721}"/>
                </a:ext>
              </a:extLst>
            </p:cNvPr>
            <p:cNvSpPr/>
            <p:nvPr/>
          </p:nvSpPr>
          <p:spPr>
            <a:xfrm>
              <a:off x="9281064" y="95"/>
              <a:ext cx="2909696" cy="2562958"/>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7" name="Freeform: Shape 134">
              <a:extLst>
                <a:ext uri="{FF2B5EF4-FFF2-40B4-BE49-F238E27FC236}">
                  <a16:creationId xmlns:a16="http://schemas.microsoft.com/office/drawing/2014/main" id="{C15179F8-B342-5C4E-A497-7D0589A4141D}"/>
                </a:ext>
              </a:extLst>
            </p:cNvPr>
            <p:cNvSpPr/>
            <p:nvPr/>
          </p:nvSpPr>
          <p:spPr>
            <a:xfrm>
              <a:off x="10582202" y="5151500"/>
              <a:ext cx="1608082" cy="2163699"/>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8" name="Freeform: Shape 135">
              <a:extLst>
                <a:ext uri="{FF2B5EF4-FFF2-40B4-BE49-F238E27FC236}">
                  <a16:creationId xmlns:a16="http://schemas.microsoft.com/office/drawing/2014/main" id="{E2145AF9-0D63-2148-A53E-FC3764ED6350}"/>
                </a:ext>
              </a:extLst>
            </p:cNvPr>
            <p:cNvSpPr/>
            <p:nvPr/>
          </p:nvSpPr>
          <p:spPr>
            <a:xfrm>
              <a:off x="9899428" y="95"/>
              <a:ext cx="2291047" cy="2224452"/>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9" name="Freeform: Shape 136">
              <a:extLst>
                <a:ext uri="{FF2B5EF4-FFF2-40B4-BE49-F238E27FC236}">
                  <a16:creationId xmlns:a16="http://schemas.microsoft.com/office/drawing/2014/main" id="{EB87222A-82D3-304A-B8BF-8066DA804E97}"/>
                </a:ext>
              </a:extLst>
            </p:cNvPr>
            <p:cNvSpPr/>
            <p:nvPr/>
          </p:nvSpPr>
          <p:spPr>
            <a:xfrm>
              <a:off x="11185588" y="5590698"/>
              <a:ext cx="1004792" cy="1724501"/>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0" name="Freeform: Shape 137">
              <a:extLst>
                <a:ext uri="{FF2B5EF4-FFF2-40B4-BE49-F238E27FC236}">
                  <a16:creationId xmlns:a16="http://schemas.microsoft.com/office/drawing/2014/main" id="{D7B0C4A0-2B5D-2A46-B6C6-F9DB795BC29E}"/>
                </a:ext>
              </a:extLst>
            </p:cNvPr>
            <p:cNvSpPr/>
            <p:nvPr/>
          </p:nvSpPr>
          <p:spPr>
            <a:xfrm>
              <a:off x="10033825" y="0"/>
              <a:ext cx="2157221" cy="2105405"/>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1" name="Freeform: Shape 138">
              <a:extLst>
                <a:ext uri="{FF2B5EF4-FFF2-40B4-BE49-F238E27FC236}">
                  <a16:creationId xmlns:a16="http://schemas.microsoft.com/office/drawing/2014/main" id="{A2955CCF-B08E-9248-801C-8802D252849C}"/>
                </a:ext>
              </a:extLst>
            </p:cNvPr>
            <p:cNvSpPr/>
            <p:nvPr/>
          </p:nvSpPr>
          <p:spPr>
            <a:xfrm>
              <a:off x="11526065" y="5871019"/>
              <a:ext cx="664505" cy="1444085"/>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2" name="Freeform: Shape 139">
              <a:extLst>
                <a:ext uri="{FF2B5EF4-FFF2-40B4-BE49-F238E27FC236}">
                  <a16:creationId xmlns:a16="http://schemas.microsoft.com/office/drawing/2014/main" id="{FBA35BE1-FB9D-B640-BE38-D902B9419EEF}"/>
                </a:ext>
              </a:extLst>
            </p:cNvPr>
            <p:cNvSpPr/>
            <p:nvPr/>
          </p:nvSpPr>
          <p:spPr>
            <a:xfrm>
              <a:off x="10197084" y="1238"/>
              <a:ext cx="1993677" cy="2017980"/>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3" name="Freeform: Shape 140">
              <a:extLst>
                <a:ext uri="{FF2B5EF4-FFF2-40B4-BE49-F238E27FC236}">
                  <a16:creationId xmlns:a16="http://schemas.microsoft.com/office/drawing/2014/main" id="{E04E9926-478B-B642-83D5-A8EF8F97DF39}"/>
                </a:ext>
              </a:extLst>
            </p:cNvPr>
            <p:cNvSpPr/>
            <p:nvPr/>
          </p:nvSpPr>
          <p:spPr>
            <a:xfrm>
              <a:off x="11907583" y="6519481"/>
              <a:ext cx="282987" cy="795622"/>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4" name="Freeform: Shape 141">
              <a:extLst>
                <a:ext uri="{FF2B5EF4-FFF2-40B4-BE49-F238E27FC236}">
                  <a16:creationId xmlns:a16="http://schemas.microsoft.com/office/drawing/2014/main" id="{507B1632-87B9-E544-9870-83ACCFD6C9A0}"/>
                </a:ext>
              </a:extLst>
            </p:cNvPr>
            <p:cNvSpPr/>
            <p:nvPr/>
          </p:nvSpPr>
          <p:spPr>
            <a:xfrm>
              <a:off x="10909267" y="-285"/>
              <a:ext cx="1281303" cy="1915763"/>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5" name="Freeform: Shape 142">
              <a:extLst>
                <a:ext uri="{FF2B5EF4-FFF2-40B4-BE49-F238E27FC236}">
                  <a16:creationId xmlns:a16="http://schemas.microsoft.com/office/drawing/2014/main" id="{A46E4F92-EF1A-3C40-9569-5B26A59BD0AC}"/>
                </a:ext>
              </a:extLst>
            </p:cNvPr>
            <p:cNvSpPr/>
            <p:nvPr/>
          </p:nvSpPr>
          <p:spPr>
            <a:xfrm>
              <a:off x="11335416" y="0"/>
              <a:ext cx="855154" cy="1622393"/>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6" name="Freeform: Shape 143">
              <a:extLst>
                <a:ext uri="{FF2B5EF4-FFF2-40B4-BE49-F238E27FC236}">
                  <a16:creationId xmlns:a16="http://schemas.microsoft.com/office/drawing/2014/main" id="{ED705F52-9320-444E-A20A-2036B0302B7A}"/>
                </a:ext>
              </a:extLst>
            </p:cNvPr>
            <p:cNvSpPr/>
            <p:nvPr/>
          </p:nvSpPr>
          <p:spPr>
            <a:xfrm>
              <a:off x="11497247" y="0"/>
              <a:ext cx="692943" cy="144970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7" name="Freeform: Shape 144">
              <a:extLst>
                <a:ext uri="{FF2B5EF4-FFF2-40B4-BE49-F238E27FC236}">
                  <a16:creationId xmlns:a16="http://schemas.microsoft.com/office/drawing/2014/main" id="{9339E16C-673C-DC4E-97F8-56FA76F60A70}"/>
                </a:ext>
              </a:extLst>
            </p:cNvPr>
            <p:cNvSpPr/>
            <p:nvPr/>
          </p:nvSpPr>
          <p:spPr>
            <a:xfrm>
              <a:off x="11581447" y="0"/>
              <a:ext cx="609123" cy="1302829"/>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8" name="Freeform: Shape 145">
              <a:extLst>
                <a:ext uri="{FF2B5EF4-FFF2-40B4-BE49-F238E27FC236}">
                  <a16:creationId xmlns:a16="http://schemas.microsoft.com/office/drawing/2014/main" id="{A9B7C8C2-564B-5440-8CCB-F1B9336DEEAD}"/>
                </a:ext>
              </a:extLst>
            </p:cNvPr>
            <p:cNvSpPr/>
            <p:nvPr/>
          </p:nvSpPr>
          <p:spPr>
            <a:xfrm>
              <a:off x="11682662" y="0"/>
              <a:ext cx="507051" cy="1102137"/>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69" name="Freeform: Shape 146">
              <a:extLst>
                <a:ext uri="{FF2B5EF4-FFF2-40B4-BE49-F238E27FC236}">
                  <a16:creationId xmlns:a16="http://schemas.microsoft.com/office/drawing/2014/main" id="{B5FF629E-DC0F-1540-A75A-8AB5FA8C9F3C}"/>
                </a:ext>
              </a:extLst>
            </p:cNvPr>
            <p:cNvSpPr/>
            <p:nvPr/>
          </p:nvSpPr>
          <p:spPr>
            <a:xfrm>
              <a:off x="11966924" y="-285"/>
              <a:ext cx="223646" cy="727710"/>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0" name="Freeform: Shape 147">
              <a:extLst>
                <a:ext uri="{FF2B5EF4-FFF2-40B4-BE49-F238E27FC236}">
                  <a16:creationId xmlns:a16="http://schemas.microsoft.com/office/drawing/2014/main" id="{379F56BC-D8DD-7F4E-AB48-953A870A5370}"/>
                </a:ext>
              </a:extLst>
            </p:cNvPr>
            <p:cNvSpPr/>
            <p:nvPr/>
          </p:nvSpPr>
          <p:spPr>
            <a:xfrm>
              <a:off x="12123896" y="0"/>
              <a:ext cx="66675" cy="196119"/>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1" name="Freeform: Shape 148">
              <a:extLst>
                <a:ext uri="{FF2B5EF4-FFF2-40B4-BE49-F238E27FC236}">
                  <a16:creationId xmlns:a16="http://schemas.microsoft.com/office/drawing/2014/main" id="{D9B90DB0-A6BB-DB49-A1B3-63219664ED0D}"/>
                </a:ext>
              </a:extLst>
            </p:cNvPr>
            <p:cNvSpPr/>
            <p:nvPr/>
          </p:nvSpPr>
          <p:spPr>
            <a:xfrm>
              <a:off x="3152727" y="3573696"/>
              <a:ext cx="3438774" cy="3741217"/>
            </a:xfrm>
            <a:custGeom>
              <a:avLst/>
              <a:gdLst>
                <a:gd name="connsiteX0" fmla="*/ 452295 w 3438774"/>
                <a:gd name="connsiteY0" fmla="*/ 3559005 h 3741217"/>
                <a:gd name="connsiteX1" fmla="*/ 424291 w 3438774"/>
                <a:gd name="connsiteY1" fmla="*/ 3524334 h 3741217"/>
                <a:gd name="connsiteX2" fmla="*/ 237220 w 3438774"/>
                <a:gd name="connsiteY2" fmla="*/ 3243060 h 3741217"/>
                <a:gd name="connsiteX3" fmla="*/ 22717 w 3438774"/>
                <a:gd name="connsiteY3" fmla="*/ 2616696 h 3741217"/>
                <a:gd name="connsiteX4" fmla="*/ 22717 w 3438774"/>
                <a:gd name="connsiteY4" fmla="*/ 2140446 h 3741217"/>
                <a:gd name="connsiteX5" fmla="*/ 186833 w 3438774"/>
                <a:gd name="connsiteY5" fmla="*/ 1642765 h 3741217"/>
                <a:gd name="connsiteX6" fmla="*/ 243983 w 3438774"/>
                <a:gd name="connsiteY6" fmla="*/ 1483507 h 3741217"/>
                <a:gd name="connsiteX7" fmla="*/ 501158 w 3438774"/>
                <a:gd name="connsiteY7" fmla="*/ 1019639 h 3741217"/>
                <a:gd name="connsiteX8" fmla="*/ 509445 w 3438774"/>
                <a:gd name="connsiteY8" fmla="*/ 1007257 h 3741217"/>
                <a:gd name="connsiteX9" fmla="*/ 933498 w 3438774"/>
                <a:gd name="connsiteY9" fmla="*/ 599396 h 3741217"/>
                <a:gd name="connsiteX10" fmla="*/ 1070753 w 3438774"/>
                <a:gd name="connsiteY10" fmla="*/ 490906 h 3741217"/>
                <a:gd name="connsiteX11" fmla="*/ 1533954 w 3438774"/>
                <a:gd name="connsiteY11" fmla="*/ 211062 h 3741217"/>
                <a:gd name="connsiteX12" fmla="*/ 2337197 w 3438774"/>
                <a:gd name="connsiteY12" fmla="*/ 10180 h 3741217"/>
                <a:gd name="connsiteX13" fmla="*/ 2398157 w 3438774"/>
                <a:gd name="connsiteY13" fmla="*/ 5227 h 3741217"/>
                <a:gd name="connsiteX14" fmla="*/ 2655332 w 3438774"/>
                <a:gd name="connsiteY14" fmla="*/ 79045 h 3741217"/>
                <a:gd name="connsiteX15" fmla="*/ 3043952 w 3438774"/>
                <a:gd name="connsiteY15" fmla="*/ 382321 h 3741217"/>
                <a:gd name="connsiteX16" fmla="*/ 3068717 w 3438774"/>
                <a:gd name="connsiteY16" fmla="*/ 399371 h 3741217"/>
                <a:gd name="connsiteX17" fmla="*/ 3336560 w 3438774"/>
                <a:gd name="connsiteY17" fmla="*/ 862001 h 3741217"/>
                <a:gd name="connsiteX18" fmla="*/ 3365135 w 3438774"/>
                <a:gd name="connsiteY18" fmla="*/ 1387209 h 3741217"/>
                <a:gd name="connsiteX19" fmla="*/ 3328654 w 3438774"/>
                <a:gd name="connsiteY19" fmla="*/ 1915561 h 3741217"/>
                <a:gd name="connsiteX20" fmla="*/ 3341989 w 3438774"/>
                <a:gd name="connsiteY20" fmla="*/ 2240458 h 3741217"/>
                <a:gd name="connsiteX21" fmla="*/ 3356563 w 3438774"/>
                <a:gd name="connsiteY21" fmla="*/ 2417909 h 3741217"/>
                <a:gd name="connsiteX22" fmla="*/ 3401520 w 3438774"/>
                <a:gd name="connsiteY22" fmla="*/ 2714994 h 3741217"/>
                <a:gd name="connsiteX23" fmla="*/ 3433715 w 3438774"/>
                <a:gd name="connsiteY23" fmla="*/ 2895969 h 3741217"/>
                <a:gd name="connsiteX24" fmla="*/ 3422380 w 3438774"/>
                <a:gd name="connsiteY24" fmla="*/ 3180100 h 3741217"/>
                <a:gd name="connsiteX25" fmla="*/ 3405902 w 3438774"/>
                <a:gd name="connsiteY25" fmla="*/ 3336596 h 3741217"/>
                <a:gd name="connsiteX26" fmla="*/ 3135963 w 3438774"/>
                <a:gd name="connsiteY26" fmla="*/ 3741123 h 3741217"/>
                <a:gd name="connsiteX27" fmla="*/ 3083576 w 3438774"/>
                <a:gd name="connsiteY27" fmla="*/ 3741123 h 3741217"/>
                <a:gd name="connsiteX28" fmla="*/ 3111484 w 3438774"/>
                <a:gd name="connsiteY28" fmla="*/ 3723025 h 3741217"/>
                <a:gd name="connsiteX29" fmla="*/ 3377422 w 3438774"/>
                <a:gd name="connsiteY29" fmla="*/ 3334500 h 3741217"/>
                <a:gd name="connsiteX30" fmla="*/ 3393996 w 3438774"/>
                <a:gd name="connsiteY30" fmla="*/ 3176671 h 3741217"/>
                <a:gd name="connsiteX31" fmla="*/ 3405330 w 3438774"/>
                <a:gd name="connsiteY31" fmla="*/ 2899398 h 3741217"/>
                <a:gd name="connsiteX32" fmla="*/ 3373517 w 3438774"/>
                <a:gd name="connsiteY32" fmla="*/ 2720328 h 3741217"/>
                <a:gd name="connsiteX33" fmla="*/ 3328083 w 3438774"/>
                <a:gd name="connsiteY33" fmla="*/ 2419052 h 3741217"/>
                <a:gd name="connsiteX34" fmla="*/ 3313605 w 3438774"/>
                <a:gd name="connsiteY34" fmla="*/ 2242840 h 3741217"/>
                <a:gd name="connsiteX35" fmla="*/ 3300174 w 3438774"/>
                <a:gd name="connsiteY35" fmla="*/ 1912894 h 3741217"/>
                <a:gd name="connsiteX36" fmla="*/ 3336655 w 3438774"/>
                <a:gd name="connsiteY36" fmla="*/ 1385113 h 3741217"/>
                <a:gd name="connsiteX37" fmla="*/ 3309128 w 3438774"/>
                <a:gd name="connsiteY37" fmla="*/ 868382 h 3741217"/>
                <a:gd name="connsiteX38" fmla="*/ 3053191 w 3438774"/>
                <a:gd name="connsiteY38" fmla="*/ 422898 h 3741217"/>
                <a:gd name="connsiteX39" fmla="*/ 3028426 w 3438774"/>
                <a:gd name="connsiteY39" fmla="*/ 405944 h 3741217"/>
                <a:gd name="connsiteX40" fmla="*/ 2634377 w 3438774"/>
                <a:gd name="connsiteY40" fmla="*/ 97715 h 3741217"/>
                <a:gd name="connsiteX41" fmla="*/ 2484454 w 3438774"/>
                <a:gd name="connsiteY41" fmla="*/ 28563 h 3741217"/>
                <a:gd name="connsiteX42" fmla="*/ 2401110 w 3438774"/>
                <a:gd name="connsiteY42" fmla="*/ 33707 h 3741217"/>
                <a:gd name="connsiteX43" fmla="*/ 2339387 w 3438774"/>
                <a:gd name="connsiteY43" fmla="*/ 38660 h 3741217"/>
                <a:gd name="connsiteX44" fmla="*/ 1551099 w 3438774"/>
                <a:gd name="connsiteY44" fmla="*/ 234208 h 3741217"/>
                <a:gd name="connsiteX45" fmla="*/ 1083326 w 3438774"/>
                <a:gd name="connsiteY45" fmla="*/ 516815 h 3741217"/>
                <a:gd name="connsiteX46" fmla="*/ 955596 w 3438774"/>
                <a:gd name="connsiteY46" fmla="*/ 618066 h 3741217"/>
                <a:gd name="connsiteX47" fmla="*/ 953500 w 3438774"/>
                <a:gd name="connsiteY47" fmla="*/ 620256 h 3741217"/>
                <a:gd name="connsiteX48" fmla="*/ 533543 w 3438774"/>
                <a:gd name="connsiteY48" fmla="*/ 1023163 h 3741217"/>
                <a:gd name="connsiteX49" fmla="*/ 525256 w 3438774"/>
                <a:gd name="connsiteY49" fmla="*/ 1035546 h 3741217"/>
                <a:gd name="connsiteX50" fmla="*/ 271320 w 3438774"/>
                <a:gd name="connsiteY50" fmla="*/ 1492746 h 3741217"/>
                <a:gd name="connsiteX51" fmla="*/ 214170 w 3438774"/>
                <a:gd name="connsiteY51" fmla="*/ 1652385 h 3741217"/>
                <a:gd name="connsiteX52" fmla="*/ 51101 w 3438774"/>
                <a:gd name="connsiteY52" fmla="*/ 2146257 h 3741217"/>
                <a:gd name="connsiteX53" fmla="*/ 51101 w 3438774"/>
                <a:gd name="connsiteY53" fmla="*/ 2610029 h 3741217"/>
                <a:gd name="connsiteX54" fmla="*/ 263414 w 3438774"/>
                <a:gd name="connsiteY54" fmla="*/ 3230106 h 3741217"/>
                <a:gd name="connsiteX55" fmla="*/ 446865 w 3438774"/>
                <a:gd name="connsiteY55" fmla="*/ 3505664 h 3741217"/>
                <a:gd name="connsiteX56" fmla="*/ 475440 w 3438774"/>
                <a:gd name="connsiteY56" fmla="*/ 3540621 h 3741217"/>
                <a:gd name="connsiteX57" fmla="*/ 678513 w 3438774"/>
                <a:gd name="connsiteY57" fmla="*/ 3711595 h 3741217"/>
                <a:gd name="connsiteX58" fmla="*/ 976932 w 3438774"/>
                <a:gd name="connsiteY58" fmla="*/ 3646730 h 3741217"/>
                <a:gd name="connsiteX59" fmla="*/ 1171051 w 3438774"/>
                <a:gd name="connsiteY59" fmla="*/ 3558623 h 3741217"/>
                <a:gd name="connsiteX60" fmla="*/ 1275826 w 3438774"/>
                <a:gd name="connsiteY60" fmla="*/ 3517190 h 3741217"/>
                <a:gd name="connsiteX61" fmla="*/ 1350407 w 3438774"/>
                <a:gd name="connsiteY61" fmla="*/ 3473089 h 3741217"/>
                <a:gd name="connsiteX62" fmla="*/ 1497758 w 3438774"/>
                <a:gd name="connsiteY62" fmla="*/ 3423368 h 3741217"/>
                <a:gd name="connsiteX63" fmla="*/ 1612630 w 3438774"/>
                <a:gd name="connsiteY63" fmla="*/ 3411176 h 3741217"/>
                <a:gd name="connsiteX64" fmla="*/ 1884188 w 3438774"/>
                <a:gd name="connsiteY64" fmla="*/ 3440894 h 3741217"/>
                <a:gd name="connsiteX65" fmla="*/ 2047827 w 3438774"/>
                <a:gd name="connsiteY65" fmla="*/ 3599962 h 3741217"/>
                <a:gd name="connsiteX66" fmla="*/ 2194798 w 3438774"/>
                <a:gd name="connsiteY66" fmla="*/ 3740932 h 3741217"/>
                <a:gd name="connsiteX67" fmla="*/ 2154698 w 3438774"/>
                <a:gd name="connsiteY67" fmla="*/ 3740932 h 3741217"/>
                <a:gd name="connsiteX68" fmla="*/ 2028301 w 3438774"/>
                <a:gd name="connsiteY68" fmla="*/ 3620822 h 3741217"/>
                <a:gd name="connsiteX69" fmla="*/ 1862852 w 3438774"/>
                <a:gd name="connsiteY69" fmla="*/ 3459944 h 3741217"/>
                <a:gd name="connsiteX70" fmla="*/ 1616535 w 3438774"/>
                <a:gd name="connsiteY70" fmla="*/ 3439465 h 3741217"/>
                <a:gd name="connsiteX71" fmla="*/ 1498520 w 3438774"/>
                <a:gd name="connsiteY71" fmla="*/ 3451943 h 3741217"/>
                <a:gd name="connsiteX72" fmla="*/ 1367171 w 3438774"/>
                <a:gd name="connsiteY72" fmla="*/ 3496139 h 3741217"/>
                <a:gd name="connsiteX73" fmla="*/ 1287161 w 3438774"/>
                <a:gd name="connsiteY73" fmla="*/ 3543764 h 3741217"/>
                <a:gd name="connsiteX74" fmla="*/ 1181243 w 3438774"/>
                <a:gd name="connsiteY74" fmla="*/ 3585675 h 3741217"/>
                <a:gd name="connsiteX75" fmla="*/ 993981 w 3438774"/>
                <a:gd name="connsiteY75" fmla="*/ 3669875 h 3741217"/>
                <a:gd name="connsiteX76" fmla="*/ 762524 w 3438774"/>
                <a:gd name="connsiteY76" fmla="*/ 3741217 h 3741217"/>
                <a:gd name="connsiteX77" fmla="*/ 678513 w 3438774"/>
                <a:gd name="connsiteY77" fmla="*/ 3741217 h 3741217"/>
                <a:gd name="connsiteX78" fmla="*/ 670417 w 3438774"/>
                <a:gd name="connsiteY78" fmla="*/ 3739218 h 3741217"/>
                <a:gd name="connsiteX79" fmla="*/ 452295 w 3438774"/>
                <a:gd name="connsiteY79" fmla="*/ 3559005 h 3741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Lst>
              <a:rect l="l" t="t" r="r" b="b"/>
              <a:pathLst>
                <a:path w="3438774" h="3741217">
                  <a:moveTo>
                    <a:pt x="452295" y="3559005"/>
                  </a:moveTo>
                  <a:cubicBezTo>
                    <a:pt x="443341" y="3547765"/>
                    <a:pt x="434007" y="3536208"/>
                    <a:pt x="424291" y="3524334"/>
                  </a:cubicBezTo>
                  <a:cubicBezTo>
                    <a:pt x="368094" y="3455563"/>
                    <a:pt x="298275" y="3370028"/>
                    <a:pt x="237220" y="3243060"/>
                  </a:cubicBezTo>
                  <a:cubicBezTo>
                    <a:pt x="163782" y="3090660"/>
                    <a:pt x="49863" y="2740998"/>
                    <a:pt x="22717" y="2616696"/>
                  </a:cubicBezTo>
                  <a:cubicBezTo>
                    <a:pt x="-7572" y="2477822"/>
                    <a:pt x="-7572" y="2282178"/>
                    <a:pt x="22717" y="2140446"/>
                  </a:cubicBezTo>
                  <a:cubicBezTo>
                    <a:pt x="46815" y="2027956"/>
                    <a:pt x="124444" y="1814405"/>
                    <a:pt x="186833" y="1642765"/>
                  </a:cubicBezTo>
                  <a:cubicBezTo>
                    <a:pt x="208359" y="1583710"/>
                    <a:pt x="228648" y="1527893"/>
                    <a:pt x="243983" y="1483507"/>
                  </a:cubicBezTo>
                  <a:cubicBezTo>
                    <a:pt x="302562" y="1315296"/>
                    <a:pt x="422100" y="1137368"/>
                    <a:pt x="501158" y="1019639"/>
                  </a:cubicBezTo>
                  <a:lnTo>
                    <a:pt x="509445" y="1007257"/>
                  </a:lnTo>
                  <a:cubicBezTo>
                    <a:pt x="585645" y="894004"/>
                    <a:pt x="908066" y="620828"/>
                    <a:pt x="933498" y="599396"/>
                  </a:cubicBezTo>
                  <a:cubicBezTo>
                    <a:pt x="971004" y="553874"/>
                    <a:pt x="1017799" y="516886"/>
                    <a:pt x="1070753" y="490906"/>
                  </a:cubicBezTo>
                  <a:cubicBezTo>
                    <a:pt x="1146953" y="454997"/>
                    <a:pt x="1389364" y="315456"/>
                    <a:pt x="1533954" y="211062"/>
                  </a:cubicBezTo>
                  <a:cubicBezTo>
                    <a:pt x="1678543" y="106668"/>
                    <a:pt x="2193274" y="19610"/>
                    <a:pt x="2337197" y="10180"/>
                  </a:cubicBezTo>
                  <a:cubicBezTo>
                    <a:pt x="2358914" y="8751"/>
                    <a:pt x="2378916" y="6941"/>
                    <a:pt x="2398157" y="5227"/>
                  </a:cubicBezTo>
                  <a:cubicBezTo>
                    <a:pt x="2506456" y="-4298"/>
                    <a:pt x="2577989" y="-10680"/>
                    <a:pt x="2655332" y="79045"/>
                  </a:cubicBezTo>
                  <a:cubicBezTo>
                    <a:pt x="2732675" y="168771"/>
                    <a:pt x="2928033" y="302883"/>
                    <a:pt x="3043952" y="382321"/>
                  </a:cubicBezTo>
                  <a:lnTo>
                    <a:pt x="3068717" y="399371"/>
                  </a:lnTo>
                  <a:cubicBezTo>
                    <a:pt x="3190923" y="483953"/>
                    <a:pt x="3295698" y="695789"/>
                    <a:pt x="3336560" y="862001"/>
                  </a:cubicBezTo>
                  <a:cubicBezTo>
                    <a:pt x="3380947" y="1043547"/>
                    <a:pt x="3375231" y="1214426"/>
                    <a:pt x="3365135" y="1387209"/>
                  </a:cubicBezTo>
                  <a:cubicBezTo>
                    <a:pt x="3353895" y="1574375"/>
                    <a:pt x="3340941" y="1762018"/>
                    <a:pt x="3328654" y="1915561"/>
                  </a:cubicBezTo>
                  <a:cubicBezTo>
                    <a:pt x="3320368" y="2019383"/>
                    <a:pt x="3331321" y="2131778"/>
                    <a:pt x="3341989" y="2240458"/>
                  </a:cubicBezTo>
                  <a:cubicBezTo>
                    <a:pt x="3347704" y="2298752"/>
                    <a:pt x="3353610" y="2359045"/>
                    <a:pt x="3356563" y="2417909"/>
                  </a:cubicBezTo>
                  <a:cubicBezTo>
                    <a:pt x="3361706" y="2518684"/>
                    <a:pt x="3381899" y="2618506"/>
                    <a:pt x="3401520" y="2714994"/>
                  </a:cubicBezTo>
                  <a:cubicBezTo>
                    <a:pt x="3414474" y="2779098"/>
                    <a:pt x="3426762" y="2839677"/>
                    <a:pt x="3433715" y="2895969"/>
                  </a:cubicBezTo>
                  <a:cubicBezTo>
                    <a:pt x="3445430" y="2991981"/>
                    <a:pt x="3434762" y="3079135"/>
                    <a:pt x="3422380" y="3180100"/>
                  </a:cubicBezTo>
                  <a:cubicBezTo>
                    <a:pt x="3416379" y="3229249"/>
                    <a:pt x="3410093" y="3280112"/>
                    <a:pt x="3405902" y="3336596"/>
                  </a:cubicBezTo>
                  <a:cubicBezTo>
                    <a:pt x="3393710" y="3499473"/>
                    <a:pt x="3259217" y="3658540"/>
                    <a:pt x="3135963" y="3741123"/>
                  </a:cubicBezTo>
                  <a:lnTo>
                    <a:pt x="3083576" y="3741123"/>
                  </a:lnTo>
                  <a:lnTo>
                    <a:pt x="3111484" y="3723025"/>
                  </a:lnTo>
                  <a:cubicBezTo>
                    <a:pt x="3231404" y="3645967"/>
                    <a:pt x="3365706" y="3491568"/>
                    <a:pt x="3377422" y="3334500"/>
                  </a:cubicBezTo>
                  <a:cubicBezTo>
                    <a:pt x="3381709" y="3277350"/>
                    <a:pt x="3387900" y="3226106"/>
                    <a:pt x="3393996" y="3176671"/>
                  </a:cubicBezTo>
                  <a:cubicBezTo>
                    <a:pt x="3406187" y="3077515"/>
                    <a:pt x="3416665" y="2991981"/>
                    <a:pt x="3405330" y="2899398"/>
                  </a:cubicBezTo>
                  <a:cubicBezTo>
                    <a:pt x="3398568" y="2843868"/>
                    <a:pt x="3386280" y="2783860"/>
                    <a:pt x="3373517" y="2720328"/>
                  </a:cubicBezTo>
                  <a:cubicBezTo>
                    <a:pt x="3353705" y="2622792"/>
                    <a:pt x="3333226" y="2521923"/>
                    <a:pt x="3328083" y="2419052"/>
                  </a:cubicBezTo>
                  <a:cubicBezTo>
                    <a:pt x="3325130" y="2360759"/>
                    <a:pt x="3319224" y="2300847"/>
                    <a:pt x="3313605" y="2242840"/>
                  </a:cubicBezTo>
                  <a:cubicBezTo>
                    <a:pt x="3302841" y="2132921"/>
                    <a:pt x="3291697" y="2019193"/>
                    <a:pt x="3300174" y="1912894"/>
                  </a:cubicBezTo>
                  <a:cubicBezTo>
                    <a:pt x="3312462" y="1759541"/>
                    <a:pt x="3325416" y="1572089"/>
                    <a:pt x="3336655" y="1385113"/>
                  </a:cubicBezTo>
                  <a:cubicBezTo>
                    <a:pt x="3346847" y="1214140"/>
                    <a:pt x="3352467" y="1046024"/>
                    <a:pt x="3309128" y="868382"/>
                  </a:cubicBezTo>
                  <a:cubicBezTo>
                    <a:pt x="3264075" y="683788"/>
                    <a:pt x="3154061" y="492240"/>
                    <a:pt x="3053191" y="422898"/>
                  </a:cubicBezTo>
                  <a:lnTo>
                    <a:pt x="3028426" y="405944"/>
                  </a:lnTo>
                  <a:cubicBezTo>
                    <a:pt x="2911364" y="325648"/>
                    <a:pt x="2715435" y="191250"/>
                    <a:pt x="2634377" y="97715"/>
                  </a:cubicBezTo>
                  <a:cubicBezTo>
                    <a:pt x="2586752" y="42279"/>
                    <a:pt x="2543127" y="28563"/>
                    <a:pt x="2484454" y="28563"/>
                  </a:cubicBezTo>
                  <a:cubicBezTo>
                    <a:pt x="2459879" y="28563"/>
                    <a:pt x="2432542" y="30944"/>
                    <a:pt x="2401110" y="33707"/>
                  </a:cubicBezTo>
                  <a:cubicBezTo>
                    <a:pt x="2382060" y="35421"/>
                    <a:pt x="2361581" y="37231"/>
                    <a:pt x="2339387" y="38660"/>
                  </a:cubicBezTo>
                  <a:cubicBezTo>
                    <a:pt x="2202132" y="47708"/>
                    <a:pt x="1689783" y="133910"/>
                    <a:pt x="1551099" y="234208"/>
                  </a:cubicBezTo>
                  <a:cubicBezTo>
                    <a:pt x="1414034" y="333173"/>
                    <a:pt x="1170099" y="475952"/>
                    <a:pt x="1083326" y="516815"/>
                  </a:cubicBezTo>
                  <a:cubicBezTo>
                    <a:pt x="1034091" y="541188"/>
                    <a:pt x="990563" y="575693"/>
                    <a:pt x="955596" y="618066"/>
                  </a:cubicBezTo>
                  <a:lnTo>
                    <a:pt x="953500" y="620256"/>
                  </a:lnTo>
                  <a:cubicBezTo>
                    <a:pt x="950071" y="623113"/>
                    <a:pt x="608790" y="911054"/>
                    <a:pt x="533543" y="1023163"/>
                  </a:cubicBezTo>
                  <a:lnTo>
                    <a:pt x="525256" y="1035546"/>
                  </a:lnTo>
                  <a:cubicBezTo>
                    <a:pt x="446961" y="1152037"/>
                    <a:pt x="328660" y="1328154"/>
                    <a:pt x="271320" y="1492746"/>
                  </a:cubicBezTo>
                  <a:cubicBezTo>
                    <a:pt x="255889" y="1537323"/>
                    <a:pt x="235506" y="1593235"/>
                    <a:pt x="214170" y="1652385"/>
                  </a:cubicBezTo>
                  <a:cubicBezTo>
                    <a:pt x="152066" y="1823168"/>
                    <a:pt x="74819" y="2035671"/>
                    <a:pt x="51101" y="2146257"/>
                  </a:cubicBezTo>
                  <a:cubicBezTo>
                    <a:pt x="21574" y="2283988"/>
                    <a:pt x="21574" y="2474678"/>
                    <a:pt x="51101" y="2610029"/>
                  </a:cubicBezTo>
                  <a:cubicBezTo>
                    <a:pt x="77962" y="2733187"/>
                    <a:pt x="190738" y="3079135"/>
                    <a:pt x="263414" y="3230106"/>
                  </a:cubicBezTo>
                  <a:cubicBezTo>
                    <a:pt x="323040" y="3353931"/>
                    <a:pt x="391715" y="3438037"/>
                    <a:pt x="446865" y="3505664"/>
                  </a:cubicBezTo>
                  <a:cubicBezTo>
                    <a:pt x="456644" y="3517666"/>
                    <a:pt x="466169" y="3529318"/>
                    <a:pt x="475440" y="3540621"/>
                  </a:cubicBezTo>
                  <a:cubicBezTo>
                    <a:pt x="532590" y="3612725"/>
                    <a:pt x="618315" y="3693592"/>
                    <a:pt x="678513" y="3711595"/>
                  </a:cubicBezTo>
                  <a:cubicBezTo>
                    <a:pt x="738711" y="3729597"/>
                    <a:pt x="926163" y="3684544"/>
                    <a:pt x="976932" y="3646730"/>
                  </a:cubicBezTo>
                  <a:cubicBezTo>
                    <a:pt x="1016079" y="3617583"/>
                    <a:pt x="1094851" y="3587580"/>
                    <a:pt x="1171051" y="3558623"/>
                  </a:cubicBezTo>
                  <a:cubicBezTo>
                    <a:pt x="1207151" y="3544907"/>
                    <a:pt x="1244489" y="3530715"/>
                    <a:pt x="1275826" y="3517190"/>
                  </a:cubicBezTo>
                  <a:cubicBezTo>
                    <a:pt x="1302393" y="3505588"/>
                    <a:pt x="1327440" y="3490778"/>
                    <a:pt x="1350407" y="3473089"/>
                  </a:cubicBezTo>
                  <a:cubicBezTo>
                    <a:pt x="1385554" y="3447562"/>
                    <a:pt x="1415844" y="3425464"/>
                    <a:pt x="1497758" y="3423368"/>
                  </a:cubicBezTo>
                  <a:cubicBezTo>
                    <a:pt x="1536238" y="3421339"/>
                    <a:pt x="1574582" y="3417269"/>
                    <a:pt x="1612630" y="3411176"/>
                  </a:cubicBezTo>
                  <a:cubicBezTo>
                    <a:pt x="1719500" y="3396032"/>
                    <a:pt x="1830086" y="3380506"/>
                    <a:pt x="1884188" y="3440894"/>
                  </a:cubicBezTo>
                  <a:cubicBezTo>
                    <a:pt x="1918573" y="3478994"/>
                    <a:pt x="1984296" y="3540621"/>
                    <a:pt x="2047827" y="3599962"/>
                  </a:cubicBezTo>
                  <a:cubicBezTo>
                    <a:pt x="2101834" y="3650254"/>
                    <a:pt x="2157365" y="3702165"/>
                    <a:pt x="2194798" y="3740932"/>
                  </a:cubicBezTo>
                  <a:lnTo>
                    <a:pt x="2154698" y="3740932"/>
                  </a:lnTo>
                  <a:cubicBezTo>
                    <a:pt x="2119265" y="3705689"/>
                    <a:pt x="2073259" y="3662732"/>
                    <a:pt x="2028301" y="3620822"/>
                  </a:cubicBezTo>
                  <a:cubicBezTo>
                    <a:pt x="1964293" y="3561100"/>
                    <a:pt x="1898190" y="3499378"/>
                    <a:pt x="1862852" y="3459944"/>
                  </a:cubicBezTo>
                  <a:cubicBezTo>
                    <a:pt x="1819037" y="3410986"/>
                    <a:pt x="1716072" y="3425369"/>
                    <a:pt x="1616535" y="3439465"/>
                  </a:cubicBezTo>
                  <a:cubicBezTo>
                    <a:pt x="1577450" y="3445746"/>
                    <a:pt x="1538055" y="3449911"/>
                    <a:pt x="1498520" y="3451943"/>
                  </a:cubicBezTo>
                  <a:cubicBezTo>
                    <a:pt x="1425464" y="3453848"/>
                    <a:pt x="1400984" y="3471565"/>
                    <a:pt x="1367171" y="3496139"/>
                  </a:cubicBezTo>
                  <a:cubicBezTo>
                    <a:pt x="1342527" y="3515195"/>
                    <a:pt x="1315660" y="3531187"/>
                    <a:pt x="1287161" y="3543764"/>
                  </a:cubicBezTo>
                  <a:cubicBezTo>
                    <a:pt x="1255252" y="3557480"/>
                    <a:pt x="1217628" y="3571768"/>
                    <a:pt x="1181243" y="3585675"/>
                  </a:cubicBezTo>
                  <a:cubicBezTo>
                    <a:pt x="1106853" y="3614250"/>
                    <a:pt x="1029891" y="3642825"/>
                    <a:pt x="993981" y="3669875"/>
                  </a:cubicBezTo>
                  <a:cubicBezTo>
                    <a:pt x="954072" y="3699593"/>
                    <a:pt x="847391" y="3731407"/>
                    <a:pt x="762524" y="3741217"/>
                  </a:cubicBezTo>
                  <a:lnTo>
                    <a:pt x="678513" y="3741217"/>
                  </a:lnTo>
                  <a:cubicBezTo>
                    <a:pt x="675656" y="3740646"/>
                    <a:pt x="672894" y="3739980"/>
                    <a:pt x="670417" y="3739218"/>
                  </a:cubicBezTo>
                  <a:cubicBezTo>
                    <a:pt x="598599" y="3718358"/>
                    <a:pt x="508206" y="3629013"/>
                    <a:pt x="452295" y="35590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2" name="Freeform: Shape 149">
              <a:extLst>
                <a:ext uri="{FF2B5EF4-FFF2-40B4-BE49-F238E27FC236}">
                  <a16:creationId xmlns:a16="http://schemas.microsoft.com/office/drawing/2014/main" id="{5378C808-F62E-A04C-AA3C-CE90514075F9}"/>
                </a:ext>
              </a:extLst>
            </p:cNvPr>
            <p:cNvSpPr/>
            <p:nvPr/>
          </p:nvSpPr>
          <p:spPr>
            <a:xfrm>
              <a:off x="3843955" y="4560696"/>
              <a:ext cx="2389545" cy="2493137"/>
            </a:xfrm>
            <a:custGeom>
              <a:avLst/>
              <a:gdLst>
                <a:gd name="connsiteX0" fmla="*/ 1696261 w 2389545"/>
                <a:gd name="connsiteY0" fmla="*/ 2399031 h 2493137"/>
                <a:gd name="connsiteX1" fmla="*/ 1768079 w 2389545"/>
                <a:gd name="connsiteY1" fmla="*/ 2493138 h 2493137"/>
                <a:gd name="connsiteX2" fmla="*/ 1773032 w 2389545"/>
                <a:gd name="connsiteY2" fmla="*/ 2493138 h 2493137"/>
                <a:gd name="connsiteX3" fmla="*/ 2041065 w 2389545"/>
                <a:gd name="connsiteY3" fmla="*/ 2318735 h 2493137"/>
                <a:gd name="connsiteX4" fmla="*/ 2265284 w 2389545"/>
                <a:gd name="connsiteY4" fmla="*/ 1982312 h 2493137"/>
                <a:gd name="connsiteX5" fmla="*/ 2288049 w 2389545"/>
                <a:gd name="connsiteY5" fmla="*/ 1944212 h 2493137"/>
                <a:gd name="connsiteX6" fmla="*/ 2388347 w 2389545"/>
                <a:gd name="connsiteY6" fmla="*/ 1545400 h 2493137"/>
                <a:gd name="connsiteX7" fmla="*/ 2315005 w 2389545"/>
                <a:gd name="connsiteY7" fmla="*/ 782829 h 2493137"/>
                <a:gd name="connsiteX8" fmla="*/ 2178512 w 2389545"/>
                <a:gd name="connsiteY8" fmla="*/ 427451 h 2493137"/>
                <a:gd name="connsiteX9" fmla="*/ 2124219 w 2389545"/>
                <a:gd name="connsiteY9" fmla="*/ 301626 h 2493137"/>
                <a:gd name="connsiteX10" fmla="*/ 1957627 w 2389545"/>
                <a:gd name="connsiteY10" fmla="*/ 118650 h 2493137"/>
                <a:gd name="connsiteX11" fmla="*/ 1945435 w 2389545"/>
                <a:gd name="connsiteY11" fmla="*/ 113031 h 2493137"/>
                <a:gd name="connsiteX12" fmla="*/ 1892666 w 2389545"/>
                <a:gd name="connsiteY12" fmla="*/ 65977 h 2493137"/>
                <a:gd name="connsiteX13" fmla="*/ 1775699 w 2389545"/>
                <a:gd name="connsiteY13" fmla="*/ 1017 h 2493137"/>
                <a:gd name="connsiteX14" fmla="*/ 1420131 w 2389545"/>
                <a:gd name="connsiteY14" fmla="*/ 108268 h 2493137"/>
                <a:gd name="connsiteX15" fmla="*/ 1159431 w 2389545"/>
                <a:gd name="connsiteY15" fmla="*/ 284862 h 2493137"/>
                <a:gd name="connsiteX16" fmla="*/ 1003126 w 2389545"/>
                <a:gd name="connsiteY16" fmla="*/ 389160 h 2493137"/>
                <a:gd name="connsiteX17" fmla="*/ 976266 w 2389545"/>
                <a:gd name="connsiteY17" fmla="*/ 408210 h 2493137"/>
                <a:gd name="connsiteX18" fmla="*/ 680229 w 2389545"/>
                <a:gd name="connsiteY18" fmla="*/ 574231 h 2493137"/>
                <a:gd name="connsiteX19" fmla="*/ 406004 w 2389545"/>
                <a:gd name="connsiteY19" fmla="*/ 705105 h 2493137"/>
                <a:gd name="connsiteX20" fmla="*/ 378096 w 2389545"/>
                <a:gd name="connsiteY20" fmla="*/ 727679 h 2493137"/>
                <a:gd name="connsiteX21" fmla="*/ 149496 w 2389545"/>
                <a:gd name="connsiteY21" fmla="*/ 984092 h 2493137"/>
                <a:gd name="connsiteX22" fmla="*/ 148924 w 2389545"/>
                <a:gd name="connsiteY22" fmla="*/ 985807 h 2493137"/>
                <a:gd name="connsiteX23" fmla="*/ 23194 w 2389545"/>
                <a:gd name="connsiteY23" fmla="*/ 1414051 h 2493137"/>
                <a:gd name="connsiteX24" fmla="*/ 4716 w 2389545"/>
                <a:gd name="connsiteY24" fmla="*/ 1824483 h 2493137"/>
                <a:gd name="connsiteX25" fmla="*/ 135303 w 2389545"/>
                <a:gd name="connsiteY25" fmla="*/ 1975359 h 2493137"/>
                <a:gd name="connsiteX26" fmla="*/ 475918 w 2389545"/>
                <a:gd name="connsiteY26" fmla="*/ 1782192 h 2493137"/>
                <a:gd name="connsiteX27" fmla="*/ 539640 w 2389545"/>
                <a:gd name="connsiteY27" fmla="*/ 1742473 h 2493137"/>
                <a:gd name="connsiteX28" fmla="*/ 927498 w 2389545"/>
                <a:gd name="connsiteY28" fmla="*/ 1529589 h 2493137"/>
                <a:gd name="connsiteX29" fmla="*/ 1058181 w 2389545"/>
                <a:gd name="connsiteY29" fmla="*/ 1592930 h 2493137"/>
                <a:gd name="connsiteX30" fmla="*/ 1183529 w 2389545"/>
                <a:gd name="connsiteY30" fmla="*/ 1655605 h 2493137"/>
                <a:gd name="connsiteX31" fmla="*/ 1400033 w 2389545"/>
                <a:gd name="connsiteY31" fmla="*/ 1866964 h 2493137"/>
                <a:gd name="connsiteX32" fmla="*/ 1659304 w 2389545"/>
                <a:gd name="connsiteY32" fmla="*/ 2328546 h 2493137"/>
                <a:gd name="connsiteX33" fmla="*/ 1696261 w 2389545"/>
                <a:gd name="connsiteY33" fmla="*/ 2399031 h 2493137"/>
                <a:gd name="connsiteX34" fmla="*/ 1723026 w 2389545"/>
                <a:gd name="connsiteY34" fmla="*/ 2389506 h 2493137"/>
                <a:gd name="connsiteX35" fmla="*/ 1676068 w 2389545"/>
                <a:gd name="connsiteY35" fmla="*/ 2305877 h 2493137"/>
                <a:gd name="connsiteX36" fmla="*/ 1426131 w 2389545"/>
                <a:gd name="connsiteY36" fmla="*/ 1855534 h 2493137"/>
                <a:gd name="connsiteX37" fmla="*/ 1193722 w 2389545"/>
                <a:gd name="connsiteY37" fmla="*/ 1629316 h 2493137"/>
                <a:gd name="connsiteX38" fmla="*/ 1071992 w 2389545"/>
                <a:gd name="connsiteY38" fmla="*/ 1568355 h 2493137"/>
                <a:gd name="connsiteX39" fmla="*/ 935403 w 2389545"/>
                <a:gd name="connsiteY39" fmla="*/ 1502538 h 2493137"/>
                <a:gd name="connsiteX40" fmla="*/ 524304 w 2389545"/>
                <a:gd name="connsiteY40" fmla="*/ 1718946 h 2493137"/>
                <a:gd name="connsiteX41" fmla="*/ 466297 w 2389545"/>
                <a:gd name="connsiteY41" fmla="*/ 1755617 h 2493137"/>
                <a:gd name="connsiteX42" fmla="*/ 464869 w 2389545"/>
                <a:gd name="connsiteY42" fmla="*/ 1755617 h 2493137"/>
                <a:gd name="connsiteX43" fmla="*/ 461154 w 2389545"/>
                <a:gd name="connsiteY43" fmla="*/ 1758189 h 2493137"/>
                <a:gd name="connsiteX44" fmla="*/ 132732 w 2389545"/>
                <a:gd name="connsiteY44" fmla="*/ 1947355 h 2493137"/>
                <a:gd name="connsiteX45" fmla="*/ 33100 w 2389545"/>
                <a:gd name="connsiteY45" fmla="*/ 1821340 h 2493137"/>
                <a:gd name="connsiteX46" fmla="*/ 51674 w 2389545"/>
                <a:gd name="connsiteY46" fmla="*/ 1417765 h 2493137"/>
                <a:gd name="connsiteX47" fmla="*/ 176166 w 2389545"/>
                <a:gd name="connsiteY47" fmla="*/ 996570 h 2493137"/>
                <a:gd name="connsiteX48" fmla="*/ 176833 w 2389545"/>
                <a:gd name="connsiteY48" fmla="*/ 994760 h 2493137"/>
                <a:gd name="connsiteX49" fmla="*/ 395908 w 2389545"/>
                <a:gd name="connsiteY49" fmla="*/ 751110 h 2493137"/>
                <a:gd name="connsiteX50" fmla="*/ 424006 w 2389545"/>
                <a:gd name="connsiteY50" fmla="*/ 728346 h 2493137"/>
                <a:gd name="connsiteX51" fmla="*/ 684610 w 2389545"/>
                <a:gd name="connsiteY51" fmla="*/ 603568 h 2493137"/>
                <a:gd name="connsiteX52" fmla="*/ 992744 w 2389545"/>
                <a:gd name="connsiteY52" fmla="*/ 432118 h 2493137"/>
                <a:gd name="connsiteX53" fmla="*/ 1019414 w 2389545"/>
                <a:gd name="connsiteY53" fmla="*/ 413068 h 2493137"/>
                <a:gd name="connsiteX54" fmla="*/ 1175053 w 2389545"/>
                <a:gd name="connsiteY54" fmla="*/ 309246 h 2493137"/>
                <a:gd name="connsiteX55" fmla="*/ 1437562 w 2389545"/>
                <a:gd name="connsiteY55" fmla="*/ 131414 h 2493137"/>
                <a:gd name="connsiteX56" fmla="*/ 1779795 w 2389545"/>
                <a:gd name="connsiteY56" fmla="*/ 29878 h 2493137"/>
                <a:gd name="connsiteX57" fmla="*/ 1788462 w 2389545"/>
                <a:gd name="connsiteY57" fmla="*/ 29211 h 2493137"/>
                <a:gd name="connsiteX58" fmla="*/ 1871330 w 2389545"/>
                <a:gd name="connsiteY58" fmla="*/ 85599 h 2493137"/>
                <a:gd name="connsiteX59" fmla="*/ 1933243 w 2389545"/>
                <a:gd name="connsiteY59" fmla="*/ 139415 h 2493137"/>
                <a:gd name="connsiteX60" fmla="*/ 1945625 w 2389545"/>
                <a:gd name="connsiteY60" fmla="*/ 145225 h 2493137"/>
                <a:gd name="connsiteX61" fmla="*/ 2098025 w 2389545"/>
                <a:gd name="connsiteY61" fmla="*/ 313056 h 2493137"/>
                <a:gd name="connsiteX62" fmla="*/ 2152603 w 2389545"/>
                <a:gd name="connsiteY62" fmla="*/ 439548 h 2493137"/>
                <a:gd name="connsiteX63" fmla="*/ 2287668 w 2389545"/>
                <a:gd name="connsiteY63" fmla="*/ 790639 h 2493137"/>
                <a:gd name="connsiteX64" fmla="*/ 2360153 w 2389545"/>
                <a:gd name="connsiteY64" fmla="*/ 1545115 h 2493137"/>
                <a:gd name="connsiteX65" fmla="*/ 2264331 w 2389545"/>
                <a:gd name="connsiteY65" fmla="*/ 1929162 h 2493137"/>
                <a:gd name="connsiteX66" fmla="*/ 2240138 w 2389545"/>
                <a:gd name="connsiteY66" fmla="*/ 1969453 h 2493137"/>
                <a:gd name="connsiteX67" fmla="*/ 2017824 w 2389545"/>
                <a:gd name="connsiteY67" fmla="*/ 2302257 h 2493137"/>
                <a:gd name="connsiteX68" fmla="*/ 1770174 w 2389545"/>
                <a:gd name="connsiteY68" fmla="*/ 2464658 h 2493137"/>
                <a:gd name="connsiteX69" fmla="*/ 1723026 w 2389545"/>
                <a:gd name="connsiteY69" fmla="*/ 2389030 h 2493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2389545" h="2493137">
                  <a:moveTo>
                    <a:pt x="1696261" y="2399031"/>
                  </a:moveTo>
                  <a:cubicBezTo>
                    <a:pt x="1712930" y="2443703"/>
                    <a:pt x="1730075" y="2489994"/>
                    <a:pt x="1768079" y="2493138"/>
                  </a:cubicBezTo>
                  <a:lnTo>
                    <a:pt x="1773032" y="2493138"/>
                  </a:lnTo>
                  <a:cubicBezTo>
                    <a:pt x="1831611" y="2493138"/>
                    <a:pt x="1969819" y="2418367"/>
                    <a:pt x="2041065" y="2318735"/>
                  </a:cubicBezTo>
                  <a:cubicBezTo>
                    <a:pt x="2164890" y="2145380"/>
                    <a:pt x="2238328" y="2035366"/>
                    <a:pt x="2265284" y="1982312"/>
                  </a:cubicBezTo>
                  <a:cubicBezTo>
                    <a:pt x="2272162" y="1969201"/>
                    <a:pt x="2279761" y="1956481"/>
                    <a:pt x="2288049" y="1944212"/>
                  </a:cubicBezTo>
                  <a:cubicBezTo>
                    <a:pt x="2327387" y="1883729"/>
                    <a:pt x="2381299" y="1801337"/>
                    <a:pt x="2388347" y="1545400"/>
                  </a:cubicBezTo>
                  <a:cubicBezTo>
                    <a:pt x="2397301" y="1222598"/>
                    <a:pt x="2354438" y="932848"/>
                    <a:pt x="2315005" y="782829"/>
                  </a:cubicBezTo>
                  <a:cubicBezTo>
                    <a:pt x="2285001" y="668529"/>
                    <a:pt x="2228423" y="540608"/>
                    <a:pt x="2178512" y="427451"/>
                  </a:cubicBezTo>
                  <a:cubicBezTo>
                    <a:pt x="2158700" y="382588"/>
                    <a:pt x="2140412" y="340202"/>
                    <a:pt x="2124219" y="301626"/>
                  </a:cubicBezTo>
                  <a:cubicBezTo>
                    <a:pt x="2070498" y="170181"/>
                    <a:pt x="2010491" y="142844"/>
                    <a:pt x="1957627" y="118650"/>
                  </a:cubicBezTo>
                  <a:lnTo>
                    <a:pt x="1945435" y="113031"/>
                  </a:lnTo>
                  <a:cubicBezTo>
                    <a:pt x="1927242" y="104458"/>
                    <a:pt x="1910478" y="85694"/>
                    <a:pt x="1892666" y="65977"/>
                  </a:cubicBezTo>
                  <a:cubicBezTo>
                    <a:pt x="1862091" y="31878"/>
                    <a:pt x="1827324" y="-6794"/>
                    <a:pt x="1775699" y="1017"/>
                  </a:cubicBezTo>
                  <a:cubicBezTo>
                    <a:pt x="1700833" y="12161"/>
                    <a:pt x="1491187" y="53119"/>
                    <a:pt x="1420131" y="108268"/>
                  </a:cubicBezTo>
                  <a:cubicBezTo>
                    <a:pt x="1378888" y="140272"/>
                    <a:pt x="1262302" y="217139"/>
                    <a:pt x="1159431" y="284862"/>
                  </a:cubicBezTo>
                  <a:cubicBezTo>
                    <a:pt x="1094376" y="327629"/>
                    <a:pt x="1033035" y="368111"/>
                    <a:pt x="1003126" y="389160"/>
                  </a:cubicBezTo>
                  <a:cubicBezTo>
                    <a:pt x="995030" y="394780"/>
                    <a:pt x="985981" y="401257"/>
                    <a:pt x="976266" y="408210"/>
                  </a:cubicBezTo>
                  <a:cubicBezTo>
                    <a:pt x="895875" y="465360"/>
                    <a:pt x="761287" y="561373"/>
                    <a:pt x="680229" y="574231"/>
                  </a:cubicBezTo>
                  <a:cubicBezTo>
                    <a:pt x="584979" y="589281"/>
                    <a:pt x="495063" y="632143"/>
                    <a:pt x="406004" y="705105"/>
                  </a:cubicBezTo>
                  <a:lnTo>
                    <a:pt x="378096" y="727679"/>
                  </a:lnTo>
                  <a:cubicBezTo>
                    <a:pt x="292371" y="796830"/>
                    <a:pt x="185881" y="882937"/>
                    <a:pt x="149496" y="984092"/>
                  </a:cubicBezTo>
                  <a:lnTo>
                    <a:pt x="148924" y="985807"/>
                  </a:lnTo>
                  <a:cubicBezTo>
                    <a:pt x="109586" y="1098297"/>
                    <a:pt x="35577" y="1306704"/>
                    <a:pt x="23194" y="1414051"/>
                  </a:cubicBezTo>
                  <a:cubicBezTo>
                    <a:pt x="715" y="1611790"/>
                    <a:pt x="-5381" y="1746092"/>
                    <a:pt x="4716" y="1824483"/>
                  </a:cubicBezTo>
                  <a:cubicBezTo>
                    <a:pt x="20337" y="1946308"/>
                    <a:pt x="52341" y="1982884"/>
                    <a:pt x="135303" y="1975359"/>
                  </a:cubicBezTo>
                  <a:cubicBezTo>
                    <a:pt x="205789" y="1968977"/>
                    <a:pt x="441818" y="1806004"/>
                    <a:pt x="475918" y="1782192"/>
                  </a:cubicBezTo>
                  <a:cubicBezTo>
                    <a:pt x="482395" y="1779239"/>
                    <a:pt x="496682" y="1770095"/>
                    <a:pt x="539640" y="1742473"/>
                  </a:cubicBezTo>
                  <a:cubicBezTo>
                    <a:pt x="625365" y="1687037"/>
                    <a:pt x="888160" y="1518444"/>
                    <a:pt x="927498" y="1529589"/>
                  </a:cubicBezTo>
                  <a:cubicBezTo>
                    <a:pt x="957787" y="1538257"/>
                    <a:pt x="1008841" y="1566069"/>
                    <a:pt x="1058181" y="1592930"/>
                  </a:cubicBezTo>
                  <a:cubicBezTo>
                    <a:pt x="1098650" y="1616351"/>
                    <a:pt x="1140511" y="1637281"/>
                    <a:pt x="1183529" y="1655605"/>
                  </a:cubicBezTo>
                  <a:cubicBezTo>
                    <a:pt x="1258777" y="1684180"/>
                    <a:pt x="1337168" y="1729328"/>
                    <a:pt x="1400033" y="1866964"/>
                  </a:cubicBezTo>
                  <a:cubicBezTo>
                    <a:pt x="1463660" y="2006125"/>
                    <a:pt x="1612822" y="2295589"/>
                    <a:pt x="1659304" y="2328546"/>
                  </a:cubicBezTo>
                  <a:cubicBezTo>
                    <a:pt x="1673972" y="2339119"/>
                    <a:pt x="1685307" y="2369504"/>
                    <a:pt x="1696261" y="2399031"/>
                  </a:cubicBezTo>
                  <a:close/>
                  <a:moveTo>
                    <a:pt x="1723026" y="2389506"/>
                  </a:moveTo>
                  <a:cubicBezTo>
                    <a:pt x="1710072" y="2354549"/>
                    <a:pt x="1697785" y="2321497"/>
                    <a:pt x="1676068" y="2305877"/>
                  </a:cubicBezTo>
                  <a:cubicBezTo>
                    <a:pt x="1639872" y="2279778"/>
                    <a:pt x="1498903" y="2014697"/>
                    <a:pt x="1426131" y="1855534"/>
                  </a:cubicBezTo>
                  <a:cubicBezTo>
                    <a:pt x="1358790" y="1708183"/>
                    <a:pt x="1270874" y="1658462"/>
                    <a:pt x="1193722" y="1629316"/>
                  </a:cubicBezTo>
                  <a:cubicBezTo>
                    <a:pt x="1151991" y="1611387"/>
                    <a:pt x="1111345" y="1591032"/>
                    <a:pt x="1071992" y="1568355"/>
                  </a:cubicBezTo>
                  <a:cubicBezTo>
                    <a:pt x="1018938" y="1539780"/>
                    <a:pt x="968836" y="1512063"/>
                    <a:pt x="935403" y="1502538"/>
                  </a:cubicBezTo>
                  <a:cubicBezTo>
                    <a:pt x="892255" y="1490155"/>
                    <a:pt x="746142" y="1576261"/>
                    <a:pt x="524304" y="1718946"/>
                  </a:cubicBezTo>
                  <a:cubicBezTo>
                    <a:pt x="498492" y="1735520"/>
                    <a:pt x="473917" y="1751235"/>
                    <a:pt x="466297" y="1755617"/>
                  </a:cubicBezTo>
                  <a:lnTo>
                    <a:pt x="464869" y="1755617"/>
                  </a:lnTo>
                  <a:lnTo>
                    <a:pt x="461154" y="1758189"/>
                  </a:lnTo>
                  <a:cubicBezTo>
                    <a:pt x="388287" y="1809148"/>
                    <a:pt x="187119" y="1942402"/>
                    <a:pt x="132732" y="1947355"/>
                  </a:cubicBezTo>
                  <a:cubicBezTo>
                    <a:pt x="75582" y="1952594"/>
                    <a:pt x="48626" y="1942307"/>
                    <a:pt x="33100" y="1821340"/>
                  </a:cubicBezTo>
                  <a:cubicBezTo>
                    <a:pt x="23575" y="1746283"/>
                    <a:pt x="29767" y="1610456"/>
                    <a:pt x="51674" y="1417765"/>
                  </a:cubicBezTo>
                  <a:cubicBezTo>
                    <a:pt x="63580" y="1312990"/>
                    <a:pt x="136828" y="1107250"/>
                    <a:pt x="176166" y="996570"/>
                  </a:cubicBezTo>
                  <a:lnTo>
                    <a:pt x="176833" y="994760"/>
                  </a:lnTo>
                  <a:cubicBezTo>
                    <a:pt x="210075" y="901225"/>
                    <a:pt x="313231" y="817976"/>
                    <a:pt x="395908" y="751110"/>
                  </a:cubicBezTo>
                  <a:lnTo>
                    <a:pt x="424006" y="728346"/>
                  </a:lnTo>
                  <a:cubicBezTo>
                    <a:pt x="509065" y="658623"/>
                    <a:pt x="594313" y="617856"/>
                    <a:pt x="684610" y="603568"/>
                  </a:cubicBezTo>
                  <a:cubicBezTo>
                    <a:pt x="772240" y="589662"/>
                    <a:pt x="910258" y="491364"/>
                    <a:pt x="992744" y="432118"/>
                  </a:cubicBezTo>
                  <a:lnTo>
                    <a:pt x="1019414" y="413068"/>
                  </a:lnTo>
                  <a:cubicBezTo>
                    <a:pt x="1049037" y="392304"/>
                    <a:pt x="1110187" y="352013"/>
                    <a:pt x="1175053" y="309246"/>
                  </a:cubicBezTo>
                  <a:cubicBezTo>
                    <a:pt x="1278304" y="241237"/>
                    <a:pt x="1395366" y="164085"/>
                    <a:pt x="1437562" y="131414"/>
                  </a:cubicBezTo>
                  <a:cubicBezTo>
                    <a:pt x="1503380" y="80360"/>
                    <a:pt x="1711977" y="39974"/>
                    <a:pt x="1779795" y="29878"/>
                  </a:cubicBezTo>
                  <a:cubicBezTo>
                    <a:pt x="1782661" y="29423"/>
                    <a:pt x="1785560" y="29200"/>
                    <a:pt x="1788462" y="29211"/>
                  </a:cubicBezTo>
                  <a:cubicBezTo>
                    <a:pt x="1820657" y="29211"/>
                    <a:pt x="1845613" y="56643"/>
                    <a:pt x="1871330" y="85599"/>
                  </a:cubicBezTo>
                  <a:cubicBezTo>
                    <a:pt x="1890380" y="106649"/>
                    <a:pt x="1909430" y="128366"/>
                    <a:pt x="1933243" y="139415"/>
                  </a:cubicBezTo>
                  <a:lnTo>
                    <a:pt x="1945625" y="145225"/>
                  </a:lnTo>
                  <a:cubicBezTo>
                    <a:pt x="1996108" y="168276"/>
                    <a:pt x="2048209" y="192088"/>
                    <a:pt x="2098025" y="313056"/>
                  </a:cubicBezTo>
                  <a:cubicBezTo>
                    <a:pt x="2113932" y="351918"/>
                    <a:pt x="2132696" y="394494"/>
                    <a:pt x="2152603" y="439548"/>
                  </a:cubicBezTo>
                  <a:cubicBezTo>
                    <a:pt x="2202134" y="551752"/>
                    <a:pt x="2258236" y="678816"/>
                    <a:pt x="2287668" y="790639"/>
                  </a:cubicBezTo>
                  <a:cubicBezTo>
                    <a:pt x="2326625" y="938848"/>
                    <a:pt x="2369012" y="1225361"/>
                    <a:pt x="2360153" y="1545115"/>
                  </a:cubicBezTo>
                  <a:cubicBezTo>
                    <a:pt x="2353200" y="1792765"/>
                    <a:pt x="2301860" y="1871632"/>
                    <a:pt x="2264331" y="1929162"/>
                  </a:cubicBezTo>
                  <a:cubicBezTo>
                    <a:pt x="2255572" y="1942163"/>
                    <a:pt x="2247497" y="1955611"/>
                    <a:pt x="2240138" y="1969453"/>
                  </a:cubicBezTo>
                  <a:cubicBezTo>
                    <a:pt x="2213944" y="2021079"/>
                    <a:pt x="2139173" y="2132522"/>
                    <a:pt x="2017824" y="2302257"/>
                  </a:cubicBezTo>
                  <a:cubicBezTo>
                    <a:pt x="1952102" y="2394268"/>
                    <a:pt x="1817133" y="2468849"/>
                    <a:pt x="1770174" y="2464658"/>
                  </a:cubicBezTo>
                  <a:cubicBezTo>
                    <a:pt x="1750553" y="2463039"/>
                    <a:pt x="1735885" y="2423701"/>
                    <a:pt x="1723026" y="23890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3" name="Freeform: Shape 150">
              <a:extLst>
                <a:ext uri="{FF2B5EF4-FFF2-40B4-BE49-F238E27FC236}">
                  <a16:creationId xmlns:a16="http://schemas.microsoft.com/office/drawing/2014/main" id="{29794D13-DEB4-3A44-A13E-5B9A2C40D82C}"/>
                </a:ext>
              </a:extLst>
            </p:cNvPr>
            <p:cNvSpPr/>
            <p:nvPr/>
          </p:nvSpPr>
          <p:spPr>
            <a:xfrm>
              <a:off x="116622" y="584592"/>
              <a:ext cx="7034127" cy="6730988"/>
            </a:xfrm>
            <a:custGeom>
              <a:avLst/>
              <a:gdLst>
                <a:gd name="connsiteX0" fmla="*/ 2623625 w 7034127"/>
                <a:gd name="connsiteY0" fmla="*/ 6528488 h 6730988"/>
                <a:gd name="connsiteX1" fmla="*/ 2574666 w 7034127"/>
                <a:gd name="connsiteY1" fmla="*/ 6403615 h 6730988"/>
                <a:gd name="connsiteX2" fmla="*/ 2510277 w 7034127"/>
                <a:gd name="connsiteY2" fmla="*/ 6249120 h 6730988"/>
                <a:gd name="connsiteX3" fmla="*/ 2250054 w 7034127"/>
                <a:gd name="connsiteY3" fmla="*/ 5554366 h 6730988"/>
                <a:gd name="connsiteX4" fmla="*/ 2077271 w 7034127"/>
                <a:gd name="connsiteY4" fmla="*/ 4972388 h 6730988"/>
                <a:gd name="connsiteX5" fmla="*/ 1647598 w 7034127"/>
                <a:gd name="connsiteY5" fmla="*/ 4579482 h 6730988"/>
                <a:gd name="connsiteX6" fmla="*/ 1364991 w 7034127"/>
                <a:gd name="connsiteY6" fmla="*/ 4561480 h 6730988"/>
                <a:gd name="connsiteX7" fmla="*/ 1230213 w 7034127"/>
                <a:gd name="connsiteY7" fmla="*/ 4575101 h 6730988"/>
                <a:gd name="connsiteX8" fmla="*/ 1077812 w 7034127"/>
                <a:gd name="connsiteY8" fmla="*/ 4648920 h 6730988"/>
                <a:gd name="connsiteX9" fmla="*/ 969132 w 7034127"/>
                <a:gd name="connsiteY9" fmla="*/ 4715595 h 6730988"/>
                <a:gd name="connsiteX10" fmla="*/ 691955 w 7034127"/>
                <a:gd name="connsiteY10" fmla="*/ 4444989 h 6730988"/>
                <a:gd name="connsiteX11" fmla="*/ 666904 w 7034127"/>
                <a:gd name="connsiteY11" fmla="*/ 4405841 h 6730988"/>
                <a:gd name="connsiteX12" fmla="*/ 504979 w 7034127"/>
                <a:gd name="connsiteY12" fmla="*/ 4260871 h 6730988"/>
                <a:gd name="connsiteX13" fmla="*/ 282380 w 7034127"/>
                <a:gd name="connsiteY13" fmla="*/ 4071895 h 6730988"/>
                <a:gd name="connsiteX14" fmla="*/ 184082 w 7034127"/>
                <a:gd name="connsiteY14" fmla="*/ 3845009 h 6730988"/>
                <a:gd name="connsiteX15" fmla="*/ 91403 w 7034127"/>
                <a:gd name="connsiteY15" fmla="*/ 3547734 h 6730988"/>
                <a:gd name="connsiteX16" fmla="*/ 65019 w 7034127"/>
                <a:gd name="connsiteY16" fmla="*/ 2736014 h 6730988"/>
                <a:gd name="connsiteX17" fmla="*/ 331719 w 7034127"/>
                <a:gd name="connsiteY17" fmla="*/ 2502937 h 6730988"/>
                <a:gd name="connsiteX18" fmla="*/ 422588 w 7034127"/>
                <a:gd name="connsiteY18" fmla="*/ 2444263 h 6730988"/>
                <a:gd name="connsiteX19" fmla="*/ 579274 w 7034127"/>
                <a:gd name="connsiteY19" fmla="*/ 2373492 h 6730988"/>
                <a:gd name="connsiteX20" fmla="*/ 754153 w 7034127"/>
                <a:gd name="connsiteY20" fmla="*/ 2301007 h 6730988"/>
                <a:gd name="connsiteX21" fmla="*/ 899028 w 7034127"/>
                <a:gd name="connsiteY21" fmla="*/ 2135367 h 6730988"/>
                <a:gd name="connsiteX22" fmla="*/ 984086 w 7034127"/>
                <a:gd name="connsiteY22" fmla="*/ 2005541 h 6730988"/>
                <a:gd name="connsiteX23" fmla="*/ 1094100 w 7034127"/>
                <a:gd name="connsiteY23" fmla="*/ 1869334 h 6730988"/>
                <a:gd name="connsiteX24" fmla="*/ 1313747 w 7034127"/>
                <a:gd name="connsiteY24" fmla="*/ 1606158 h 6730988"/>
                <a:gd name="connsiteX25" fmla="*/ 1433571 w 7034127"/>
                <a:gd name="connsiteY25" fmla="*/ 1380606 h 6730988"/>
                <a:gd name="connsiteX26" fmla="*/ 1453669 w 7034127"/>
                <a:gd name="connsiteY26" fmla="*/ 1327552 h 6730988"/>
                <a:gd name="connsiteX27" fmla="*/ 1539394 w 7034127"/>
                <a:gd name="connsiteY27" fmla="*/ 824727 h 6730988"/>
                <a:gd name="connsiteX28" fmla="*/ 1541870 w 7034127"/>
                <a:gd name="connsiteY28" fmla="*/ 804820 h 6730988"/>
                <a:gd name="connsiteX29" fmla="*/ 1575113 w 7034127"/>
                <a:gd name="connsiteY29" fmla="*/ 689853 h 6730988"/>
                <a:gd name="connsiteX30" fmla="*/ 1604164 w 7034127"/>
                <a:gd name="connsiteY30" fmla="*/ 626798 h 6730988"/>
                <a:gd name="connsiteX31" fmla="*/ 1782948 w 7034127"/>
                <a:gd name="connsiteY31" fmla="*/ 386387 h 6730988"/>
                <a:gd name="connsiteX32" fmla="*/ 1981354 w 7034127"/>
                <a:gd name="connsiteY32" fmla="*/ 311139 h 6730988"/>
                <a:gd name="connsiteX33" fmla="*/ 2154423 w 7034127"/>
                <a:gd name="connsiteY33" fmla="*/ 330189 h 6730988"/>
                <a:gd name="connsiteX34" fmla="*/ 2310919 w 7034127"/>
                <a:gd name="connsiteY34" fmla="*/ 207412 h 6730988"/>
                <a:gd name="connsiteX35" fmla="*/ 2313491 w 7034127"/>
                <a:gd name="connsiteY35" fmla="*/ 204649 h 6730988"/>
                <a:gd name="connsiteX36" fmla="*/ 2353210 w 7034127"/>
                <a:gd name="connsiteY36" fmla="*/ 157024 h 6730988"/>
                <a:gd name="connsiteX37" fmla="*/ 2499514 w 7034127"/>
                <a:gd name="connsiteY37" fmla="*/ 9958 h 6730988"/>
                <a:gd name="connsiteX38" fmla="*/ 2546282 w 7034127"/>
                <a:gd name="connsiteY38" fmla="*/ 4624 h 6730988"/>
                <a:gd name="connsiteX39" fmla="*/ 2568761 w 7034127"/>
                <a:gd name="connsiteY39" fmla="*/ 185599 h 6730988"/>
                <a:gd name="connsiteX40" fmla="*/ 2565618 w 7034127"/>
                <a:gd name="connsiteY40" fmla="*/ 255037 h 6730988"/>
                <a:gd name="connsiteX41" fmla="*/ 2490560 w 7034127"/>
                <a:gd name="connsiteY41" fmla="*/ 670041 h 6730988"/>
                <a:gd name="connsiteX42" fmla="*/ 2544472 w 7034127"/>
                <a:gd name="connsiteY42" fmla="*/ 1010655 h 6730988"/>
                <a:gd name="connsiteX43" fmla="*/ 2545805 w 7034127"/>
                <a:gd name="connsiteY43" fmla="*/ 1013798 h 6730988"/>
                <a:gd name="connsiteX44" fmla="*/ 2608861 w 7034127"/>
                <a:gd name="connsiteY44" fmla="*/ 1298215 h 6730988"/>
                <a:gd name="connsiteX45" fmla="*/ 2635912 w 7034127"/>
                <a:gd name="connsiteY45" fmla="*/ 1452901 h 6730988"/>
                <a:gd name="connsiteX46" fmla="*/ 2837461 w 7034127"/>
                <a:gd name="connsiteY46" fmla="*/ 1662451 h 6730988"/>
                <a:gd name="connsiteX47" fmla="*/ 2898040 w 7034127"/>
                <a:gd name="connsiteY47" fmla="*/ 1707504 h 6730988"/>
                <a:gd name="connsiteX48" fmla="*/ 3172931 w 7034127"/>
                <a:gd name="connsiteY48" fmla="*/ 1780751 h 6730988"/>
                <a:gd name="connsiteX49" fmla="*/ 3273801 w 7034127"/>
                <a:gd name="connsiteY49" fmla="*/ 1749986 h 6730988"/>
                <a:gd name="connsiteX50" fmla="*/ 3334380 w 7034127"/>
                <a:gd name="connsiteY50" fmla="*/ 1716172 h 6730988"/>
                <a:gd name="connsiteX51" fmla="*/ 3650896 w 7034127"/>
                <a:gd name="connsiteY51" fmla="*/ 1657212 h 6730988"/>
                <a:gd name="connsiteX52" fmla="*/ 4022371 w 7034127"/>
                <a:gd name="connsiteY52" fmla="*/ 1447091 h 6730988"/>
                <a:gd name="connsiteX53" fmla="*/ 4447186 w 7034127"/>
                <a:gd name="connsiteY53" fmla="*/ 1187534 h 6730988"/>
                <a:gd name="connsiteX54" fmla="*/ 4630733 w 7034127"/>
                <a:gd name="connsiteY54" fmla="*/ 1278117 h 6730988"/>
                <a:gd name="connsiteX55" fmla="*/ 4667690 w 7034127"/>
                <a:gd name="connsiteY55" fmla="*/ 1293643 h 6730988"/>
                <a:gd name="connsiteX56" fmla="*/ 4756939 w 7034127"/>
                <a:gd name="connsiteY56" fmla="*/ 1319932 h 6730988"/>
                <a:gd name="connsiteX57" fmla="*/ 4922103 w 7034127"/>
                <a:gd name="connsiteY57" fmla="*/ 1542341 h 6730988"/>
                <a:gd name="connsiteX58" fmla="*/ 5025925 w 7034127"/>
                <a:gd name="connsiteY58" fmla="*/ 1690073 h 6730988"/>
                <a:gd name="connsiteX59" fmla="*/ 5226903 w 7034127"/>
                <a:gd name="connsiteY59" fmla="*/ 1829424 h 6730988"/>
                <a:gd name="connsiteX60" fmla="*/ 5391971 w 7034127"/>
                <a:gd name="connsiteY60" fmla="*/ 1937819 h 6730988"/>
                <a:gd name="connsiteX61" fmla="*/ 5791259 w 7034127"/>
                <a:gd name="connsiteY61" fmla="*/ 2193851 h 6730988"/>
                <a:gd name="connsiteX62" fmla="*/ 6124634 w 7034127"/>
                <a:gd name="connsiteY62" fmla="*/ 2564373 h 6730988"/>
                <a:gd name="connsiteX63" fmla="*/ 6244839 w 7034127"/>
                <a:gd name="connsiteY63" fmla="*/ 2697723 h 6730988"/>
                <a:gd name="connsiteX64" fmla="*/ 6316563 w 7034127"/>
                <a:gd name="connsiteY64" fmla="*/ 2759064 h 6730988"/>
                <a:gd name="connsiteX65" fmla="*/ 6602313 w 7034127"/>
                <a:gd name="connsiteY65" fmla="*/ 2952612 h 6730988"/>
                <a:gd name="connsiteX66" fmla="*/ 6792241 w 7034127"/>
                <a:gd name="connsiteY66" fmla="*/ 3169115 h 6730988"/>
                <a:gd name="connsiteX67" fmla="*/ 6813863 w 7034127"/>
                <a:gd name="connsiteY67" fmla="*/ 3653366 h 6730988"/>
                <a:gd name="connsiteX68" fmla="*/ 6800433 w 7034127"/>
                <a:gd name="connsiteY68" fmla="*/ 3918066 h 6730988"/>
                <a:gd name="connsiteX69" fmla="*/ 6788145 w 7034127"/>
                <a:gd name="connsiteY69" fmla="*/ 4189719 h 6730988"/>
                <a:gd name="connsiteX70" fmla="*/ 6780716 w 7034127"/>
                <a:gd name="connsiteY70" fmla="*/ 4592055 h 6730988"/>
                <a:gd name="connsiteX71" fmla="*/ 6782526 w 7034127"/>
                <a:gd name="connsiteY71" fmla="*/ 4679971 h 6730988"/>
                <a:gd name="connsiteX72" fmla="*/ 6771096 w 7034127"/>
                <a:gd name="connsiteY72" fmla="*/ 5086213 h 6730988"/>
                <a:gd name="connsiteX73" fmla="*/ 6778335 w 7034127"/>
                <a:gd name="connsiteY73" fmla="*/ 5234897 h 6730988"/>
                <a:gd name="connsiteX74" fmla="*/ 6793860 w 7034127"/>
                <a:gd name="connsiteY74" fmla="*/ 5328147 h 6730988"/>
                <a:gd name="connsiteX75" fmla="*/ 6821197 w 7034127"/>
                <a:gd name="connsiteY75" fmla="*/ 5794872 h 6730988"/>
                <a:gd name="connsiteX76" fmla="*/ 6945689 w 7034127"/>
                <a:gd name="connsiteY76" fmla="*/ 6066620 h 6730988"/>
                <a:gd name="connsiteX77" fmla="*/ 7009221 w 7034127"/>
                <a:gd name="connsiteY77" fmla="*/ 6180253 h 6730988"/>
                <a:gd name="connsiteX78" fmla="*/ 7011506 w 7034127"/>
                <a:gd name="connsiteY78" fmla="*/ 6543823 h 6730988"/>
                <a:gd name="connsiteX79" fmla="*/ 6862250 w 7034127"/>
                <a:gd name="connsiteY79" fmla="*/ 6694127 h 6730988"/>
                <a:gd name="connsiteX80" fmla="*/ 6816530 w 7034127"/>
                <a:gd name="connsiteY80" fmla="*/ 6730989 h 6730988"/>
                <a:gd name="connsiteX81" fmla="*/ 6772429 w 7034127"/>
                <a:gd name="connsiteY81" fmla="*/ 6730989 h 6730988"/>
                <a:gd name="connsiteX82" fmla="*/ 6844438 w 7034127"/>
                <a:gd name="connsiteY82" fmla="*/ 6671744 h 6730988"/>
                <a:gd name="connsiteX83" fmla="*/ 6985503 w 7034127"/>
                <a:gd name="connsiteY83" fmla="*/ 6532107 h 6730988"/>
                <a:gd name="connsiteX84" fmla="*/ 6982075 w 7034127"/>
                <a:gd name="connsiteY84" fmla="*/ 6189207 h 6730988"/>
                <a:gd name="connsiteX85" fmla="*/ 6921400 w 7034127"/>
                <a:gd name="connsiteY85" fmla="*/ 6081670 h 6730988"/>
                <a:gd name="connsiteX86" fmla="*/ 6792622 w 7034127"/>
                <a:gd name="connsiteY86" fmla="*/ 5794777 h 6730988"/>
                <a:gd name="connsiteX87" fmla="*/ 6765571 w 7034127"/>
                <a:gd name="connsiteY87" fmla="*/ 5332148 h 6730988"/>
                <a:gd name="connsiteX88" fmla="*/ 6750236 w 7034127"/>
                <a:gd name="connsiteY88" fmla="*/ 5240517 h 6730988"/>
                <a:gd name="connsiteX89" fmla="*/ 6742616 w 7034127"/>
                <a:gd name="connsiteY89" fmla="*/ 5084022 h 6730988"/>
                <a:gd name="connsiteX90" fmla="*/ 6753951 w 7034127"/>
                <a:gd name="connsiteY90" fmla="*/ 4680638 h 6730988"/>
                <a:gd name="connsiteX91" fmla="*/ 6752141 w 7034127"/>
                <a:gd name="connsiteY91" fmla="*/ 4592913 h 6730988"/>
                <a:gd name="connsiteX92" fmla="*/ 6759856 w 7034127"/>
                <a:gd name="connsiteY92" fmla="*/ 4186576 h 6730988"/>
                <a:gd name="connsiteX93" fmla="*/ 6771858 w 7034127"/>
                <a:gd name="connsiteY93" fmla="*/ 3917685 h 6730988"/>
                <a:gd name="connsiteX94" fmla="*/ 6785669 w 7034127"/>
                <a:gd name="connsiteY94" fmla="*/ 3648985 h 6730988"/>
                <a:gd name="connsiteX95" fmla="*/ 6767191 w 7034127"/>
                <a:gd name="connsiteY95" fmla="*/ 3183022 h 6730988"/>
                <a:gd name="connsiteX96" fmla="*/ 6588215 w 7034127"/>
                <a:gd name="connsiteY96" fmla="*/ 2977663 h 6730988"/>
                <a:gd name="connsiteX97" fmla="*/ 6296084 w 7034127"/>
                <a:gd name="connsiteY97" fmla="*/ 2779067 h 6730988"/>
                <a:gd name="connsiteX98" fmla="*/ 6227028 w 7034127"/>
                <a:gd name="connsiteY98" fmla="*/ 2720583 h 6730988"/>
                <a:gd name="connsiteX99" fmla="*/ 6098631 w 7034127"/>
                <a:gd name="connsiteY99" fmla="*/ 2577708 h 6730988"/>
                <a:gd name="connsiteX100" fmla="*/ 5777067 w 7034127"/>
                <a:gd name="connsiteY100" fmla="*/ 2219568 h 6730988"/>
                <a:gd name="connsiteX101" fmla="*/ 5372730 w 7034127"/>
                <a:gd name="connsiteY101" fmla="*/ 1960012 h 6730988"/>
                <a:gd name="connsiteX102" fmla="*/ 5211948 w 7034127"/>
                <a:gd name="connsiteY102" fmla="*/ 1854665 h 6730988"/>
                <a:gd name="connsiteX103" fmla="*/ 5003732 w 7034127"/>
                <a:gd name="connsiteY103" fmla="*/ 1709123 h 6730988"/>
                <a:gd name="connsiteX104" fmla="*/ 4898004 w 7034127"/>
                <a:gd name="connsiteY104" fmla="*/ 1558819 h 6730988"/>
                <a:gd name="connsiteX105" fmla="*/ 4737794 w 7034127"/>
                <a:gd name="connsiteY105" fmla="*/ 1342030 h 6730988"/>
                <a:gd name="connsiteX106" fmla="*/ 4691217 w 7034127"/>
                <a:gd name="connsiteY106" fmla="*/ 1320313 h 6730988"/>
                <a:gd name="connsiteX107" fmla="*/ 4672643 w 7034127"/>
                <a:gd name="connsiteY107" fmla="*/ 1322504 h 6730988"/>
                <a:gd name="connsiteX108" fmla="*/ 4606539 w 7034127"/>
                <a:gd name="connsiteY108" fmla="*/ 1293929 h 6730988"/>
                <a:gd name="connsiteX109" fmla="*/ 4458330 w 7034127"/>
                <a:gd name="connsiteY109" fmla="*/ 1214109 h 6730988"/>
                <a:gd name="connsiteX110" fmla="*/ 4039230 w 7034127"/>
                <a:gd name="connsiteY110" fmla="*/ 1470141 h 6730988"/>
                <a:gd name="connsiteX111" fmla="*/ 3650134 w 7034127"/>
                <a:gd name="connsiteY111" fmla="*/ 1686168 h 6730988"/>
                <a:gd name="connsiteX112" fmla="*/ 3346191 w 7034127"/>
                <a:gd name="connsiteY112" fmla="*/ 1742270 h 6730988"/>
                <a:gd name="connsiteX113" fmla="*/ 3287994 w 7034127"/>
                <a:gd name="connsiteY113" fmla="*/ 1774751 h 6730988"/>
                <a:gd name="connsiteX114" fmla="*/ 3172931 w 7034127"/>
                <a:gd name="connsiteY114" fmla="*/ 1809707 h 6730988"/>
                <a:gd name="connsiteX115" fmla="*/ 2878800 w 7034127"/>
                <a:gd name="connsiteY115" fmla="*/ 1729697 h 6730988"/>
                <a:gd name="connsiteX116" fmla="*/ 2820126 w 7034127"/>
                <a:gd name="connsiteY116" fmla="*/ 1686168 h 6730988"/>
                <a:gd name="connsiteX117" fmla="*/ 2607432 w 7034127"/>
                <a:gd name="connsiteY117" fmla="*/ 1460045 h 6730988"/>
                <a:gd name="connsiteX118" fmla="*/ 2579905 w 7034127"/>
                <a:gd name="connsiteY118" fmla="*/ 1302882 h 6730988"/>
                <a:gd name="connsiteX119" fmla="*/ 2518850 w 7034127"/>
                <a:gd name="connsiteY119" fmla="*/ 1025609 h 6730988"/>
                <a:gd name="connsiteX120" fmla="*/ 2517516 w 7034127"/>
                <a:gd name="connsiteY120" fmla="*/ 1022561 h 6730988"/>
                <a:gd name="connsiteX121" fmla="*/ 2462557 w 7034127"/>
                <a:gd name="connsiteY121" fmla="*/ 661945 h 6730988"/>
                <a:gd name="connsiteX122" fmla="*/ 2536280 w 7034127"/>
                <a:gd name="connsiteY122" fmla="*/ 254465 h 6730988"/>
                <a:gd name="connsiteX123" fmla="*/ 2539424 w 7034127"/>
                <a:gd name="connsiteY123" fmla="*/ 184456 h 6730988"/>
                <a:gd name="connsiteX124" fmla="*/ 2530851 w 7034127"/>
                <a:gd name="connsiteY124" fmla="*/ 29675 h 6730988"/>
                <a:gd name="connsiteX125" fmla="*/ 2513611 w 7034127"/>
                <a:gd name="connsiteY125" fmla="*/ 34914 h 6730988"/>
                <a:gd name="connsiteX126" fmla="*/ 2374546 w 7034127"/>
                <a:gd name="connsiteY126" fmla="*/ 175598 h 6730988"/>
                <a:gd name="connsiteX127" fmla="*/ 2333684 w 7034127"/>
                <a:gd name="connsiteY127" fmla="*/ 224176 h 6730988"/>
                <a:gd name="connsiteX128" fmla="*/ 2331112 w 7034127"/>
                <a:gd name="connsiteY128" fmla="*/ 226938 h 6730988"/>
                <a:gd name="connsiteX129" fmla="*/ 2158328 w 7034127"/>
                <a:gd name="connsiteY129" fmla="*/ 358383 h 6730988"/>
                <a:gd name="connsiteX130" fmla="*/ 1973924 w 7034127"/>
                <a:gd name="connsiteY130" fmla="*/ 339333 h 6730988"/>
                <a:gd name="connsiteX131" fmla="*/ 1800569 w 7034127"/>
                <a:gd name="connsiteY131" fmla="*/ 408961 h 6730988"/>
                <a:gd name="connsiteX132" fmla="*/ 1630453 w 7034127"/>
                <a:gd name="connsiteY132" fmla="*/ 637561 h 6730988"/>
                <a:gd name="connsiteX133" fmla="*/ 1599782 w 7034127"/>
                <a:gd name="connsiteY133" fmla="*/ 704236 h 6730988"/>
                <a:gd name="connsiteX134" fmla="*/ 1569779 w 7034127"/>
                <a:gd name="connsiteY134" fmla="*/ 809011 h 6730988"/>
                <a:gd name="connsiteX135" fmla="*/ 1567302 w 7034127"/>
                <a:gd name="connsiteY135" fmla="*/ 829013 h 6730988"/>
                <a:gd name="connsiteX136" fmla="*/ 1480148 w 7034127"/>
                <a:gd name="connsiteY136" fmla="*/ 1338791 h 6730988"/>
                <a:gd name="connsiteX137" fmla="*/ 1460241 w 7034127"/>
                <a:gd name="connsiteY137" fmla="*/ 1391369 h 6730988"/>
                <a:gd name="connsiteX138" fmla="*/ 1334130 w 7034127"/>
                <a:gd name="connsiteY138" fmla="*/ 1626922 h 6730988"/>
                <a:gd name="connsiteX139" fmla="*/ 1116293 w 7034127"/>
                <a:gd name="connsiteY139" fmla="*/ 1887907 h 6730988"/>
                <a:gd name="connsiteX140" fmla="*/ 1005994 w 7034127"/>
                <a:gd name="connsiteY140" fmla="*/ 2024496 h 6730988"/>
                <a:gd name="connsiteX141" fmla="*/ 923984 w 7034127"/>
                <a:gd name="connsiteY141" fmla="*/ 2149083 h 6730988"/>
                <a:gd name="connsiteX142" fmla="*/ 769774 w 7034127"/>
                <a:gd name="connsiteY142" fmla="*/ 2324724 h 6730988"/>
                <a:gd name="connsiteX143" fmla="*/ 587561 w 7034127"/>
                <a:gd name="connsiteY143" fmla="*/ 2400924 h 6730988"/>
                <a:gd name="connsiteX144" fmla="*/ 442114 w 7034127"/>
                <a:gd name="connsiteY144" fmla="*/ 2465218 h 6730988"/>
                <a:gd name="connsiteX145" fmla="*/ 345721 w 7034127"/>
                <a:gd name="connsiteY145" fmla="*/ 2527892 h 6730988"/>
                <a:gd name="connsiteX146" fmla="*/ 90260 w 7034127"/>
                <a:gd name="connsiteY146" fmla="*/ 2749158 h 6730988"/>
                <a:gd name="connsiteX147" fmla="*/ 116835 w 7034127"/>
                <a:gd name="connsiteY147" fmla="*/ 3534494 h 6730988"/>
                <a:gd name="connsiteX148" fmla="*/ 212085 w 7034127"/>
                <a:gd name="connsiteY148" fmla="*/ 3840723 h 6730988"/>
                <a:gd name="connsiteX149" fmla="*/ 303144 w 7034127"/>
                <a:gd name="connsiteY149" fmla="*/ 4052273 h 6730988"/>
                <a:gd name="connsiteX150" fmla="*/ 521552 w 7034127"/>
                <a:gd name="connsiteY150" fmla="*/ 4237535 h 6730988"/>
                <a:gd name="connsiteX151" fmla="*/ 690907 w 7034127"/>
                <a:gd name="connsiteY151" fmla="*/ 4389935 h 6730988"/>
                <a:gd name="connsiteX152" fmla="*/ 716148 w 7034127"/>
                <a:gd name="connsiteY152" fmla="*/ 4429368 h 6730988"/>
                <a:gd name="connsiteX153" fmla="*/ 963798 w 7034127"/>
                <a:gd name="connsiteY153" fmla="*/ 4687305 h 6730988"/>
                <a:gd name="connsiteX154" fmla="*/ 1059048 w 7034127"/>
                <a:gd name="connsiteY154" fmla="*/ 4627488 h 6730988"/>
                <a:gd name="connsiteX155" fmla="*/ 1230498 w 7034127"/>
                <a:gd name="connsiteY155" fmla="*/ 4546431 h 6730988"/>
                <a:gd name="connsiteX156" fmla="*/ 1361086 w 7034127"/>
                <a:gd name="connsiteY156" fmla="*/ 4533191 h 6730988"/>
                <a:gd name="connsiteX157" fmla="*/ 1662552 w 7034127"/>
                <a:gd name="connsiteY157" fmla="*/ 4554908 h 6730988"/>
                <a:gd name="connsiteX158" fmla="*/ 2103750 w 7034127"/>
                <a:gd name="connsiteY158" fmla="*/ 4960959 h 6730988"/>
                <a:gd name="connsiteX159" fmla="*/ 2278439 w 7034127"/>
                <a:gd name="connsiteY159" fmla="*/ 5548746 h 6730988"/>
                <a:gd name="connsiteX160" fmla="*/ 2533042 w 7034127"/>
                <a:gd name="connsiteY160" fmla="*/ 6231498 h 6730988"/>
                <a:gd name="connsiteX161" fmla="*/ 2602575 w 7034127"/>
                <a:gd name="connsiteY161" fmla="*/ 6396186 h 6730988"/>
                <a:gd name="connsiteX162" fmla="*/ 2646961 w 7034127"/>
                <a:gd name="connsiteY162" fmla="*/ 6511438 h 6730988"/>
                <a:gd name="connsiteX163" fmla="*/ 2698682 w 7034127"/>
                <a:gd name="connsiteY163" fmla="*/ 6592686 h 6730988"/>
                <a:gd name="connsiteX164" fmla="*/ 2787645 w 7034127"/>
                <a:gd name="connsiteY164" fmla="*/ 6730608 h 6730988"/>
                <a:gd name="connsiteX165" fmla="*/ 2752403 w 7034127"/>
                <a:gd name="connsiteY165" fmla="*/ 6730608 h 6730988"/>
                <a:gd name="connsiteX166" fmla="*/ 2673631 w 7034127"/>
                <a:gd name="connsiteY166" fmla="*/ 6606783 h 6730988"/>
                <a:gd name="connsiteX167" fmla="*/ 2623625 w 7034127"/>
                <a:gd name="connsiteY167" fmla="*/ 6528488 h 6730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Lst>
              <a:rect l="l" t="t" r="r" b="b"/>
              <a:pathLst>
                <a:path w="7034127" h="6730988">
                  <a:moveTo>
                    <a:pt x="2623625" y="6528488"/>
                  </a:moveTo>
                  <a:cubicBezTo>
                    <a:pt x="2598955" y="6494864"/>
                    <a:pt x="2587144" y="6450478"/>
                    <a:pt x="2574666" y="6403615"/>
                  </a:cubicBezTo>
                  <a:cubicBezTo>
                    <a:pt x="2560284" y="6349894"/>
                    <a:pt x="2545520" y="6294363"/>
                    <a:pt x="2510277" y="6249120"/>
                  </a:cubicBezTo>
                  <a:cubicBezTo>
                    <a:pt x="2461319" y="6186350"/>
                    <a:pt x="2316920" y="5897266"/>
                    <a:pt x="2250054" y="5554366"/>
                  </a:cubicBezTo>
                  <a:cubicBezTo>
                    <a:pt x="2210240" y="5349674"/>
                    <a:pt x="2144041" y="5126693"/>
                    <a:pt x="2077271" y="4972388"/>
                  </a:cubicBezTo>
                  <a:cubicBezTo>
                    <a:pt x="2019549" y="4839038"/>
                    <a:pt x="1788663" y="4664255"/>
                    <a:pt x="1647598" y="4579482"/>
                  </a:cubicBezTo>
                  <a:cubicBezTo>
                    <a:pt x="1568159" y="4531857"/>
                    <a:pt x="1464813" y="4546811"/>
                    <a:pt x="1364991" y="4561480"/>
                  </a:cubicBezTo>
                  <a:cubicBezTo>
                    <a:pt x="1320448" y="4569236"/>
                    <a:pt x="1275406" y="4573787"/>
                    <a:pt x="1230213" y="4575101"/>
                  </a:cubicBezTo>
                  <a:cubicBezTo>
                    <a:pt x="1160775" y="4575101"/>
                    <a:pt x="1118675" y="4612629"/>
                    <a:pt x="1077812" y="4648920"/>
                  </a:cubicBezTo>
                  <a:cubicBezTo>
                    <a:pt x="1046094" y="4677495"/>
                    <a:pt x="1013233" y="4706070"/>
                    <a:pt x="969132" y="4715595"/>
                  </a:cubicBezTo>
                  <a:cubicBezTo>
                    <a:pt x="875787" y="4734645"/>
                    <a:pt x="769107" y="4567195"/>
                    <a:pt x="691955" y="4444989"/>
                  </a:cubicBezTo>
                  <a:cubicBezTo>
                    <a:pt x="683001" y="4430892"/>
                    <a:pt x="674619" y="4417652"/>
                    <a:pt x="666904" y="4405841"/>
                  </a:cubicBezTo>
                  <a:cubicBezTo>
                    <a:pt x="633757" y="4354788"/>
                    <a:pt x="573940" y="4311258"/>
                    <a:pt x="504979" y="4260871"/>
                  </a:cubicBezTo>
                  <a:cubicBezTo>
                    <a:pt x="436018" y="4210484"/>
                    <a:pt x="355627" y="4152190"/>
                    <a:pt x="282380" y="4071895"/>
                  </a:cubicBezTo>
                  <a:cubicBezTo>
                    <a:pt x="203894" y="3986170"/>
                    <a:pt x="195131" y="3923686"/>
                    <a:pt x="184082" y="3845009"/>
                  </a:cubicBezTo>
                  <a:cubicBezTo>
                    <a:pt x="174080" y="3774143"/>
                    <a:pt x="161698" y="3685942"/>
                    <a:pt x="91403" y="3547734"/>
                  </a:cubicBezTo>
                  <a:cubicBezTo>
                    <a:pt x="-56329" y="3257412"/>
                    <a:pt x="5678" y="2847170"/>
                    <a:pt x="65019" y="2736014"/>
                  </a:cubicBezTo>
                  <a:cubicBezTo>
                    <a:pt x="127313" y="2618761"/>
                    <a:pt x="245423" y="2551800"/>
                    <a:pt x="331719" y="2502937"/>
                  </a:cubicBezTo>
                  <a:cubicBezTo>
                    <a:pt x="369819" y="2481029"/>
                    <a:pt x="403633" y="2462074"/>
                    <a:pt x="422588" y="2444263"/>
                  </a:cubicBezTo>
                  <a:cubicBezTo>
                    <a:pt x="457735" y="2411116"/>
                    <a:pt x="516695" y="2392828"/>
                    <a:pt x="579274" y="2373492"/>
                  </a:cubicBezTo>
                  <a:cubicBezTo>
                    <a:pt x="639758" y="2354442"/>
                    <a:pt x="702337" y="2335392"/>
                    <a:pt x="754153" y="2301007"/>
                  </a:cubicBezTo>
                  <a:cubicBezTo>
                    <a:pt x="838640" y="2245095"/>
                    <a:pt x="865310" y="2196708"/>
                    <a:pt x="899028" y="2135367"/>
                  </a:cubicBezTo>
                  <a:cubicBezTo>
                    <a:pt x="923000" y="2089375"/>
                    <a:pt x="951494" y="2045885"/>
                    <a:pt x="984086" y="2005541"/>
                  </a:cubicBezTo>
                  <a:cubicBezTo>
                    <a:pt x="1017233" y="1965251"/>
                    <a:pt x="1054571" y="1918673"/>
                    <a:pt x="1094100" y="1869334"/>
                  </a:cubicBezTo>
                  <a:cubicBezTo>
                    <a:pt x="1177444" y="1765226"/>
                    <a:pt x="1263645" y="1657498"/>
                    <a:pt x="1313747" y="1606158"/>
                  </a:cubicBezTo>
                  <a:cubicBezTo>
                    <a:pt x="1371373" y="1547294"/>
                    <a:pt x="1402996" y="1462521"/>
                    <a:pt x="1433571" y="1380606"/>
                  </a:cubicBezTo>
                  <a:cubicBezTo>
                    <a:pt x="1440334" y="1362413"/>
                    <a:pt x="1446906" y="1344601"/>
                    <a:pt x="1453669" y="1327552"/>
                  </a:cubicBezTo>
                  <a:cubicBezTo>
                    <a:pt x="1488149" y="1240874"/>
                    <a:pt x="1525106" y="938551"/>
                    <a:pt x="1539394" y="824727"/>
                  </a:cubicBezTo>
                  <a:lnTo>
                    <a:pt x="1541870" y="804820"/>
                  </a:lnTo>
                  <a:cubicBezTo>
                    <a:pt x="1550348" y="735763"/>
                    <a:pt x="1560920" y="716523"/>
                    <a:pt x="1575113" y="689853"/>
                  </a:cubicBezTo>
                  <a:cubicBezTo>
                    <a:pt x="1586420" y="669621"/>
                    <a:pt x="1596133" y="648539"/>
                    <a:pt x="1604164" y="626798"/>
                  </a:cubicBezTo>
                  <a:cubicBezTo>
                    <a:pt x="1635692" y="543073"/>
                    <a:pt x="1676554" y="473635"/>
                    <a:pt x="1782948" y="386387"/>
                  </a:cubicBezTo>
                  <a:cubicBezTo>
                    <a:pt x="1883246" y="304091"/>
                    <a:pt x="1923537" y="296756"/>
                    <a:pt x="1981354" y="311139"/>
                  </a:cubicBezTo>
                  <a:cubicBezTo>
                    <a:pt x="2029931" y="323141"/>
                    <a:pt x="2100702" y="338285"/>
                    <a:pt x="2154423" y="330189"/>
                  </a:cubicBezTo>
                  <a:cubicBezTo>
                    <a:pt x="2204144" y="322664"/>
                    <a:pt x="2271009" y="250465"/>
                    <a:pt x="2310919" y="207412"/>
                  </a:cubicBezTo>
                  <a:lnTo>
                    <a:pt x="2313491" y="204649"/>
                  </a:lnTo>
                  <a:cubicBezTo>
                    <a:pt x="2324540" y="192743"/>
                    <a:pt x="2337779" y="176074"/>
                    <a:pt x="2353210" y="157024"/>
                  </a:cubicBezTo>
                  <a:cubicBezTo>
                    <a:pt x="2394834" y="105875"/>
                    <a:pt x="2446650" y="42153"/>
                    <a:pt x="2499514" y="9958"/>
                  </a:cubicBezTo>
                  <a:cubicBezTo>
                    <a:pt x="2517802" y="-1186"/>
                    <a:pt x="2533613" y="-2996"/>
                    <a:pt x="2546282" y="4624"/>
                  </a:cubicBezTo>
                  <a:cubicBezTo>
                    <a:pt x="2575904" y="22341"/>
                    <a:pt x="2574285" y="81777"/>
                    <a:pt x="2568761" y="185599"/>
                  </a:cubicBezTo>
                  <a:cubicBezTo>
                    <a:pt x="2567522" y="208269"/>
                    <a:pt x="2566284" y="231700"/>
                    <a:pt x="2565618" y="255037"/>
                  </a:cubicBezTo>
                  <a:cubicBezTo>
                    <a:pt x="2561617" y="382291"/>
                    <a:pt x="2536376" y="521737"/>
                    <a:pt x="2490560" y="670041"/>
                  </a:cubicBezTo>
                  <a:cubicBezTo>
                    <a:pt x="2451032" y="797962"/>
                    <a:pt x="2496466" y="901308"/>
                    <a:pt x="2544472" y="1010655"/>
                  </a:cubicBezTo>
                  <a:lnTo>
                    <a:pt x="2545805" y="1013798"/>
                  </a:lnTo>
                  <a:cubicBezTo>
                    <a:pt x="2577238" y="1085331"/>
                    <a:pt x="2594002" y="1198488"/>
                    <a:pt x="2608861" y="1298215"/>
                  </a:cubicBezTo>
                  <a:cubicBezTo>
                    <a:pt x="2617529" y="1356698"/>
                    <a:pt x="2625816" y="1411848"/>
                    <a:pt x="2635912" y="1452901"/>
                  </a:cubicBezTo>
                  <a:cubicBezTo>
                    <a:pt x="2655914" y="1534149"/>
                    <a:pt x="2760785" y="1608349"/>
                    <a:pt x="2837461" y="1662451"/>
                  </a:cubicBezTo>
                  <a:cubicBezTo>
                    <a:pt x="2861750" y="1679691"/>
                    <a:pt x="2882800" y="1694550"/>
                    <a:pt x="2898040" y="1707504"/>
                  </a:cubicBezTo>
                  <a:cubicBezTo>
                    <a:pt x="2955190" y="1755701"/>
                    <a:pt x="3084825" y="1783228"/>
                    <a:pt x="3172931" y="1780751"/>
                  </a:cubicBezTo>
                  <a:cubicBezTo>
                    <a:pt x="3225795" y="1779418"/>
                    <a:pt x="3241893" y="1769607"/>
                    <a:pt x="3273801" y="1749986"/>
                  </a:cubicBezTo>
                  <a:cubicBezTo>
                    <a:pt x="3293399" y="1737679"/>
                    <a:pt x="3313619" y="1726393"/>
                    <a:pt x="3334380" y="1716172"/>
                  </a:cubicBezTo>
                  <a:cubicBezTo>
                    <a:pt x="3423534" y="1672642"/>
                    <a:pt x="3560599" y="1657212"/>
                    <a:pt x="3650896" y="1657212"/>
                  </a:cubicBezTo>
                  <a:cubicBezTo>
                    <a:pt x="3748242" y="1657212"/>
                    <a:pt x="3954744" y="1499002"/>
                    <a:pt x="4022371" y="1447091"/>
                  </a:cubicBezTo>
                  <a:cubicBezTo>
                    <a:pt x="4126289" y="1367462"/>
                    <a:pt x="4391655" y="1211442"/>
                    <a:pt x="4447186" y="1187534"/>
                  </a:cubicBezTo>
                  <a:cubicBezTo>
                    <a:pt x="4508337" y="1161150"/>
                    <a:pt x="4588537" y="1212776"/>
                    <a:pt x="4630733" y="1278117"/>
                  </a:cubicBezTo>
                  <a:cubicBezTo>
                    <a:pt x="4643687" y="1298024"/>
                    <a:pt x="4649783" y="1297167"/>
                    <a:pt x="4667690" y="1293643"/>
                  </a:cubicBezTo>
                  <a:cubicBezTo>
                    <a:pt x="4688645" y="1289833"/>
                    <a:pt x="4717220" y="1284594"/>
                    <a:pt x="4756939" y="1319932"/>
                  </a:cubicBezTo>
                  <a:cubicBezTo>
                    <a:pt x="4796659" y="1355270"/>
                    <a:pt x="4860857" y="1450901"/>
                    <a:pt x="4922103" y="1542341"/>
                  </a:cubicBezTo>
                  <a:cubicBezTo>
                    <a:pt x="4962584" y="1602920"/>
                    <a:pt x="5000684" y="1660165"/>
                    <a:pt x="5025925" y="1690073"/>
                  </a:cubicBezTo>
                  <a:cubicBezTo>
                    <a:pt x="5059739" y="1730078"/>
                    <a:pt x="5144702" y="1780656"/>
                    <a:pt x="5226903" y="1829424"/>
                  </a:cubicBezTo>
                  <a:cubicBezTo>
                    <a:pt x="5293578" y="1868857"/>
                    <a:pt x="5355871" y="1906100"/>
                    <a:pt x="5391971" y="1937819"/>
                  </a:cubicBezTo>
                  <a:cubicBezTo>
                    <a:pt x="5467028" y="2003731"/>
                    <a:pt x="5674578" y="2129557"/>
                    <a:pt x="5791259" y="2193851"/>
                  </a:cubicBezTo>
                  <a:cubicBezTo>
                    <a:pt x="5896034" y="2251572"/>
                    <a:pt x="6070627" y="2454740"/>
                    <a:pt x="6124634" y="2564373"/>
                  </a:cubicBezTo>
                  <a:cubicBezTo>
                    <a:pt x="6157019" y="2630096"/>
                    <a:pt x="6199691" y="2662862"/>
                    <a:pt x="6244839" y="2697723"/>
                  </a:cubicBezTo>
                  <a:cubicBezTo>
                    <a:pt x="6270269" y="2716320"/>
                    <a:pt x="6294246" y="2736826"/>
                    <a:pt x="6316563" y="2759064"/>
                  </a:cubicBezTo>
                  <a:cubicBezTo>
                    <a:pt x="6347138" y="2790687"/>
                    <a:pt x="6421338" y="2850028"/>
                    <a:pt x="6602313" y="2952612"/>
                  </a:cubicBezTo>
                  <a:cubicBezTo>
                    <a:pt x="6663177" y="2987093"/>
                    <a:pt x="6751283" y="3094439"/>
                    <a:pt x="6792241" y="3169115"/>
                  </a:cubicBezTo>
                  <a:cubicBezTo>
                    <a:pt x="6833199" y="3243791"/>
                    <a:pt x="6832151" y="3540590"/>
                    <a:pt x="6813863" y="3653366"/>
                  </a:cubicBezTo>
                  <a:cubicBezTo>
                    <a:pt x="6804338" y="3711850"/>
                    <a:pt x="6802433" y="3811957"/>
                    <a:pt x="6800433" y="3918066"/>
                  </a:cubicBezTo>
                  <a:cubicBezTo>
                    <a:pt x="6798528" y="4016364"/>
                    <a:pt x="6796527" y="4118091"/>
                    <a:pt x="6788145" y="4189719"/>
                  </a:cubicBezTo>
                  <a:cubicBezTo>
                    <a:pt x="6774144" y="4309829"/>
                    <a:pt x="6777477" y="4453276"/>
                    <a:pt x="6780716" y="4592055"/>
                  </a:cubicBezTo>
                  <a:cubicBezTo>
                    <a:pt x="6781383" y="4621678"/>
                    <a:pt x="6782050" y="4651110"/>
                    <a:pt x="6782526" y="4679971"/>
                  </a:cubicBezTo>
                  <a:cubicBezTo>
                    <a:pt x="6785891" y="4815492"/>
                    <a:pt x="6782075" y="4951095"/>
                    <a:pt x="6771096" y="5086213"/>
                  </a:cubicBezTo>
                  <a:cubicBezTo>
                    <a:pt x="6764523" y="5163365"/>
                    <a:pt x="6769095" y="5187272"/>
                    <a:pt x="6778335" y="5234897"/>
                  </a:cubicBezTo>
                  <a:cubicBezTo>
                    <a:pt x="6782716" y="5257757"/>
                    <a:pt x="6787860" y="5286237"/>
                    <a:pt x="6793860" y="5328147"/>
                  </a:cubicBezTo>
                  <a:cubicBezTo>
                    <a:pt x="6811672" y="5460831"/>
                    <a:pt x="6821197" y="5684287"/>
                    <a:pt x="6821197" y="5794872"/>
                  </a:cubicBezTo>
                  <a:cubicBezTo>
                    <a:pt x="6821197" y="5867548"/>
                    <a:pt x="6893111" y="5982610"/>
                    <a:pt x="6945689" y="6066620"/>
                  </a:cubicBezTo>
                  <a:cubicBezTo>
                    <a:pt x="6976455" y="6115865"/>
                    <a:pt x="7000743" y="6154822"/>
                    <a:pt x="7009221" y="6180253"/>
                  </a:cubicBezTo>
                  <a:cubicBezTo>
                    <a:pt x="7038558" y="6268836"/>
                    <a:pt x="7045225" y="6468575"/>
                    <a:pt x="7011506" y="6543823"/>
                  </a:cubicBezTo>
                  <a:cubicBezTo>
                    <a:pt x="6989599" y="6592877"/>
                    <a:pt x="6924829" y="6644312"/>
                    <a:pt x="6862250" y="6694127"/>
                  </a:cubicBezTo>
                  <a:cubicBezTo>
                    <a:pt x="6846915" y="6706320"/>
                    <a:pt x="6831389" y="6718702"/>
                    <a:pt x="6816530" y="6730989"/>
                  </a:cubicBezTo>
                  <a:lnTo>
                    <a:pt x="6772429" y="6730989"/>
                  </a:lnTo>
                  <a:cubicBezTo>
                    <a:pt x="6794813" y="6711272"/>
                    <a:pt x="6820054" y="6691270"/>
                    <a:pt x="6844438" y="6671744"/>
                  </a:cubicBezTo>
                  <a:cubicBezTo>
                    <a:pt x="6904446" y="6624119"/>
                    <a:pt x="6966358" y="6574875"/>
                    <a:pt x="6985503" y="6532107"/>
                  </a:cubicBezTo>
                  <a:cubicBezTo>
                    <a:pt x="7015412" y="6465432"/>
                    <a:pt x="7009030" y="6270551"/>
                    <a:pt x="6982075" y="6189207"/>
                  </a:cubicBezTo>
                  <a:cubicBezTo>
                    <a:pt x="6974740" y="6166919"/>
                    <a:pt x="6949975" y="6127390"/>
                    <a:pt x="6921400" y="6081670"/>
                  </a:cubicBezTo>
                  <a:cubicBezTo>
                    <a:pt x="6864250" y="5989944"/>
                    <a:pt x="6792622" y="5875644"/>
                    <a:pt x="6792622" y="5794777"/>
                  </a:cubicBezTo>
                  <a:cubicBezTo>
                    <a:pt x="6792622" y="5685335"/>
                    <a:pt x="6783097" y="5463593"/>
                    <a:pt x="6765571" y="5332148"/>
                  </a:cubicBezTo>
                  <a:cubicBezTo>
                    <a:pt x="6760047" y="5291095"/>
                    <a:pt x="6754617" y="5262996"/>
                    <a:pt x="6750236" y="5240517"/>
                  </a:cubicBezTo>
                  <a:cubicBezTo>
                    <a:pt x="6740711" y="5191845"/>
                    <a:pt x="6735663" y="5165079"/>
                    <a:pt x="6742616" y="5084022"/>
                  </a:cubicBezTo>
                  <a:cubicBezTo>
                    <a:pt x="6753516" y="4949855"/>
                    <a:pt x="6757299" y="4815205"/>
                    <a:pt x="6753951" y="4680638"/>
                  </a:cubicBezTo>
                  <a:cubicBezTo>
                    <a:pt x="6753951" y="4652063"/>
                    <a:pt x="6752808" y="4622440"/>
                    <a:pt x="6752141" y="4592913"/>
                  </a:cubicBezTo>
                  <a:cubicBezTo>
                    <a:pt x="6748902" y="4453181"/>
                    <a:pt x="6745569" y="4308686"/>
                    <a:pt x="6759856" y="4186576"/>
                  </a:cubicBezTo>
                  <a:cubicBezTo>
                    <a:pt x="6768047" y="4116186"/>
                    <a:pt x="6769953" y="4015126"/>
                    <a:pt x="6771858" y="3917685"/>
                  </a:cubicBezTo>
                  <a:cubicBezTo>
                    <a:pt x="6773953" y="3810624"/>
                    <a:pt x="6775858" y="3709469"/>
                    <a:pt x="6785669" y="3648985"/>
                  </a:cubicBezTo>
                  <a:cubicBezTo>
                    <a:pt x="6804719" y="3532208"/>
                    <a:pt x="6802338" y="3247125"/>
                    <a:pt x="6767191" y="3183022"/>
                  </a:cubicBezTo>
                  <a:cubicBezTo>
                    <a:pt x="6728138" y="3111870"/>
                    <a:pt x="6643366" y="3008905"/>
                    <a:pt x="6588215" y="2977663"/>
                  </a:cubicBezTo>
                  <a:cubicBezTo>
                    <a:pt x="6440673" y="2893938"/>
                    <a:pt x="6342471" y="2827073"/>
                    <a:pt x="6296084" y="2779067"/>
                  </a:cubicBezTo>
                  <a:cubicBezTo>
                    <a:pt x="6274589" y="2757842"/>
                    <a:pt x="6251502" y="2738290"/>
                    <a:pt x="6227028" y="2720583"/>
                  </a:cubicBezTo>
                  <a:cubicBezTo>
                    <a:pt x="6181308" y="2685340"/>
                    <a:pt x="6133968" y="2648955"/>
                    <a:pt x="6098631" y="2577708"/>
                  </a:cubicBezTo>
                  <a:cubicBezTo>
                    <a:pt x="6047386" y="2473790"/>
                    <a:pt x="5875841" y="2273956"/>
                    <a:pt x="5777067" y="2219568"/>
                  </a:cubicBezTo>
                  <a:cubicBezTo>
                    <a:pt x="5685626" y="2169181"/>
                    <a:pt x="5456836" y="2033830"/>
                    <a:pt x="5372730" y="1960012"/>
                  </a:cubicBezTo>
                  <a:cubicBezTo>
                    <a:pt x="5338631" y="1930008"/>
                    <a:pt x="5277480" y="1893337"/>
                    <a:pt x="5211948" y="1854665"/>
                  </a:cubicBezTo>
                  <a:cubicBezTo>
                    <a:pt x="5127652" y="1804659"/>
                    <a:pt x="5040498" y="1752843"/>
                    <a:pt x="5003732" y="1709123"/>
                  </a:cubicBezTo>
                  <a:cubicBezTo>
                    <a:pt x="4977443" y="1677976"/>
                    <a:pt x="4938867" y="1620160"/>
                    <a:pt x="4898004" y="1558819"/>
                  </a:cubicBezTo>
                  <a:cubicBezTo>
                    <a:pt x="4840854" y="1473094"/>
                    <a:pt x="4776084" y="1376034"/>
                    <a:pt x="4737794" y="1342030"/>
                  </a:cubicBezTo>
                  <a:cubicBezTo>
                    <a:pt x="4718744" y="1324694"/>
                    <a:pt x="4703980" y="1320313"/>
                    <a:pt x="4691217" y="1320313"/>
                  </a:cubicBezTo>
                  <a:cubicBezTo>
                    <a:pt x="4684971" y="1320461"/>
                    <a:pt x="4678752" y="1321195"/>
                    <a:pt x="4672643" y="1322504"/>
                  </a:cubicBezTo>
                  <a:cubicBezTo>
                    <a:pt x="4653593" y="1326028"/>
                    <a:pt x="4629780" y="1330314"/>
                    <a:pt x="4606539" y="1293929"/>
                  </a:cubicBezTo>
                  <a:cubicBezTo>
                    <a:pt x="4571487" y="1239636"/>
                    <a:pt x="4503574" y="1194583"/>
                    <a:pt x="4458330" y="1214109"/>
                  </a:cubicBezTo>
                  <a:cubicBezTo>
                    <a:pt x="4403752" y="1237636"/>
                    <a:pt x="4142195" y="1391560"/>
                    <a:pt x="4039230" y="1470141"/>
                  </a:cubicBezTo>
                  <a:cubicBezTo>
                    <a:pt x="3918168" y="1562915"/>
                    <a:pt x="3746051" y="1686168"/>
                    <a:pt x="3650134" y="1686168"/>
                  </a:cubicBezTo>
                  <a:cubicBezTo>
                    <a:pt x="3556027" y="1686168"/>
                    <a:pt x="3425535" y="1703504"/>
                    <a:pt x="3346191" y="1742270"/>
                  </a:cubicBezTo>
                  <a:cubicBezTo>
                    <a:pt x="3326214" y="1752028"/>
                    <a:pt x="3306786" y="1762871"/>
                    <a:pt x="3287994" y="1774751"/>
                  </a:cubicBezTo>
                  <a:cubicBezTo>
                    <a:pt x="3255132" y="1794848"/>
                    <a:pt x="3233510" y="1808183"/>
                    <a:pt x="3172931" y="1809707"/>
                  </a:cubicBezTo>
                  <a:cubicBezTo>
                    <a:pt x="3092636" y="1811898"/>
                    <a:pt x="2948046" y="1788276"/>
                    <a:pt x="2878800" y="1729697"/>
                  </a:cubicBezTo>
                  <a:cubicBezTo>
                    <a:pt x="2864512" y="1717505"/>
                    <a:pt x="2843938" y="1703027"/>
                    <a:pt x="2820126" y="1686168"/>
                  </a:cubicBezTo>
                  <a:cubicBezTo>
                    <a:pt x="2739925" y="1629018"/>
                    <a:pt x="2629626" y="1551675"/>
                    <a:pt x="2607432" y="1460045"/>
                  </a:cubicBezTo>
                  <a:cubicBezTo>
                    <a:pt x="2596955" y="1417754"/>
                    <a:pt x="2588382" y="1361937"/>
                    <a:pt x="2579905" y="1302882"/>
                  </a:cubicBezTo>
                  <a:cubicBezTo>
                    <a:pt x="2565236" y="1204870"/>
                    <a:pt x="2548758" y="1093332"/>
                    <a:pt x="2518850" y="1025609"/>
                  </a:cubicBezTo>
                  <a:lnTo>
                    <a:pt x="2517516" y="1022561"/>
                  </a:lnTo>
                  <a:cubicBezTo>
                    <a:pt x="2469891" y="913119"/>
                    <a:pt x="2419885" y="800057"/>
                    <a:pt x="2462557" y="661945"/>
                  </a:cubicBezTo>
                  <a:cubicBezTo>
                    <a:pt x="2507515" y="516308"/>
                    <a:pt x="2532375" y="379243"/>
                    <a:pt x="2536280" y="254465"/>
                  </a:cubicBezTo>
                  <a:cubicBezTo>
                    <a:pt x="2537043" y="230843"/>
                    <a:pt x="2538281" y="206840"/>
                    <a:pt x="2539424" y="184456"/>
                  </a:cubicBezTo>
                  <a:cubicBezTo>
                    <a:pt x="2542662" y="123211"/>
                    <a:pt x="2547139" y="39391"/>
                    <a:pt x="2530851" y="29675"/>
                  </a:cubicBezTo>
                  <a:cubicBezTo>
                    <a:pt x="2528756" y="28437"/>
                    <a:pt x="2523136" y="29104"/>
                    <a:pt x="2513611" y="34914"/>
                  </a:cubicBezTo>
                  <a:cubicBezTo>
                    <a:pt x="2464938" y="64537"/>
                    <a:pt x="2414837" y="126164"/>
                    <a:pt x="2374546" y="175598"/>
                  </a:cubicBezTo>
                  <a:cubicBezTo>
                    <a:pt x="2358925" y="194648"/>
                    <a:pt x="2345304" y="211508"/>
                    <a:pt x="2333684" y="224176"/>
                  </a:cubicBezTo>
                  <a:lnTo>
                    <a:pt x="2331112" y="226938"/>
                  </a:lnTo>
                  <a:cubicBezTo>
                    <a:pt x="2286154" y="275420"/>
                    <a:pt x="2217860" y="348858"/>
                    <a:pt x="2158328" y="358383"/>
                  </a:cubicBezTo>
                  <a:cubicBezTo>
                    <a:pt x="2098797" y="367908"/>
                    <a:pt x="2024978" y="351620"/>
                    <a:pt x="1973924" y="339333"/>
                  </a:cubicBezTo>
                  <a:cubicBezTo>
                    <a:pt x="1927728" y="327808"/>
                    <a:pt x="1895534" y="330951"/>
                    <a:pt x="1800569" y="408961"/>
                  </a:cubicBezTo>
                  <a:cubicBezTo>
                    <a:pt x="1699128" y="492209"/>
                    <a:pt x="1660266" y="558027"/>
                    <a:pt x="1630453" y="637561"/>
                  </a:cubicBezTo>
                  <a:cubicBezTo>
                    <a:pt x="1621943" y="660534"/>
                    <a:pt x="1611689" y="682824"/>
                    <a:pt x="1599782" y="704236"/>
                  </a:cubicBezTo>
                  <a:cubicBezTo>
                    <a:pt x="1585971" y="729953"/>
                    <a:pt x="1577589" y="745384"/>
                    <a:pt x="1569779" y="809011"/>
                  </a:cubicBezTo>
                  <a:lnTo>
                    <a:pt x="1567302" y="829013"/>
                  </a:lnTo>
                  <a:cubicBezTo>
                    <a:pt x="1551967" y="954553"/>
                    <a:pt x="1515962" y="1248685"/>
                    <a:pt x="1480148" y="1338791"/>
                  </a:cubicBezTo>
                  <a:cubicBezTo>
                    <a:pt x="1473481" y="1355746"/>
                    <a:pt x="1466909" y="1373367"/>
                    <a:pt x="1460241" y="1391369"/>
                  </a:cubicBezTo>
                  <a:cubicBezTo>
                    <a:pt x="1430047" y="1472141"/>
                    <a:pt x="1395947" y="1563772"/>
                    <a:pt x="1334130" y="1626922"/>
                  </a:cubicBezTo>
                  <a:cubicBezTo>
                    <a:pt x="1284886" y="1677215"/>
                    <a:pt x="1199161" y="1784371"/>
                    <a:pt x="1116293" y="1887907"/>
                  </a:cubicBezTo>
                  <a:cubicBezTo>
                    <a:pt x="1076765" y="1937342"/>
                    <a:pt x="1039331" y="1984015"/>
                    <a:pt x="1005994" y="2024496"/>
                  </a:cubicBezTo>
                  <a:cubicBezTo>
                    <a:pt x="974543" y="2063166"/>
                    <a:pt x="947068" y="2104906"/>
                    <a:pt x="923984" y="2149083"/>
                  </a:cubicBezTo>
                  <a:cubicBezTo>
                    <a:pt x="889694" y="2211281"/>
                    <a:pt x="860166" y="2264907"/>
                    <a:pt x="769774" y="2324724"/>
                  </a:cubicBezTo>
                  <a:cubicBezTo>
                    <a:pt x="714624" y="2361300"/>
                    <a:pt x="647092" y="2381874"/>
                    <a:pt x="587561" y="2400924"/>
                  </a:cubicBezTo>
                  <a:cubicBezTo>
                    <a:pt x="528029" y="2419974"/>
                    <a:pt x="472403" y="2436643"/>
                    <a:pt x="442114" y="2465218"/>
                  </a:cubicBezTo>
                  <a:cubicBezTo>
                    <a:pt x="420683" y="2485411"/>
                    <a:pt x="385916" y="2505128"/>
                    <a:pt x="345721" y="2527892"/>
                  </a:cubicBezTo>
                  <a:cubicBezTo>
                    <a:pt x="257900" y="2577708"/>
                    <a:pt x="148649" y="2639525"/>
                    <a:pt x="90260" y="2749158"/>
                  </a:cubicBezTo>
                  <a:cubicBezTo>
                    <a:pt x="33110" y="2856410"/>
                    <a:pt x="-26421" y="3252935"/>
                    <a:pt x="116835" y="3534494"/>
                  </a:cubicBezTo>
                  <a:cubicBezTo>
                    <a:pt x="189320" y="3676893"/>
                    <a:pt x="202560" y="3767762"/>
                    <a:pt x="212085" y="3840723"/>
                  </a:cubicBezTo>
                  <a:cubicBezTo>
                    <a:pt x="222848" y="3917399"/>
                    <a:pt x="231135" y="3972835"/>
                    <a:pt x="303144" y="4052273"/>
                  </a:cubicBezTo>
                  <a:cubicBezTo>
                    <a:pt x="375153" y="4131712"/>
                    <a:pt x="452687" y="4187433"/>
                    <a:pt x="521552" y="4237535"/>
                  </a:cubicBezTo>
                  <a:cubicBezTo>
                    <a:pt x="593085" y="4289637"/>
                    <a:pt x="654902" y="4334595"/>
                    <a:pt x="690907" y="4389935"/>
                  </a:cubicBezTo>
                  <a:cubicBezTo>
                    <a:pt x="698717" y="4401841"/>
                    <a:pt x="707195" y="4415176"/>
                    <a:pt x="716148" y="4429368"/>
                  </a:cubicBezTo>
                  <a:cubicBezTo>
                    <a:pt x="781013" y="4531476"/>
                    <a:pt x="889408" y="4702259"/>
                    <a:pt x="963798" y="4687305"/>
                  </a:cubicBezTo>
                  <a:cubicBezTo>
                    <a:pt x="1000279" y="4679876"/>
                    <a:pt x="1028854" y="4654444"/>
                    <a:pt x="1059048" y="4627488"/>
                  </a:cubicBezTo>
                  <a:cubicBezTo>
                    <a:pt x="1101720" y="4589388"/>
                    <a:pt x="1150012" y="4546431"/>
                    <a:pt x="1230498" y="4546431"/>
                  </a:cubicBezTo>
                  <a:cubicBezTo>
                    <a:pt x="1274282" y="4545054"/>
                    <a:pt x="1317917" y="4540630"/>
                    <a:pt x="1361086" y="4533191"/>
                  </a:cubicBezTo>
                  <a:cubicBezTo>
                    <a:pt x="1465861" y="4517760"/>
                    <a:pt x="1574351" y="4501854"/>
                    <a:pt x="1662552" y="4554908"/>
                  </a:cubicBezTo>
                  <a:cubicBezTo>
                    <a:pt x="1762374" y="4614915"/>
                    <a:pt x="2036218" y="4804844"/>
                    <a:pt x="2103750" y="4960959"/>
                  </a:cubicBezTo>
                  <a:cubicBezTo>
                    <a:pt x="2171282" y="5117073"/>
                    <a:pt x="2238148" y="5341959"/>
                    <a:pt x="2278439" y="5548746"/>
                  </a:cubicBezTo>
                  <a:cubicBezTo>
                    <a:pt x="2343399" y="5882121"/>
                    <a:pt x="2486941" y="6172253"/>
                    <a:pt x="2533042" y="6231498"/>
                  </a:cubicBezTo>
                  <a:cubicBezTo>
                    <a:pt x="2571904" y="6281219"/>
                    <a:pt x="2588192" y="6342274"/>
                    <a:pt x="2602575" y="6396186"/>
                  </a:cubicBezTo>
                  <a:cubicBezTo>
                    <a:pt x="2614385" y="6440382"/>
                    <a:pt x="2625530" y="6481911"/>
                    <a:pt x="2646961" y="6511438"/>
                  </a:cubicBezTo>
                  <a:cubicBezTo>
                    <a:pt x="2665723" y="6537522"/>
                    <a:pt x="2682991" y="6564648"/>
                    <a:pt x="2698682" y="6592686"/>
                  </a:cubicBezTo>
                  <a:cubicBezTo>
                    <a:pt x="2725671" y="6640326"/>
                    <a:pt x="2755375" y="6686375"/>
                    <a:pt x="2787645" y="6730608"/>
                  </a:cubicBezTo>
                  <a:lnTo>
                    <a:pt x="2752403" y="6730608"/>
                  </a:lnTo>
                  <a:cubicBezTo>
                    <a:pt x="2714303" y="6676792"/>
                    <a:pt x="2692871" y="6640121"/>
                    <a:pt x="2673631" y="6606783"/>
                  </a:cubicBezTo>
                  <a:cubicBezTo>
                    <a:pt x="2658472" y="6579751"/>
                    <a:pt x="2641776" y="6553609"/>
                    <a:pt x="2623625" y="652848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4" name="Freeform: Shape 151">
              <a:extLst>
                <a:ext uri="{FF2B5EF4-FFF2-40B4-BE49-F238E27FC236}">
                  <a16:creationId xmlns:a16="http://schemas.microsoft.com/office/drawing/2014/main" id="{9DE48FDA-C269-EE47-8684-89F86165A0D8}"/>
                </a:ext>
              </a:extLst>
            </p:cNvPr>
            <p:cNvSpPr/>
            <p:nvPr/>
          </p:nvSpPr>
          <p:spPr>
            <a:xfrm>
              <a:off x="5047392" y="-380"/>
              <a:ext cx="3077694" cy="7315009"/>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5" name="Freeform: Shape 152">
              <a:extLst>
                <a:ext uri="{FF2B5EF4-FFF2-40B4-BE49-F238E27FC236}">
                  <a16:creationId xmlns:a16="http://schemas.microsoft.com/office/drawing/2014/main" id="{2992A281-3911-E04F-A472-1FDE8AF60EC1}"/>
                </a:ext>
              </a:extLst>
            </p:cNvPr>
            <p:cNvSpPr/>
            <p:nvPr/>
          </p:nvSpPr>
          <p:spPr>
            <a:xfrm>
              <a:off x="0" y="5304377"/>
              <a:ext cx="872966" cy="2010822"/>
            </a:xfrm>
            <a:custGeom>
              <a:avLst/>
              <a:gdLst>
                <a:gd name="connsiteX0" fmla="*/ 97917 w 872966"/>
                <a:gd name="connsiteY0" fmla="*/ 216598 h 2010822"/>
                <a:gd name="connsiteX1" fmla="*/ 186976 w 872966"/>
                <a:gd name="connsiteY1" fmla="*/ 375951 h 2010822"/>
                <a:gd name="connsiteX2" fmla="*/ 259652 w 872966"/>
                <a:gd name="connsiteY2" fmla="*/ 506634 h 2010822"/>
                <a:gd name="connsiteX3" fmla="*/ 293942 w 872966"/>
                <a:gd name="connsiteY3" fmla="*/ 598361 h 2010822"/>
                <a:gd name="connsiteX4" fmla="*/ 402622 w 872966"/>
                <a:gd name="connsiteY4" fmla="*/ 820578 h 2010822"/>
                <a:gd name="connsiteX5" fmla="*/ 519589 w 872966"/>
                <a:gd name="connsiteY5" fmla="*/ 1363503 h 2010822"/>
                <a:gd name="connsiteX6" fmla="*/ 772573 w 872966"/>
                <a:gd name="connsiteY6" fmla="*/ 1850707 h 2010822"/>
                <a:gd name="connsiteX7" fmla="*/ 872966 w 872966"/>
                <a:gd name="connsiteY7" fmla="*/ 2010823 h 2010822"/>
                <a:gd name="connsiteX8" fmla="*/ 839629 w 872966"/>
                <a:gd name="connsiteY8" fmla="*/ 2010823 h 2010822"/>
                <a:gd name="connsiteX9" fmla="*/ 748475 w 872966"/>
                <a:gd name="connsiteY9" fmla="*/ 1865757 h 2010822"/>
                <a:gd name="connsiteX10" fmla="*/ 491014 w 872966"/>
                <a:gd name="connsiteY10" fmla="*/ 1363599 h 2010822"/>
                <a:gd name="connsiteX11" fmla="*/ 381000 w 872966"/>
                <a:gd name="connsiteY11" fmla="*/ 839248 h 2010822"/>
                <a:gd name="connsiteX12" fmla="*/ 266700 w 872966"/>
                <a:gd name="connsiteY12" fmla="*/ 607886 h 2010822"/>
                <a:gd name="connsiteX13" fmla="*/ 233077 w 872966"/>
                <a:gd name="connsiteY13" fmla="*/ 517779 h 2010822"/>
                <a:gd name="connsiteX14" fmla="*/ 162973 w 872966"/>
                <a:gd name="connsiteY14" fmla="*/ 391573 h 2010822"/>
                <a:gd name="connsiteX15" fmla="*/ 71914 w 872966"/>
                <a:gd name="connsiteY15" fmla="*/ 228314 h 2010822"/>
                <a:gd name="connsiteX16" fmla="*/ 30194 w 872966"/>
                <a:gd name="connsiteY16" fmla="*/ 119063 h 2010822"/>
                <a:gd name="connsiteX17" fmla="*/ 0 w 872966"/>
                <a:gd name="connsiteY17" fmla="*/ 45815 h 2010822"/>
                <a:gd name="connsiteX18" fmla="*/ 0 w 872966"/>
                <a:gd name="connsiteY18" fmla="*/ 0 h 2010822"/>
                <a:gd name="connsiteX19" fmla="*/ 57150 w 872966"/>
                <a:gd name="connsiteY19" fmla="*/ 109918 h 2010822"/>
                <a:gd name="connsiteX20" fmla="*/ 97917 w 872966"/>
                <a:gd name="connsiteY20" fmla="*/ 216598 h 20108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72966" h="2010822">
                  <a:moveTo>
                    <a:pt x="97917" y="216598"/>
                  </a:moveTo>
                  <a:cubicBezTo>
                    <a:pt x="123211" y="272054"/>
                    <a:pt x="152996" y="325350"/>
                    <a:pt x="186976" y="375951"/>
                  </a:cubicBezTo>
                  <a:cubicBezTo>
                    <a:pt x="215152" y="417195"/>
                    <a:pt x="239480" y="460939"/>
                    <a:pt x="259652" y="506634"/>
                  </a:cubicBezTo>
                  <a:cubicBezTo>
                    <a:pt x="272034" y="536067"/>
                    <a:pt x="282702" y="566261"/>
                    <a:pt x="293942" y="598361"/>
                  </a:cubicBezTo>
                  <a:cubicBezTo>
                    <a:pt x="321469" y="676275"/>
                    <a:pt x="349949" y="756856"/>
                    <a:pt x="402622" y="820578"/>
                  </a:cubicBezTo>
                  <a:cubicBezTo>
                    <a:pt x="481203" y="915828"/>
                    <a:pt x="518160" y="1225868"/>
                    <a:pt x="519589" y="1363503"/>
                  </a:cubicBezTo>
                  <a:cubicBezTo>
                    <a:pt x="520637" y="1455229"/>
                    <a:pt x="660368" y="1674495"/>
                    <a:pt x="772573" y="1850707"/>
                  </a:cubicBezTo>
                  <a:cubicBezTo>
                    <a:pt x="809625" y="1908048"/>
                    <a:pt x="844296" y="1963198"/>
                    <a:pt x="872966" y="2010823"/>
                  </a:cubicBezTo>
                  <a:lnTo>
                    <a:pt x="839629" y="2010823"/>
                  </a:lnTo>
                  <a:cubicBezTo>
                    <a:pt x="812864" y="1966817"/>
                    <a:pt x="781431" y="1917382"/>
                    <a:pt x="748475" y="1865757"/>
                  </a:cubicBezTo>
                  <a:cubicBezTo>
                    <a:pt x="628650" y="1677448"/>
                    <a:pt x="492157" y="1463421"/>
                    <a:pt x="491014" y="1363599"/>
                  </a:cubicBezTo>
                  <a:cubicBezTo>
                    <a:pt x="489490" y="1221295"/>
                    <a:pt x="451295" y="924210"/>
                    <a:pt x="381000" y="839248"/>
                  </a:cubicBezTo>
                  <a:cubicBezTo>
                    <a:pt x="324707" y="771144"/>
                    <a:pt x="295275" y="688086"/>
                    <a:pt x="266700" y="607886"/>
                  </a:cubicBezTo>
                  <a:cubicBezTo>
                    <a:pt x="255556" y="576167"/>
                    <a:pt x="245078" y="546354"/>
                    <a:pt x="233077" y="517779"/>
                  </a:cubicBezTo>
                  <a:cubicBezTo>
                    <a:pt x="213600" y="473664"/>
                    <a:pt x="190135" y="431419"/>
                    <a:pt x="162973" y="391573"/>
                  </a:cubicBezTo>
                  <a:cubicBezTo>
                    <a:pt x="128235" y="339717"/>
                    <a:pt x="97781" y="285117"/>
                    <a:pt x="71914" y="228314"/>
                  </a:cubicBezTo>
                  <a:cubicBezTo>
                    <a:pt x="56125" y="192643"/>
                    <a:pt x="42200" y="156177"/>
                    <a:pt x="30194" y="119063"/>
                  </a:cubicBezTo>
                  <a:cubicBezTo>
                    <a:pt x="23050" y="93543"/>
                    <a:pt x="12915" y="68956"/>
                    <a:pt x="0" y="45815"/>
                  </a:cubicBezTo>
                  <a:lnTo>
                    <a:pt x="0" y="0"/>
                  </a:lnTo>
                  <a:cubicBezTo>
                    <a:pt x="31242" y="31909"/>
                    <a:pt x="42005" y="63818"/>
                    <a:pt x="57150" y="109918"/>
                  </a:cubicBezTo>
                  <a:cubicBezTo>
                    <a:pt x="68882" y="146160"/>
                    <a:pt x="82489" y="181769"/>
                    <a:pt x="97917" y="21659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6" name="Freeform: Shape 153">
              <a:extLst>
                <a:ext uri="{FF2B5EF4-FFF2-40B4-BE49-F238E27FC236}">
                  <a16:creationId xmlns:a16="http://schemas.microsoft.com/office/drawing/2014/main" id="{2207814B-E20B-0E44-9954-2B8BC45FF314}"/>
                </a:ext>
              </a:extLst>
            </p:cNvPr>
            <p:cNvSpPr/>
            <p:nvPr/>
          </p:nvSpPr>
          <p:spPr>
            <a:xfrm>
              <a:off x="0" y="7069835"/>
              <a:ext cx="89534" cy="245364"/>
            </a:xfrm>
            <a:custGeom>
              <a:avLst/>
              <a:gdLst>
                <a:gd name="connsiteX0" fmla="*/ 89535 w 89534"/>
                <a:gd name="connsiteY0" fmla="*/ 245364 h 245364"/>
                <a:gd name="connsiteX1" fmla="*/ 60293 w 89534"/>
                <a:gd name="connsiteY1" fmla="*/ 245364 h 245364"/>
                <a:gd name="connsiteX2" fmla="*/ 34004 w 89534"/>
                <a:gd name="connsiteY2" fmla="*/ 140018 h 245364"/>
                <a:gd name="connsiteX3" fmla="*/ 0 w 89534"/>
                <a:gd name="connsiteY3" fmla="*/ 57150 h 245364"/>
                <a:gd name="connsiteX4" fmla="*/ 0 w 89534"/>
                <a:gd name="connsiteY4" fmla="*/ 0 h 245364"/>
                <a:gd name="connsiteX5" fmla="*/ 61436 w 89534"/>
                <a:gd name="connsiteY5" fmla="*/ 132398 h 245364"/>
                <a:gd name="connsiteX6" fmla="*/ 89535 w 89534"/>
                <a:gd name="connsiteY6" fmla="*/ 245364 h 245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9534" h="245364">
                  <a:moveTo>
                    <a:pt x="89535" y="245364"/>
                  </a:moveTo>
                  <a:lnTo>
                    <a:pt x="60293" y="245364"/>
                  </a:lnTo>
                  <a:cubicBezTo>
                    <a:pt x="52388" y="209169"/>
                    <a:pt x="44101" y="174022"/>
                    <a:pt x="34004" y="140018"/>
                  </a:cubicBezTo>
                  <a:cubicBezTo>
                    <a:pt x="25280" y="111394"/>
                    <a:pt x="13896" y="83651"/>
                    <a:pt x="0" y="57150"/>
                  </a:cubicBezTo>
                  <a:lnTo>
                    <a:pt x="0" y="0"/>
                  </a:lnTo>
                  <a:cubicBezTo>
                    <a:pt x="25963" y="41375"/>
                    <a:pt x="46604" y="85858"/>
                    <a:pt x="61436" y="132398"/>
                  </a:cubicBezTo>
                  <a:cubicBezTo>
                    <a:pt x="72295" y="169164"/>
                    <a:pt x="81058" y="206407"/>
                    <a:pt x="89535" y="24536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7" name="Freeform: Shape 154">
              <a:extLst>
                <a:ext uri="{FF2B5EF4-FFF2-40B4-BE49-F238E27FC236}">
                  <a16:creationId xmlns:a16="http://schemas.microsoft.com/office/drawing/2014/main" id="{A9FEE3C0-8290-D64C-871D-24599C6AFE7C}"/>
                </a:ext>
              </a:extLst>
            </p:cNvPr>
            <p:cNvSpPr/>
            <p:nvPr/>
          </p:nvSpPr>
          <p:spPr>
            <a:xfrm>
              <a:off x="5722819" y="0"/>
              <a:ext cx="3797855" cy="7315200"/>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8" name="Freeform: Shape 156">
              <a:extLst>
                <a:ext uri="{FF2B5EF4-FFF2-40B4-BE49-F238E27FC236}">
                  <a16:creationId xmlns:a16="http://schemas.microsoft.com/office/drawing/2014/main" id="{DCB3360E-3230-D344-8A79-B93761BFB383}"/>
                </a:ext>
              </a:extLst>
            </p:cNvPr>
            <p:cNvSpPr/>
            <p:nvPr/>
          </p:nvSpPr>
          <p:spPr>
            <a:xfrm>
              <a:off x="8133111" y="-761"/>
              <a:ext cx="3813220" cy="7316152"/>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79" name="Freeform: Shape 157">
              <a:extLst>
                <a:ext uri="{FF2B5EF4-FFF2-40B4-BE49-F238E27FC236}">
                  <a16:creationId xmlns:a16="http://schemas.microsoft.com/office/drawing/2014/main" id="{0B73D6CC-BA27-5642-A88A-AC0DCC37A292}"/>
                </a:ext>
              </a:extLst>
            </p:cNvPr>
            <p:cNvSpPr/>
            <p:nvPr/>
          </p:nvSpPr>
          <p:spPr>
            <a:xfrm>
              <a:off x="10793083" y="5413057"/>
              <a:ext cx="1397487" cy="1902618"/>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0" name="Freeform: Shape 158">
              <a:extLst>
                <a:ext uri="{FF2B5EF4-FFF2-40B4-BE49-F238E27FC236}">
                  <a16:creationId xmlns:a16="http://schemas.microsoft.com/office/drawing/2014/main" id="{27E2D103-AEA2-784B-95B3-B0F08BF06B3E}"/>
                </a:ext>
              </a:extLst>
            </p:cNvPr>
            <p:cNvSpPr/>
            <p:nvPr/>
          </p:nvSpPr>
          <p:spPr>
            <a:xfrm>
              <a:off x="9736073" y="571"/>
              <a:ext cx="2454878" cy="2379219"/>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1" name="Freeform: Shape 159">
              <a:extLst>
                <a:ext uri="{FF2B5EF4-FFF2-40B4-BE49-F238E27FC236}">
                  <a16:creationId xmlns:a16="http://schemas.microsoft.com/office/drawing/2014/main" id="{D69F0428-574D-FB41-9AC1-C13D38505D70}"/>
                </a:ext>
              </a:extLst>
            </p:cNvPr>
            <p:cNvSpPr/>
            <p:nvPr/>
          </p:nvSpPr>
          <p:spPr>
            <a:xfrm>
              <a:off x="11128819" y="0"/>
              <a:ext cx="1061751" cy="1808702"/>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2" name="Freeform: Shape 160">
              <a:extLst>
                <a:ext uri="{FF2B5EF4-FFF2-40B4-BE49-F238E27FC236}">
                  <a16:creationId xmlns:a16="http://schemas.microsoft.com/office/drawing/2014/main" id="{D53685B3-1EF0-AC40-BC7A-FB9E37AD9A52}"/>
                </a:ext>
              </a:extLst>
            </p:cNvPr>
            <p:cNvSpPr/>
            <p:nvPr/>
          </p:nvSpPr>
          <p:spPr>
            <a:xfrm>
              <a:off x="11792236" y="666"/>
              <a:ext cx="398334" cy="986027"/>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85" name="Triangle 2">
            <a:extLst>
              <a:ext uri="{FF2B5EF4-FFF2-40B4-BE49-F238E27FC236}">
                <a16:creationId xmlns:a16="http://schemas.microsoft.com/office/drawing/2014/main" id="{38A28EAA-6643-EB44-8AF3-0659814E1014}"/>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6" name="Triangle 1">
            <a:extLst>
              <a:ext uri="{FF2B5EF4-FFF2-40B4-BE49-F238E27FC236}">
                <a16:creationId xmlns:a16="http://schemas.microsoft.com/office/drawing/2014/main" id="{532A2D4F-1E8C-F54C-9566-F1A5A46F2E61}"/>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93766142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riangle Top White Layout">
    <p:spTree>
      <p:nvGrpSpPr>
        <p:cNvPr id="1" name=""/>
        <p:cNvGrpSpPr/>
        <p:nvPr/>
      </p:nvGrpSpPr>
      <p:grpSpPr>
        <a:xfrm>
          <a:off x="0" y="0"/>
          <a:ext cx="0" cy="0"/>
          <a:chOff x="0" y="0"/>
          <a:chExt cx="0" cy="0"/>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94280" y="-3429816"/>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210971" y="-3252128"/>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5370777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riangle Bottom White Layout">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CFC4E1AF-C620-E84F-AC3B-4C05B4B174CE}"/>
              </a:ext>
            </a:extLst>
          </p:cNvPr>
          <p:cNvGrpSpPr/>
          <p:nvPr userDrawn="1"/>
        </p:nvGrpSpPr>
        <p:grpSpPr>
          <a:xfrm rot="10800000">
            <a:off x="-22908" y="4936642"/>
            <a:ext cx="12214908" cy="1985153"/>
            <a:chOff x="-22909" y="3918013"/>
            <a:chExt cx="12214908" cy="1985153"/>
          </a:xfrm>
        </p:grpSpPr>
        <p:sp>
          <p:nvSpPr>
            <p:cNvPr id="83" name="Triangle 2">
              <a:extLst>
                <a:ext uri="{FF2B5EF4-FFF2-40B4-BE49-F238E27FC236}">
                  <a16:creationId xmlns:a16="http://schemas.microsoft.com/office/drawing/2014/main" id="{3C30ACC1-EE93-D545-B4BB-625B66D0CD93}"/>
                </a:ext>
              </a:extLst>
            </p:cNvPr>
            <p:cNvSpPr/>
            <p:nvPr userDrawn="1"/>
          </p:nvSpPr>
          <p:spPr>
            <a:xfrm rot="5400000" flipH="1" flipV="1">
              <a:off x="7475230" y="525495"/>
              <a:ext cx="1318240"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84" name="Triangle 1">
              <a:extLst>
                <a:ext uri="{FF2B5EF4-FFF2-40B4-BE49-F238E27FC236}">
                  <a16:creationId xmlns:a16="http://schemas.microsoft.com/office/drawing/2014/main" id="{2B33609E-888B-9E4F-A52F-F724A1F30722}"/>
                </a:ext>
              </a:extLst>
            </p:cNvPr>
            <p:cNvSpPr/>
            <p:nvPr userDrawn="1"/>
          </p:nvSpPr>
          <p:spPr>
            <a:xfrm rot="5400000" flipH="1">
              <a:off x="3191921" y="703183"/>
              <a:ext cx="1985153" cy="8414813"/>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1985153"/>
                <a:gd name="connsiteY0" fmla="*/ 8481721 h 8593233"/>
                <a:gd name="connsiteX1" fmla="*/ 1985153 w 1985153"/>
                <a:gd name="connsiteY1" fmla="*/ 0 h 8593233"/>
                <a:gd name="connsiteX2" fmla="*/ 1985153 w 1985153"/>
                <a:gd name="connsiteY2" fmla="*/ 8593233 h 8593233"/>
                <a:gd name="connsiteX3" fmla="*/ 0 w 1985153"/>
                <a:gd name="connsiteY3" fmla="*/ 8481721 h 8593233"/>
                <a:gd name="connsiteX0" fmla="*/ 0 w 1985153"/>
                <a:gd name="connsiteY0" fmla="*/ 8481721 h 8481721"/>
                <a:gd name="connsiteX1" fmla="*/ 1985153 w 1985153"/>
                <a:gd name="connsiteY1" fmla="*/ 0 h 8481721"/>
                <a:gd name="connsiteX2" fmla="*/ 1985153 w 1985153"/>
                <a:gd name="connsiteY2" fmla="*/ 8437115 h 8481721"/>
                <a:gd name="connsiteX3" fmla="*/ 0 w 1985153"/>
                <a:gd name="connsiteY3" fmla="*/ 8481721 h 8481721"/>
                <a:gd name="connsiteX0" fmla="*/ 0 w 1985153"/>
                <a:gd name="connsiteY0" fmla="*/ 8414813 h 8437115"/>
                <a:gd name="connsiteX1" fmla="*/ 1985153 w 1985153"/>
                <a:gd name="connsiteY1" fmla="*/ 0 h 8437115"/>
                <a:gd name="connsiteX2" fmla="*/ 1985153 w 1985153"/>
                <a:gd name="connsiteY2" fmla="*/ 8437115 h 8437115"/>
                <a:gd name="connsiteX3" fmla="*/ 0 w 1985153"/>
                <a:gd name="connsiteY3" fmla="*/ 8414813 h 8437115"/>
                <a:gd name="connsiteX0" fmla="*/ 0 w 1985153"/>
                <a:gd name="connsiteY0" fmla="*/ 8414813 h 8414813"/>
                <a:gd name="connsiteX1" fmla="*/ 1985153 w 1985153"/>
                <a:gd name="connsiteY1" fmla="*/ 0 h 8414813"/>
                <a:gd name="connsiteX2" fmla="*/ 1940548 w 1985153"/>
                <a:gd name="connsiteY2" fmla="*/ 8414813 h 8414813"/>
                <a:gd name="connsiteX3" fmla="*/ 0 w 1985153"/>
                <a:gd name="connsiteY3" fmla="*/ 8414813 h 8414813"/>
              </a:gdLst>
              <a:ahLst/>
              <a:cxnLst>
                <a:cxn ang="0">
                  <a:pos x="connsiteX0" y="connsiteY0"/>
                </a:cxn>
                <a:cxn ang="0">
                  <a:pos x="connsiteX1" y="connsiteY1"/>
                </a:cxn>
                <a:cxn ang="0">
                  <a:pos x="connsiteX2" y="connsiteY2"/>
                </a:cxn>
                <a:cxn ang="0">
                  <a:pos x="connsiteX3" y="connsiteY3"/>
                </a:cxn>
              </a:cxnLst>
              <a:rect l="l" t="t" r="r" b="b"/>
              <a:pathLst>
                <a:path w="1985153" h="8414813">
                  <a:moveTo>
                    <a:pt x="0" y="8414813"/>
                  </a:moveTo>
                  <a:lnTo>
                    <a:pt x="1985153" y="0"/>
                  </a:lnTo>
                  <a:lnTo>
                    <a:pt x="1940548" y="8414813"/>
                  </a:lnTo>
                  <a:lnTo>
                    <a:pt x="0" y="8414813"/>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spTree>
    <p:extLst>
      <p:ext uri="{BB962C8B-B14F-4D97-AF65-F5344CB8AC3E}">
        <p14:creationId xmlns:p14="http://schemas.microsoft.com/office/powerpoint/2010/main" val="2328956842"/>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Paragraph Layout ">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FE4A9DB9-BF09-C846-8E16-9917A68683E5}"/>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207230028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Paragraph Layout White">
    <p:spTree>
      <p:nvGrpSpPr>
        <p:cNvPr id="1" name=""/>
        <p:cNvGrpSpPr/>
        <p:nvPr/>
      </p:nvGrpSpPr>
      <p:grpSpPr>
        <a:xfrm>
          <a:off x="0" y="0"/>
          <a:ext cx="0" cy="0"/>
          <a:chOff x="0" y="0"/>
          <a:chExt cx="0" cy="0"/>
        </a:xfrm>
      </p:grpSpPr>
      <p:sp>
        <p:nvSpPr>
          <p:cNvPr id="5" name="Photo Placeholder">
            <a:extLst>
              <a:ext uri="{FF2B5EF4-FFF2-40B4-BE49-F238E27FC236}">
                <a16:creationId xmlns:a16="http://schemas.microsoft.com/office/drawing/2014/main" id="{4BA9A8B9-018C-AF48-8F42-61B6EF6BD058}"/>
              </a:ext>
            </a:extLst>
          </p:cNvPr>
          <p:cNvSpPr>
            <a:spLocks noGrp="1"/>
          </p:cNvSpPr>
          <p:nvPr>
            <p:ph type="pic" sz="quarter" idx="11"/>
          </p:nvPr>
        </p:nvSpPr>
        <p:spPr>
          <a:xfrm>
            <a:off x="6565660" y="0"/>
            <a:ext cx="5626340" cy="6869113"/>
          </a:xfrm>
        </p:spPr>
        <p:txBody>
          <a:bodyPr/>
          <a:lstStyle/>
          <a:p>
            <a:endParaRPr lang="en-US"/>
          </a:p>
        </p:txBody>
      </p:sp>
      <p:sp>
        <p:nvSpPr>
          <p:cNvPr id="13" name="Body Text Placeholder ">
            <a:extLst>
              <a:ext uri="{FF2B5EF4-FFF2-40B4-BE49-F238E27FC236}">
                <a16:creationId xmlns:a16="http://schemas.microsoft.com/office/drawing/2014/main" id="{425FE2E5-C799-BD40-939E-7A0067229687}"/>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2" name="Title Placeholder">
            <a:extLst>
              <a:ext uri="{FF2B5EF4-FFF2-40B4-BE49-F238E27FC236}">
                <a16:creationId xmlns:a16="http://schemas.microsoft.com/office/drawing/2014/main" id="{8D4D080E-B9C6-484E-96E8-1D76374457B4}"/>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
        <p:nvSpPr>
          <p:cNvPr id="11" name="Triangle 2">
            <a:extLst>
              <a:ext uri="{FF2B5EF4-FFF2-40B4-BE49-F238E27FC236}">
                <a16:creationId xmlns:a16="http://schemas.microsoft.com/office/drawing/2014/main" id="{982F289E-1A14-1F4A-9C3B-3E2A8D7302B9}"/>
              </a:ext>
            </a:extLst>
          </p:cNvPr>
          <p:cNvSpPr/>
          <p:nvPr userDrawn="1"/>
        </p:nvSpPr>
        <p:spPr>
          <a:xfrm rot="16200000" flipH="1">
            <a:off x="7505853" y="2182282"/>
            <a:ext cx="1256996" cy="8115299"/>
          </a:xfrm>
          <a:prstGeom prst="triangle">
            <a:avLst>
              <a:gd name="adj" fmla="val 100000"/>
            </a:avLst>
          </a:prstGeom>
          <a:gradFill flip="none" rotWithShape="1">
            <a:gsLst>
              <a:gs pos="96000">
                <a:schemeClr val="accent3">
                  <a:alpha val="85000"/>
                </a:schemeClr>
              </a:gs>
              <a:gs pos="21000">
                <a:schemeClr val="accent1">
                  <a:alpha val="9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2" name="Triangle 1">
            <a:extLst>
              <a:ext uri="{FF2B5EF4-FFF2-40B4-BE49-F238E27FC236}">
                <a16:creationId xmlns:a16="http://schemas.microsoft.com/office/drawing/2014/main" id="{6AB8BA26-D5FA-4343-A332-08AAFD77D266}"/>
              </a:ext>
            </a:extLst>
          </p:cNvPr>
          <p:cNvSpPr/>
          <p:nvPr userDrawn="1"/>
        </p:nvSpPr>
        <p:spPr>
          <a:xfrm rot="16200000" flipH="1" flipV="1">
            <a:off x="3201874" y="1642515"/>
            <a:ext cx="2028721" cy="8465642"/>
          </a:xfrm>
          <a:custGeom>
            <a:avLst/>
            <a:gdLst>
              <a:gd name="connsiteX0" fmla="*/ 0 w 2007455"/>
              <a:gd name="connsiteY0" fmla="*/ 8593233 h 8593233"/>
              <a:gd name="connsiteX1" fmla="*/ 2007455 w 2007455"/>
              <a:gd name="connsiteY1" fmla="*/ 0 h 8593233"/>
              <a:gd name="connsiteX2" fmla="*/ 2007455 w 2007455"/>
              <a:gd name="connsiteY2" fmla="*/ 8593233 h 8593233"/>
              <a:gd name="connsiteX3" fmla="*/ 0 w 2007455"/>
              <a:gd name="connsiteY3" fmla="*/ 8593233 h 8593233"/>
              <a:gd name="connsiteX0" fmla="*/ 0 w 2007455"/>
              <a:gd name="connsiteY0" fmla="*/ 8465642 h 8593233"/>
              <a:gd name="connsiteX1" fmla="*/ 2007455 w 2007455"/>
              <a:gd name="connsiteY1" fmla="*/ 0 h 8593233"/>
              <a:gd name="connsiteX2" fmla="*/ 2007455 w 2007455"/>
              <a:gd name="connsiteY2" fmla="*/ 8593233 h 8593233"/>
              <a:gd name="connsiteX3" fmla="*/ 0 w 2007455"/>
              <a:gd name="connsiteY3" fmla="*/ 8465642 h 8593233"/>
              <a:gd name="connsiteX0" fmla="*/ 0 w 2028721"/>
              <a:gd name="connsiteY0" fmla="*/ 8465642 h 8465642"/>
              <a:gd name="connsiteX1" fmla="*/ 2007455 w 2028721"/>
              <a:gd name="connsiteY1" fmla="*/ 0 h 8465642"/>
              <a:gd name="connsiteX2" fmla="*/ 2028721 w 2028721"/>
              <a:gd name="connsiteY2" fmla="*/ 8465642 h 8465642"/>
              <a:gd name="connsiteX3" fmla="*/ 0 w 2028721"/>
              <a:gd name="connsiteY3" fmla="*/ 8465642 h 8465642"/>
            </a:gdLst>
            <a:ahLst/>
            <a:cxnLst>
              <a:cxn ang="0">
                <a:pos x="connsiteX0" y="connsiteY0"/>
              </a:cxn>
              <a:cxn ang="0">
                <a:pos x="connsiteX1" y="connsiteY1"/>
              </a:cxn>
              <a:cxn ang="0">
                <a:pos x="connsiteX2" y="connsiteY2"/>
              </a:cxn>
              <a:cxn ang="0">
                <a:pos x="connsiteX3" y="connsiteY3"/>
              </a:cxn>
            </a:cxnLst>
            <a:rect l="l" t="t" r="r" b="b"/>
            <a:pathLst>
              <a:path w="2028721" h="8465642">
                <a:moveTo>
                  <a:pt x="0" y="8465642"/>
                </a:moveTo>
                <a:lnTo>
                  <a:pt x="2007455" y="0"/>
                </a:lnTo>
                <a:cubicBezTo>
                  <a:pt x="2014544" y="2821881"/>
                  <a:pt x="2021632" y="5643761"/>
                  <a:pt x="2028721" y="8465642"/>
                </a:cubicBezTo>
                <a:lnTo>
                  <a:pt x="0" y="8465642"/>
                </a:lnTo>
                <a:close/>
              </a:path>
            </a:pathLst>
          </a:cu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74345550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Paragraph Layout Triangle Placeholder, White">
    <p:spTree>
      <p:nvGrpSpPr>
        <p:cNvPr id="1" name=""/>
        <p:cNvGrpSpPr/>
        <p:nvPr/>
      </p:nvGrpSpPr>
      <p:grpSpPr>
        <a:xfrm>
          <a:off x="0" y="0"/>
          <a:ext cx="0" cy="0"/>
          <a:chOff x="0" y="0"/>
          <a:chExt cx="0" cy="0"/>
        </a:xfrm>
      </p:grpSpPr>
      <p:sp>
        <p:nvSpPr>
          <p:cNvPr id="10" name="Grey Background">
            <a:extLst>
              <a:ext uri="{FF2B5EF4-FFF2-40B4-BE49-F238E27FC236}">
                <a16:creationId xmlns:a16="http://schemas.microsoft.com/office/drawing/2014/main" id="{5EB4DB53-7963-284C-B781-FD645D8969A9}"/>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31755908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Breaker 3 with Image">
    <p:spTree>
      <p:nvGrpSpPr>
        <p:cNvPr id="1" name=""/>
        <p:cNvGrpSpPr/>
        <p:nvPr/>
      </p:nvGrpSpPr>
      <p:grpSpPr>
        <a:xfrm>
          <a:off x="0" y="0"/>
          <a:ext cx="0" cy="0"/>
          <a:chOff x="0" y="0"/>
          <a:chExt cx="0" cy="0"/>
        </a:xfrm>
      </p:grpSpPr>
      <p:pic>
        <p:nvPicPr>
          <p:cNvPr id="4" name="Picture 3" descr="Background pattern&#10;&#10;Description automatically generated">
            <a:extLst>
              <a:ext uri="{FF2B5EF4-FFF2-40B4-BE49-F238E27FC236}">
                <a16:creationId xmlns:a16="http://schemas.microsoft.com/office/drawing/2014/main" id="{8DB50828-CA2B-0D4B-AD42-D12FEC51F3FD}"/>
              </a:ext>
            </a:extLst>
          </p:cNvPr>
          <p:cNvPicPr>
            <a:picLocks noChangeAspect="1"/>
          </p:cNvPicPr>
          <p:nvPr userDrawn="1"/>
        </p:nvPicPr>
        <p:blipFill>
          <a:blip r:embed="rId2"/>
          <a:stretch>
            <a:fillRect/>
          </a:stretch>
        </p:blipFill>
        <p:spPr>
          <a:xfrm>
            <a:off x="0" y="0"/>
            <a:ext cx="12192000" cy="6858000"/>
          </a:xfrm>
          <a:prstGeom prst="rect">
            <a:avLst/>
          </a:prstGeom>
        </p:spPr>
      </p:pic>
      <p:pic>
        <p:nvPicPr>
          <p:cNvPr id="6" name="Graphic 4">
            <a:extLst>
              <a:ext uri="{FF2B5EF4-FFF2-40B4-BE49-F238E27FC236}">
                <a16:creationId xmlns:a16="http://schemas.microsoft.com/office/drawing/2014/main" id="{916F6173-536B-BB41-9D4D-65FE535E0A3A}"/>
              </a:ext>
            </a:extLst>
          </p:cNvPr>
          <p:cNvPicPr>
            <a:picLocks noChangeAspect="1"/>
          </p:cNvPicPr>
          <p:nvPr/>
        </p:nvPicPr>
        <p:blipFill>
          <a:blip r:embed="rId3"/>
          <a:stretch>
            <a:fillRect/>
          </a:stretch>
        </p:blipFill>
        <p:spPr>
          <a:xfrm>
            <a:off x="10452100" y="6130925"/>
            <a:ext cx="1130300" cy="350838"/>
          </a:xfrm>
          <a:prstGeom prst="rect">
            <a:avLst/>
          </a:prstGeom>
        </p:spPr>
      </p:pic>
      <p:sp>
        <p:nvSpPr>
          <p:cNvPr id="11" name="Text Placeholder 36"/>
          <p:cNvSpPr>
            <a:spLocks noGrp="1"/>
          </p:cNvSpPr>
          <p:nvPr>
            <p:ph type="body" sz="quarter" idx="13"/>
          </p:nvPr>
        </p:nvSpPr>
        <p:spPr>
          <a:xfrm>
            <a:off x="7004065" y="5075428"/>
            <a:ext cx="4576553" cy="547450"/>
          </a:xfrm>
          <a:prstGeom prst="rect">
            <a:avLst/>
          </a:prstGeom>
        </p:spPr>
        <p:txBody>
          <a:bodyPr lIns="0" tIns="0" rIns="0" bIns="0" anchor="t" anchorCtr="0"/>
          <a:lstStyle>
            <a:lvl1pPr marL="0" indent="0">
              <a:buNone/>
              <a:defRPr sz="1800">
                <a:solidFill>
                  <a:srgbClr val="FFFFFF"/>
                </a:solidFill>
                <a:latin typeface="Arial" panose="020B0604020202020204" pitchFamily="34" charset="0"/>
                <a:cs typeface="Arial" panose="020B0604020202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noProof="0"/>
              <a:t>Click to edit Master text styles</a:t>
            </a:r>
          </a:p>
        </p:txBody>
      </p:sp>
      <p:sp>
        <p:nvSpPr>
          <p:cNvPr id="15" name="Text Placeholder 6"/>
          <p:cNvSpPr>
            <a:spLocks noGrp="1"/>
          </p:cNvSpPr>
          <p:nvPr>
            <p:ph type="body" sz="quarter" idx="11"/>
          </p:nvPr>
        </p:nvSpPr>
        <p:spPr>
          <a:xfrm>
            <a:off x="7003915" y="3706560"/>
            <a:ext cx="4578485" cy="1271588"/>
          </a:xfrm>
          <a:prstGeom prst="rect">
            <a:avLst/>
          </a:prstGeom>
        </p:spPr>
        <p:txBody>
          <a:bodyPr lIns="0" rIns="0" anchor="b" anchorCtr="0"/>
          <a:lstStyle>
            <a:lvl1pPr marL="0" indent="0">
              <a:buNone/>
              <a:defRPr sz="2400" b="1" i="0">
                <a:solidFill>
                  <a:srgbClr val="FFFFFF"/>
                </a:solidFill>
                <a:latin typeface="Arial" panose="020B0604020202020204" pitchFamily="34" charset="0"/>
                <a:cs typeface="Arial" panose="020B0604020202020204" pitchFamily="34" charset="0"/>
              </a:defRPr>
            </a:lvl1pPr>
            <a:lvl2pPr marL="9525" indent="0">
              <a:buNone/>
              <a:tabLst/>
              <a:defRPr sz="1800" b="0" i="0">
                <a:solidFill>
                  <a:schemeClr val="tx1"/>
                </a:solidFill>
                <a:latin typeface="Arial" panose="020B0604020202020204" pitchFamily="34" charset="0"/>
                <a:cs typeface="Arial" panose="020B0604020202020204" pitchFamily="34" charset="0"/>
              </a:defRPr>
            </a:lvl2pPr>
            <a:lvl3pPr marL="914400" indent="0">
              <a:buNone/>
              <a:defRPr sz="1800" b="0" i="0">
                <a:solidFill>
                  <a:schemeClr val="tx1"/>
                </a:solidFill>
                <a:latin typeface="Arial" panose="020B0604020202020204" pitchFamily="34" charset="0"/>
                <a:cs typeface="Arial" panose="020B0604020202020204" pitchFamily="34" charset="0"/>
              </a:defRPr>
            </a:lvl3pPr>
            <a:lvl4pPr marL="1371600" indent="0">
              <a:buNone/>
              <a:defRPr sz="1800" b="0" i="0">
                <a:solidFill>
                  <a:schemeClr val="tx1"/>
                </a:solidFill>
                <a:latin typeface="Arial" panose="020B0604020202020204" pitchFamily="34" charset="0"/>
                <a:cs typeface="Arial" panose="020B0604020202020204" pitchFamily="34" charset="0"/>
              </a:defRPr>
            </a:lvl4pPr>
            <a:lvl5pPr marL="1828800" indent="0">
              <a:buNone/>
              <a:defRPr sz="1800" b="0" i="0">
                <a:solidFill>
                  <a:schemeClr val="tx1"/>
                </a:solidFill>
                <a:latin typeface="Arial" panose="020B0604020202020204" pitchFamily="34" charset="0"/>
                <a:cs typeface="Arial" panose="020B0604020202020204" pitchFamily="34" charset="0"/>
              </a:defRPr>
            </a:lvl5pPr>
          </a:lstStyle>
          <a:p>
            <a:pPr lvl="0"/>
            <a:r>
              <a:rPr lang="en-US" noProof="0"/>
              <a:t>Click to edit Master text styles</a:t>
            </a:r>
          </a:p>
        </p:txBody>
      </p:sp>
    </p:spTree>
    <p:extLst>
      <p:ext uri="{BB962C8B-B14F-4D97-AF65-F5344CB8AC3E}">
        <p14:creationId xmlns:p14="http://schemas.microsoft.com/office/powerpoint/2010/main" val="2537431282"/>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Paragraph Layout Angle Placeholder, White">
    <p:bg>
      <p:bgPr>
        <a:solidFill>
          <a:schemeClr val="bg1"/>
        </a:solidFill>
        <a:effectLst/>
      </p:bgPr>
    </p:bg>
    <p:spTree>
      <p:nvGrpSpPr>
        <p:cNvPr id="1" name=""/>
        <p:cNvGrpSpPr/>
        <p:nvPr/>
      </p:nvGrpSpPr>
      <p:grpSpPr>
        <a:xfrm>
          <a:off x="0" y="0"/>
          <a:ext cx="0" cy="0"/>
          <a:chOff x="0" y="0"/>
          <a:chExt cx="0" cy="0"/>
        </a:xfrm>
      </p:grpSpPr>
      <p:sp>
        <p:nvSpPr>
          <p:cNvPr id="7" name="Picture Placeholder">
            <a:extLst>
              <a:ext uri="{FF2B5EF4-FFF2-40B4-BE49-F238E27FC236}">
                <a16:creationId xmlns:a16="http://schemas.microsoft.com/office/drawing/2014/main" id="{98B3C70D-34A9-8A4A-8525-6FC2AA42522A}"/>
              </a:ext>
            </a:extLst>
          </p:cNvPr>
          <p:cNvSpPr>
            <a:spLocks noGrp="1"/>
          </p:cNvSpPr>
          <p:nvPr>
            <p:ph type="pic" sz="quarter" idx="11"/>
          </p:nvPr>
        </p:nvSpPr>
        <p:spPr>
          <a:xfrm>
            <a:off x="4648201" y="-11112"/>
            <a:ext cx="7592785" cy="6885440"/>
          </a:xfrm>
          <a:custGeom>
            <a:avLst/>
            <a:gdLst>
              <a:gd name="connsiteX0" fmla="*/ 0 w 5707258"/>
              <a:gd name="connsiteY0" fmla="*/ 6869113 h 6869113"/>
              <a:gd name="connsiteX1" fmla="*/ 0 w 5707258"/>
              <a:gd name="connsiteY1" fmla="*/ 0 h 6869113"/>
              <a:gd name="connsiteX2" fmla="*/ 5707258 w 5707258"/>
              <a:gd name="connsiteY2" fmla="*/ 6869113 h 6869113"/>
              <a:gd name="connsiteX3" fmla="*/ 0 w 5707258"/>
              <a:gd name="connsiteY3" fmla="*/ 6869113 h 6869113"/>
              <a:gd name="connsiteX0" fmla="*/ 0 w 5731328"/>
              <a:gd name="connsiteY0" fmla="*/ 6852784 h 6852784"/>
              <a:gd name="connsiteX1" fmla="*/ 5731328 w 5731328"/>
              <a:gd name="connsiteY1" fmla="*/ 0 h 6852784"/>
              <a:gd name="connsiteX2" fmla="*/ 5707258 w 5731328"/>
              <a:gd name="connsiteY2" fmla="*/ 6852784 h 6852784"/>
              <a:gd name="connsiteX3" fmla="*/ 0 w 5731328"/>
              <a:gd name="connsiteY3" fmla="*/ 6852784 h 6852784"/>
              <a:gd name="connsiteX0" fmla="*/ 0 w 5731328"/>
              <a:gd name="connsiteY0" fmla="*/ 6852784 h 6852784"/>
              <a:gd name="connsiteX1" fmla="*/ 3541001 w 5731328"/>
              <a:gd name="connsiteY1" fmla="*/ 2628899 h 6852784"/>
              <a:gd name="connsiteX2" fmla="*/ 5731328 w 5731328"/>
              <a:gd name="connsiteY2" fmla="*/ 0 h 6852784"/>
              <a:gd name="connsiteX3" fmla="*/ 5707258 w 5731328"/>
              <a:gd name="connsiteY3" fmla="*/ 6852784 h 6852784"/>
              <a:gd name="connsiteX4" fmla="*/ 0 w 5731328"/>
              <a:gd name="connsiteY4" fmla="*/ 6852784 h 6852784"/>
              <a:gd name="connsiteX0" fmla="*/ 0 w 5731328"/>
              <a:gd name="connsiteY0" fmla="*/ 6852784 h 6852784"/>
              <a:gd name="connsiteX1" fmla="*/ 2120415 w 5731328"/>
              <a:gd name="connsiteY1" fmla="*/ 16327 h 6852784"/>
              <a:gd name="connsiteX2" fmla="*/ 5731328 w 5731328"/>
              <a:gd name="connsiteY2" fmla="*/ 0 h 6852784"/>
              <a:gd name="connsiteX3" fmla="*/ 5707258 w 5731328"/>
              <a:gd name="connsiteY3" fmla="*/ 6852784 h 6852784"/>
              <a:gd name="connsiteX4" fmla="*/ 0 w 5731328"/>
              <a:gd name="connsiteY4" fmla="*/ 6852784 h 6852784"/>
              <a:gd name="connsiteX0" fmla="*/ 0 w 6955971"/>
              <a:gd name="connsiteY0" fmla="*/ 6869112 h 6869112"/>
              <a:gd name="connsiteX1" fmla="*/ 3345058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6955971"/>
              <a:gd name="connsiteY0" fmla="*/ 6885442 h 6885442"/>
              <a:gd name="connsiteX1" fmla="*/ 3198101 w 6955971"/>
              <a:gd name="connsiteY1" fmla="*/ 0 h 6885442"/>
              <a:gd name="connsiteX2" fmla="*/ 6955971 w 6955971"/>
              <a:gd name="connsiteY2" fmla="*/ 16330 h 6885442"/>
              <a:gd name="connsiteX3" fmla="*/ 6931901 w 6955971"/>
              <a:gd name="connsiteY3" fmla="*/ 6869114 h 6885442"/>
              <a:gd name="connsiteX4" fmla="*/ 0 w 6955971"/>
              <a:gd name="connsiteY4" fmla="*/ 6885442 h 6885442"/>
              <a:gd name="connsiteX0" fmla="*/ 0 w 6955971"/>
              <a:gd name="connsiteY0" fmla="*/ 6869112 h 6869112"/>
              <a:gd name="connsiteX1" fmla="*/ 3181772 w 6955971"/>
              <a:gd name="connsiteY1" fmla="*/ 16327 h 6869112"/>
              <a:gd name="connsiteX2" fmla="*/ 6955971 w 6955971"/>
              <a:gd name="connsiteY2" fmla="*/ 0 h 6869112"/>
              <a:gd name="connsiteX3" fmla="*/ 6931901 w 6955971"/>
              <a:gd name="connsiteY3" fmla="*/ 6852784 h 6869112"/>
              <a:gd name="connsiteX4" fmla="*/ 0 w 6955971"/>
              <a:gd name="connsiteY4" fmla="*/ 6869112 h 6869112"/>
              <a:gd name="connsiteX0" fmla="*/ 0 w 7560128"/>
              <a:gd name="connsiteY0" fmla="*/ 6869112 h 6869112"/>
              <a:gd name="connsiteX1" fmla="*/ 3785929 w 7560128"/>
              <a:gd name="connsiteY1" fmla="*/ 16327 h 6869112"/>
              <a:gd name="connsiteX2" fmla="*/ 7560128 w 7560128"/>
              <a:gd name="connsiteY2" fmla="*/ 0 h 6869112"/>
              <a:gd name="connsiteX3" fmla="*/ 7536058 w 7560128"/>
              <a:gd name="connsiteY3" fmla="*/ 6852784 h 6869112"/>
              <a:gd name="connsiteX4" fmla="*/ 0 w 7560128"/>
              <a:gd name="connsiteY4" fmla="*/ 6869112 h 6869112"/>
              <a:gd name="connsiteX0" fmla="*/ 0 w 7592785"/>
              <a:gd name="connsiteY0" fmla="*/ 6885440 h 6885440"/>
              <a:gd name="connsiteX1" fmla="*/ 3818586 w 7592785"/>
              <a:gd name="connsiteY1" fmla="*/ 16327 h 6885440"/>
              <a:gd name="connsiteX2" fmla="*/ 7592785 w 7592785"/>
              <a:gd name="connsiteY2" fmla="*/ 0 h 6885440"/>
              <a:gd name="connsiteX3" fmla="*/ 7568715 w 7592785"/>
              <a:gd name="connsiteY3" fmla="*/ 6852784 h 6885440"/>
              <a:gd name="connsiteX4" fmla="*/ 0 w 7592785"/>
              <a:gd name="connsiteY4" fmla="*/ 6885440 h 6885440"/>
              <a:gd name="connsiteX0" fmla="*/ 0 w 7592785"/>
              <a:gd name="connsiteY0" fmla="*/ 6885440 h 6885440"/>
              <a:gd name="connsiteX1" fmla="*/ 3818586 w 7592785"/>
              <a:gd name="connsiteY1" fmla="*/ 32655 h 6885440"/>
              <a:gd name="connsiteX2" fmla="*/ 7592785 w 7592785"/>
              <a:gd name="connsiteY2" fmla="*/ 0 h 6885440"/>
              <a:gd name="connsiteX3" fmla="*/ 7568715 w 7592785"/>
              <a:gd name="connsiteY3" fmla="*/ 6852784 h 6885440"/>
              <a:gd name="connsiteX4" fmla="*/ 0 w 7592785"/>
              <a:gd name="connsiteY4" fmla="*/ 6885440 h 68854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592785" h="6885440">
                <a:moveTo>
                  <a:pt x="0" y="6885440"/>
                </a:moveTo>
                <a:lnTo>
                  <a:pt x="3818586" y="32655"/>
                </a:lnTo>
                <a:lnTo>
                  <a:pt x="7592785" y="0"/>
                </a:lnTo>
                <a:cubicBezTo>
                  <a:pt x="7584762" y="2284261"/>
                  <a:pt x="7576738" y="4568523"/>
                  <a:pt x="7568715" y="6852784"/>
                </a:cubicBezTo>
                <a:lnTo>
                  <a:pt x="0" y="6885440"/>
                </a:lnTo>
                <a:close/>
              </a:path>
            </a:pathLst>
          </a:custGeom>
        </p:spPr>
        <p:txBody>
          <a:bodyPr/>
          <a:lstStyle>
            <a:lvl1pPr marL="0" indent="0" algn="r">
              <a:buNone/>
              <a:defRPr/>
            </a:lvl1pPr>
          </a:lstStyle>
          <a:p>
            <a:endParaRPr lang="en-US"/>
          </a:p>
        </p:txBody>
      </p:sp>
      <p:sp>
        <p:nvSpPr>
          <p:cNvPr id="9" name="Triangle">
            <a:extLst>
              <a:ext uri="{FF2B5EF4-FFF2-40B4-BE49-F238E27FC236}">
                <a16:creationId xmlns:a16="http://schemas.microsoft.com/office/drawing/2014/main" id="{F74EE9E9-E4D3-B940-9632-09B782EDC3E6}"/>
              </a:ext>
            </a:extLst>
          </p:cNvPr>
          <p:cNvSpPr/>
          <p:nvPr userDrawn="1"/>
        </p:nvSpPr>
        <p:spPr>
          <a:xfrm rot="16200000" flipH="1" flipV="1">
            <a:off x="3148711" y="1568086"/>
            <a:ext cx="2007455" cy="8593233"/>
          </a:xfrm>
          <a:prstGeom prst="triangle">
            <a:avLst>
              <a:gd name="adj" fmla="val 100000"/>
            </a:avLst>
          </a:prstGeom>
          <a:gradFill flip="none" rotWithShape="1">
            <a:gsLst>
              <a:gs pos="13000">
                <a:schemeClr val="accent3"/>
              </a:gs>
              <a:gs pos="99000">
                <a:schemeClr val="accent1">
                  <a:alpha val="51000"/>
                </a:schemeClr>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8" name="Body Text Placeholder">
            <a:extLst>
              <a:ext uri="{FF2B5EF4-FFF2-40B4-BE49-F238E27FC236}">
                <a16:creationId xmlns:a16="http://schemas.microsoft.com/office/drawing/2014/main" id="{D086FE33-EE81-B342-A7D3-1ADAEC2636BF}"/>
              </a:ext>
            </a:extLst>
          </p:cNvPr>
          <p:cNvSpPr>
            <a:spLocks noGrp="1"/>
          </p:cNvSpPr>
          <p:nvPr>
            <p:ph type="body" sz="quarter" idx="10" hasCustomPrompt="1"/>
          </p:nvPr>
        </p:nvSpPr>
        <p:spPr>
          <a:xfrm>
            <a:off x="1202008" y="2066525"/>
            <a:ext cx="4893992" cy="2819400"/>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800" b="0" i="0">
                <a:latin typeface="Arial" panose="020B0604020202020204" pitchFamily="34" charset="0"/>
                <a:cs typeface="Arial" panose="020B0604020202020204" pitchFamily="34" charset="0"/>
              </a:defRPr>
            </a:lvl1pPr>
            <a:lvl2pPr marL="457200" indent="0">
              <a:buNone/>
              <a:defRPr b="0" i="0">
                <a:latin typeface="Arial" panose="020B0604020202020204" pitchFamily="34" charset="0"/>
                <a:cs typeface="Arial" panose="020B0604020202020204" pitchFamily="34" charset="0"/>
              </a:defRPr>
            </a:lvl2pPr>
            <a:lvl3pPr marL="914400" indent="0">
              <a:buNone/>
              <a:defRPr b="0" i="0">
                <a:latin typeface="Arial" panose="020B0604020202020204" pitchFamily="34" charset="0"/>
                <a:cs typeface="Arial" panose="020B0604020202020204" pitchFamily="34" charset="0"/>
              </a:defRPr>
            </a:lvl3pPr>
            <a:lvl4pPr marL="1371600" indent="0">
              <a:buNone/>
              <a:defRPr b="0" i="0">
                <a:latin typeface="Arial" panose="020B0604020202020204" pitchFamily="34" charset="0"/>
                <a:cs typeface="Arial" panose="020B0604020202020204" pitchFamily="34" charset="0"/>
              </a:defRPr>
            </a:lvl4pPr>
            <a:lvl5pPr marL="1828800" indent="0">
              <a:buNone/>
              <a:defRPr b="0" i="0">
                <a:latin typeface="Arial" panose="020B0604020202020204" pitchFamily="34" charset="0"/>
                <a:cs typeface="Arial" panose="020B0604020202020204" pitchFamily="34" charset="0"/>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a:t>
            </a:r>
            <a:r>
              <a:rPr lang="en-US" err="1"/>
              <a:t>labore</a:t>
            </a:r>
            <a:r>
              <a:rPr lang="en-US"/>
              <a:t>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aliquip</a:t>
            </a:r>
            <a:r>
              <a:rPr lang="en-US"/>
              <a:t> ex </a:t>
            </a:r>
            <a:r>
              <a:rPr lang="en-US" err="1"/>
              <a:t>ea</a:t>
            </a:r>
            <a:r>
              <a:rPr lang="en-US"/>
              <a:t> </a:t>
            </a:r>
            <a:r>
              <a:rPr lang="en-US" err="1"/>
              <a:t>commodo</a:t>
            </a:r>
            <a:r>
              <a:rPr lang="en-US"/>
              <a:t> </a:t>
            </a:r>
            <a:r>
              <a:rPr lang="en-US" err="1"/>
              <a:t>consequat</a:t>
            </a:r>
            <a:r>
              <a:rPr lang="en-US"/>
              <a:t>. </a:t>
            </a:r>
          </a:p>
          <a:p>
            <a:pPr lvl="0"/>
            <a:endParaRPr lang="en-US"/>
          </a:p>
        </p:txBody>
      </p:sp>
      <p:sp>
        <p:nvSpPr>
          <p:cNvPr id="12" name="Title ">
            <a:extLst>
              <a:ext uri="{FF2B5EF4-FFF2-40B4-BE49-F238E27FC236}">
                <a16:creationId xmlns:a16="http://schemas.microsoft.com/office/drawing/2014/main" id="{5ABAC9F7-1DC0-C24D-98EA-E217B33438E6}"/>
              </a:ext>
            </a:extLst>
          </p:cNvPr>
          <p:cNvSpPr>
            <a:spLocks noGrp="1"/>
          </p:cNvSpPr>
          <p:nvPr>
            <p:ph type="title" hasCustomPrompt="1"/>
          </p:nvPr>
        </p:nvSpPr>
        <p:spPr>
          <a:xfrm>
            <a:off x="1193547" y="1093378"/>
            <a:ext cx="5291195" cy="750458"/>
          </a:xfrm>
        </p:spPr>
        <p:txBody>
          <a:bodyPr anchor="b">
            <a:normAutofit/>
          </a:bodyPr>
          <a:lstStyle>
            <a:lvl1pPr>
              <a:defRPr sz="2800" b="1" i="0">
                <a:latin typeface="Arial" panose="020B0604020202020204" pitchFamily="34" charset="0"/>
                <a:cs typeface="Arial" panose="020B0604020202020204" pitchFamily="34" charset="0"/>
              </a:defRPr>
            </a:lvl1pPr>
          </a:lstStyle>
          <a:p>
            <a:r>
              <a:rPr lang="en-US"/>
              <a:t>Slide title goes here</a:t>
            </a:r>
          </a:p>
        </p:txBody>
      </p:sp>
    </p:spTree>
    <p:extLst>
      <p:ext uri="{BB962C8B-B14F-4D97-AF65-F5344CB8AC3E}">
        <p14:creationId xmlns:p14="http://schemas.microsoft.com/office/powerpoint/2010/main" val="177562541"/>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Gradient Angle Background">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C484C521-F63C-CB4D-9E3A-BDA5E1FDE365}"/>
              </a:ext>
            </a:extLst>
          </p:cNvPr>
          <p:cNvSpPr/>
          <p:nvPr userDrawn="1"/>
        </p:nvSpPr>
        <p:spPr>
          <a:xfrm>
            <a:off x="-20734"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13" name="Orange Lines">
            <a:extLst>
              <a:ext uri="{FF2B5EF4-FFF2-40B4-BE49-F238E27FC236}">
                <a16:creationId xmlns:a16="http://schemas.microsoft.com/office/drawing/2014/main" id="{D44193A5-94FA-B64F-83FB-AAC5B7B547B9}"/>
              </a:ext>
            </a:extLst>
          </p:cNvPr>
          <p:cNvGrpSpPr/>
          <p:nvPr userDrawn="1"/>
        </p:nvGrpSpPr>
        <p:grpSpPr>
          <a:xfrm>
            <a:off x="-63260" y="1154194"/>
            <a:ext cx="12318521" cy="3289314"/>
            <a:chOff x="-63260" y="1154194"/>
            <a:chExt cx="12318521" cy="3289314"/>
          </a:xfrm>
        </p:grpSpPr>
        <p:cxnSp>
          <p:nvCxnSpPr>
            <p:cNvPr id="3" name="Straight Connector 2">
              <a:extLst>
                <a:ext uri="{FF2B5EF4-FFF2-40B4-BE49-F238E27FC236}">
                  <a16:creationId xmlns:a16="http://schemas.microsoft.com/office/drawing/2014/main" id="{4AEE42F9-EAB4-FD43-9849-5EDA69168BAA}"/>
                </a:ext>
              </a:extLst>
            </p:cNvPr>
            <p:cNvCxnSpPr>
              <a:cxnSpLocks/>
            </p:cNvCxnSpPr>
            <p:nvPr userDrawn="1"/>
          </p:nvCxnSpPr>
          <p:spPr>
            <a:xfrm flipV="1">
              <a:off x="1862837" y="1154194"/>
              <a:ext cx="10392424" cy="328222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FCBBDAD9-EAC0-D849-97BF-9026D24389A3}"/>
                </a:ext>
              </a:extLst>
            </p:cNvPr>
            <p:cNvCxnSpPr>
              <a:cxnSpLocks/>
            </p:cNvCxnSpPr>
            <p:nvPr userDrawn="1"/>
          </p:nvCxnSpPr>
          <p:spPr>
            <a:xfrm flipH="1" flipV="1">
              <a:off x="-63260" y="1729563"/>
              <a:ext cx="1933186" cy="2713945"/>
            </a:xfrm>
            <a:prstGeom prst="line">
              <a:avLst/>
            </a:prstGeom>
            <a:ln w="19050">
              <a:solidFill>
                <a:schemeClr val="accent6"/>
              </a:solidFill>
            </a:ln>
          </p:spPr>
          <p:style>
            <a:lnRef idx="1">
              <a:schemeClr val="accent1"/>
            </a:lnRef>
            <a:fillRef idx="0">
              <a:schemeClr val="accent1"/>
            </a:fillRef>
            <a:effectRef idx="0">
              <a:schemeClr val="accent1"/>
            </a:effectRef>
            <a:fontRef idx="minor">
              <a:schemeClr val="tx1"/>
            </a:fontRef>
          </p:style>
        </p:cxnSp>
      </p:grpSp>
      <p:sp>
        <p:nvSpPr>
          <p:cNvPr id="14" name="Gradient Triangle">
            <a:extLst>
              <a:ext uri="{FF2B5EF4-FFF2-40B4-BE49-F238E27FC236}">
                <a16:creationId xmlns:a16="http://schemas.microsoft.com/office/drawing/2014/main" id="{75611E49-A1E8-EA44-AAB2-3310DBF77941}"/>
              </a:ext>
            </a:extLst>
          </p:cNvPr>
          <p:cNvSpPr/>
          <p:nvPr userDrawn="1"/>
        </p:nvSpPr>
        <p:spPr>
          <a:xfrm rot="19941961">
            <a:off x="148043" y="-2895651"/>
            <a:ext cx="11691472" cy="6795333"/>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55448"/>
              <a:gd name="connsiteY0" fmla="*/ 4903231 h 6841988"/>
              <a:gd name="connsiteX1" fmla="*/ 0 w 12255448"/>
              <a:gd name="connsiteY1" fmla="*/ 1629589 h 6841988"/>
              <a:gd name="connsiteX2" fmla="*/ 853160 w 12255448"/>
              <a:gd name="connsiteY2" fmla="*/ 0 h 6841988"/>
              <a:gd name="connsiteX3" fmla="*/ 12255448 w 12255448"/>
              <a:gd name="connsiteY3" fmla="*/ 4632406 h 6841988"/>
              <a:gd name="connsiteX4" fmla="*/ 11070312 w 12255448"/>
              <a:gd name="connsiteY4" fmla="*/ 6841988 h 6841988"/>
              <a:gd name="connsiteX5" fmla="*/ 500057 w 12255448"/>
              <a:gd name="connsiteY5" fmla="*/ 4903231 h 6841988"/>
              <a:gd name="connsiteX0" fmla="*/ 500057 w 11760514"/>
              <a:gd name="connsiteY0" fmla="*/ 4903231 h 6841988"/>
              <a:gd name="connsiteX1" fmla="*/ 0 w 11760514"/>
              <a:gd name="connsiteY1" fmla="*/ 1629589 h 6841988"/>
              <a:gd name="connsiteX2" fmla="*/ 853160 w 11760514"/>
              <a:gd name="connsiteY2" fmla="*/ 0 h 6841988"/>
              <a:gd name="connsiteX3" fmla="*/ 11760514 w 11760514"/>
              <a:gd name="connsiteY3" fmla="*/ 5669459 h 6841988"/>
              <a:gd name="connsiteX4" fmla="*/ 11070312 w 11760514"/>
              <a:gd name="connsiteY4" fmla="*/ 6841988 h 6841988"/>
              <a:gd name="connsiteX5" fmla="*/ 500057 w 11760514"/>
              <a:gd name="connsiteY5" fmla="*/ 4903231 h 6841988"/>
              <a:gd name="connsiteX0" fmla="*/ 500057 w 11691472"/>
              <a:gd name="connsiteY0" fmla="*/ 4903231 h 6841988"/>
              <a:gd name="connsiteX1" fmla="*/ 0 w 11691472"/>
              <a:gd name="connsiteY1" fmla="*/ 1629589 h 6841988"/>
              <a:gd name="connsiteX2" fmla="*/ 853160 w 11691472"/>
              <a:gd name="connsiteY2" fmla="*/ 0 h 6841988"/>
              <a:gd name="connsiteX3" fmla="*/ 11691472 w 11691472"/>
              <a:gd name="connsiteY3" fmla="*/ 5801335 h 6841988"/>
              <a:gd name="connsiteX4" fmla="*/ 11070312 w 11691472"/>
              <a:gd name="connsiteY4" fmla="*/ 6841988 h 6841988"/>
              <a:gd name="connsiteX5" fmla="*/ 500057 w 11691472"/>
              <a:gd name="connsiteY5" fmla="*/ 4903231 h 6841988"/>
              <a:gd name="connsiteX0" fmla="*/ 500057 w 11691472"/>
              <a:gd name="connsiteY0" fmla="*/ 4856576 h 6795333"/>
              <a:gd name="connsiteX1" fmla="*/ 0 w 11691472"/>
              <a:gd name="connsiteY1" fmla="*/ 1582934 h 6795333"/>
              <a:gd name="connsiteX2" fmla="*/ 804731 w 11691472"/>
              <a:gd name="connsiteY2" fmla="*/ 0 h 6795333"/>
              <a:gd name="connsiteX3" fmla="*/ 11691472 w 11691472"/>
              <a:gd name="connsiteY3" fmla="*/ 5754680 h 6795333"/>
              <a:gd name="connsiteX4" fmla="*/ 11070312 w 11691472"/>
              <a:gd name="connsiteY4" fmla="*/ 6795333 h 6795333"/>
              <a:gd name="connsiteX5" fmla="*/ 500057 w 11691472"/>
              <a:gd name="connsiteY5" fmla="*/ 4856576 h 6795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91472" h="6795333">
                <a:moveTo>
                  <a:pt x="500057" y="4856576"/>
                </a:moveTo>
                <a:lnTo>
                  <a:pt x="0" y="1582934"/>
                </a:lnTo>
                <a:lnTo>
                  <a:pt x="804731" y="0"/>
                </a:lnTo>
                <a:lnTo>
                  <a:pt x="11691472" y="5754680"/>
                </a:lnTo>
                <a:lnTo>
                  <a:pt x="11070312" y="6795333"/>
                </a:lnTo>
                <a:lnTo>
                  <a:pt x="500057" y="4856576"/>
                </a:lnTo>
                <a:close/>
              </a:path>
            </a:pathLst>
          </a:custGeom>
          <a:gradFill>
            <a:gsLst>
              <a:gs pos="96000">
                <a:schemeClr val="accent3">
                  <a:alpha val="85000"/>
                </a:schemeClr>
              </a:gs>
              <a:gs pos="21000">
                <a:schemeClr val="accent1">
                  <a:alpha val="91000"/>
                </a:schemeClr>
              </a:gs>
            </a:gsLst>
            <a:lin ang="54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3193861609"/>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Grey Triangle Background">
    <p:spTree>
      <p:nvGrpSpPr>
        <p:cNvPr id="1" name=""/>
        <p:cNvGrpSpPr/>
        <p:nvPr/>
      </p:nvGrpSpPr>
      <p:grpSpPr>
        <a:xfrm>
          <a:off x="0" y="0"/>
          <a:ext cx="0" cy="0"/>
          <a:chOff x="0" y="0"/>
          <a:chExt cx="0" cy="0"/>
        </a:xfrm>
      </p:grpSpPr>
      <p:sp>
        <p:nvSpPr>
          <p:cNvPr id="15" name="Grey Background">
            <a:extLst>
              <a:ext uri="{FF2B5EF4-FFF2-40B4-BE49-F238E27FC236}">
                <a16:creationId xmlns:a16="http://schemas.microsoft.com/office/drawing/2014/main" id="{2592A2E2-9FC2-DC40-8CBA-82E3CD5DF1C8}"/>
              </a:ext>
            </a:extLst>
          </p:cNvPr>
          <p:cNvSpPr/>
          <p:nvPr userDrawn="1"/>
        </p:nvSpPr>
        <p:spPr>
          <a:xfrm>
            <a:off x="-63260" y="0"/>
            <a:ext cx="12318521" cy="68580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6" name="White Triangle">
            <a:extLst>
              <a:ext uri="{FF2B5EF4-FFF2-40B4-BE49-F238E27FC236}">
                <a16:creationId xmlns:a16="http://schemas.microsoft.com/office/drawing/2014/main" id="{F6BC5E80-ACD9-F14F-98B7-7A68B3AF1DAD}"/>
              </a:ext>
            </a:extLst>
          </p:cNvPr>
          <p:cNvSpPr/>
          <p:nvPr userDrawn="1"/>
        </p:nvSpPr>
        <p:spPr>
          <a:xfrm rot="19941961">
            <a:off x="-160067" y="-2632730"/>
            <a:ext cx="12282738" cy="7840861"/>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 name="connsiteX0" fmla="*/ 500057 w 12214551"/>
              <a:gd name="connsiteY0" fmla="*/ 5939397 h 7878154"/>
              <a:gd name="connsiteX1" fmla="*/ 0 w 12214551"/>
              <a:gd name="connsiteY1" fmla="*/ 2665755 h 7878154"/>
              <a:gd name="connsiteX2" fmla="*/ 1395637 w 12214551"/>
              <a:gd name="connsiteY2" fmla="*/ 0 h 7878154"/>
              <a:gd name="connsiteX3" fmla="*/ 12214551 w 12214551"/>
              <a:gd name="connsiteY3" fmla="*/ 5747821 h 7878154"/>
              <a:gd name="connsiteX4" fmla="*/ 11070312 w 12214551"/>
              <a:gd name="connsiteY4" fmla="*/ 7878154 h 7878154"/>
              <a:gd name="connsiteX5" fmla="*/ 500057 w 12214551"/>
              <a:gd name="connsiteY5" fmla="*/ 5939397 h 7878154"/>
              <a:gd name="connsiteX0" fmla="*/ 500057 w 12214551"/>
              <a:gd name="connsiteY0" fmla="*/ 5939397 h 7872716"/>
              <a:gd name="connsiteX1" fmla="*/ 0 w 12214551"/>
              <a:gd name="connsiteY1" fmla="*/ 2665755 h 7872716"/>
              <a:gd name="connsiteX2" fmla="*/ 1395637 w 12214551"/>
              <a:gd name="connsiteY2" fmla="*/ 0 h 7872716"/>
              <a:gd name="connsiteX3" fmla="*/ 12214551 w 12214551"/>
              <a:gd name="connsiteY3" fmla="*/ 5747821 h 7872716"/>
              <a:gd name="connsiteX4" fmla="*/ 11017825 w 12214551"/>
              <a:gd name="connsiteY4" fmla="*/ 7872716 h 7872716"/>
              <a:gd name="connsiteX5" fmla="*/ 500057 w 12214551"/>
              <a:gd name="connsiteY5" fmla="*/ 5939397 h 7872716"/>
              <a:gd name="connsiteX0" fmla="*/ 500057 w 12145524"/>
              <a:gd name="connsiteY0" fmla="*/ 5939397 h 7872716"/>
              <a:gd name="connsiteX1" fmla="*/ 0 w 12145524"/>
              <a:gd name="connsiteY1" fmla="*/ 2665755 h 7872716"/>
              <a:gd name="connsiteX2" fmla="*/ 1395637 w 12145524"/>
              <a:gd name="connsiteY2" fmla="*/ 0 h 7872716"/>
              <a:gd name="connsiteX3" fmla="*/ 12145524 w 12145524"/>
              <a:gd name="connsiteY3" fmla="*/ 5688721 h 7872716"/>
              <a:gd name="connsiteX4" fmla="*/ 11017825 w 12145524"/>
              <a:gd name="connsiteY4" fmla="*/ 7872716 h 7872716"/>
              <a:gd name="connsiteX5" fmla="*/ 500057 w 12145524"/>
              <a:gd name="connsiteY5" fmla="*/ 5939397 h 7872716"/>
              <a:gd name="connsiteX0" fmla="*/ 500057 w 12145524"/>
              <a:gd name="connsiteY0" fmla="*/ 5907542 h 7840861"/>
              <a:gd name="connsiteX1" fmla="*/ 0 w 12145524"/>
              <a:gd name="connsiteY1" fmla="*/ 2633900 h 7840861"/>
              <a:gd name="connsiteX2" fmla="*/ 1434490 w 12145524"/>
              <a:gd name="connsiteY2" fmla="*/ 0 h 7840861"/>
              <a:gd name="connsiteX3" fmla="*/ 12145524 w 12145524"/>
              <a:gd name="connsiteY3" fmla="*/ 5656866 h 7840861"/>
              <a:gd name="connsiteX4" fmla="*/ 11017825 w 12145524"/>
              <a:gd name="connsiteY4" fmla="*/ 7840861 h 7840861"/>
              <a:gd name="connsiteX5" fmla="*/ 500057 w 12145524"/>
              <a:gd name="connsiteY5" fmla="*/ 5907542 h 7840861"/>
              <a:gd name="connsiteX0" fmla="*/ 461612 w 12107079"/>
              <a:gd name="connsiteY0" fmla="*/ 5907542 h 7840861"/>
              <a:gd name="connsiteX1" fmla="*/ 0 w 12107079"/>
              <a:gd name="connsiteY1" fmla="*/ 2687976 h 7840861"/>
              <a:gd name="connsiteX2" fmla="*/ 1396045 w 12107079"/>
              <a:gd name="connsiteY2" fmla="*/ 0 h 7840861"/>
              <a:gd name="connsiteX3" fmla="*/ 12107079 w 12107079"/>
              <a:gd name="connsiteY3" fmla="*/ 5656866 h 7840861"/>
              <a:gd name="connsiteX4" fmla="*/ 10979380 w 12107079"/>
              <a:gd name="connsiteY4" fmla="*/ 7840861 h 7840861"/>
              <a:gd name="connsiteX5" fmla="*/ 461612 w 12107079"/>
              <a:gd name="connsiteY5" fmla="*/ 5907542 h 7840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07079" h="7840861">
                <a:moveTo>
                  <a:pt x="461612" y="5907542"/>
                </a:moveTo>
                <a:lnTo>
                  <a:pt x="0" y="2687976"/>
                </a:lnTo>
                <a:lnTo>
                  <a:pt x="1396045" y="0"/>
                </a:lnTo>
                <a:lnTo>
                  <a:pt x="12107079" y="5656866"/>
                </a:lnTo>
                <a:lnTo>
                  <a:pt x="10979380" y="7840861"/>
                </a:lnTo>
                <a:lnTo>
                  <a:pt x="461612" y="5907542"/>
                </a:lnTo>
                <a:close/>
              </a:path>
            </a:pathLst>
          </a:custGeom>
          <a:solidFill>
            <a:schemeClr val="bg1">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7" name="Grey Triangle">
            <a:extLst>
              <a:ext uri="{FF2B5EF4-FFF2-40B4-BE49-F238E27FC236}">
                <a16:creationId xmlns:a16="http://schemas.microsoft.com/office/drawing/2014/main" id="{6F815D4B-EC2F-7D4F-B201-52E5BBD0C68D}"/>
              </a:ext>
            </a:extLst>
          </p:cNvPr>
          <p:cNvSpPr/>
          <p:nvPr userDrawn="1"/>
        </p:nvSpPr>
        <p:spPr>
          <a:xfrm rot="19941961">
            <a:off x="-142982" y="-2780766"/>
            <a:ext cx="12255448" cy="7878154"/>
          </a:xfrm>
          <a:custGeom>
            <a:avLst/>
            <a:gdLst>
              <a:gd name="connsiteX0" fmla="*/ 0 w 9829800"/>
              <a:gd name="connsiteY0" fmla="*/ 4164495 h 4164495"/>
              <a:gd name="connsiteX1" fmla="*/ 0 w 9829800"/>
              <a:gd name="connsiteY1" fmla="*/ 0 h 4164495"/>
              <a:gd name="connsiteX2" fmla="*/ 9829800 w 9829800"/>
              <a:gd name="connsiteY2" fmla="*/ 4164495 h 4164495"/>
              <a:gd name="connsiteX3" fmla="*/ 0 w 9829800"/>
              <a:gd name="connsiteY3" fmla="*/ 4164495 h 4164495"/>
              <a:gd name="connsiteX0" fmla="*/ 0 w 9829800"/>
              <a:gd name="connsiteY0" fmla="*/ 5894540 h 5894540"/>
              <a:gd name="connsiteX1" fmla="*/ 916972 w 9829800"/>
              <a:gd name="connsiteY1" fmla="*/ 0 h 5894540"/>
              <a:gd name="connsiteX2" fmla="*/ 9829800 w 9829800"/>
              <a:gd name="connsiteY2" fmla="*/ 5894540 h 5894540"/>
              <a:gd name="connsiteX3" fmla="*/ 0 w 9829800"/>
              <a:gd name="connsiteY3" fmla="*/ 5894540 h 5894540"/>
              <a:gd name="connsiteX0" fmla="*/ 0 w 9829800"/>
              <a:gd name="connsiteY0" fmla="*/ 5894540 h 5894540"/>
              <a:gd name="connsiteX1" fmla="*/ 285890 w 9829800"/>
              <a:gd name="connsiteY1" fmla="*/ 3862572 h 5894540"/>
              <a:gd name="connsiteX2" fmla="*/ 916972 w 9829800"/>
              <a:gd name="connsiteY2" fmla="*/ 0 h 5894540"/>
              <a:gd name="connsiteX3" fmla="*/ 9829800 w 9829800"/>
              <a:gd name="connsiteY3" fmla="*/ 5894540 h 5894540"/>
              <a:gd name="connsiteX4" fmla="*/ 0 w 9829800"/>
              <a:gd name="connsiteY4" fmla="*/ 5894540 h 5894540"/>
              <a:gd name="connsiteX0" fmla="*/ 455615 w 10285415"/>
              <a:gd name="connsiteY0" fmla="*/ 5894540 h 5894540"/>
              <a:gd name="connsiteX1" fmla="*/ 0 w 10285415"/>
              <a:gd name="connsiteY1" fmla="*/ 2621727 h 5894540"/>
              <a:gd name="connsiteX2" fmla="*/ 1372587 w 10285415"/>
              <a:gd name="connsiteY2" fmla="*/ 0 h 5894540"/>
              <a:gd name="connsiteX3" fmla="*/ 10285415 w 10285415"/>
              <a:gd name="connsiteY3" fmla="*/ 5894540 h 5894540"/>
              <a:gd name="connsiteX4" fmla="*/ 455615 w 10285415"/>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455615 w 12211006"/>
              <a:gd name="connsiteY4" fmla="*/ 5894540 h 5894540"/>
              <a:gd name="connsiteX0" fmla="*/ 455615 w 12211006"/>
              <a:gd name="connsiteY0" fmla="*/ 5894540 h 5894540"/>
              <a:gd name="connsiteX1" fmla="*/ 0 w 12211006"/>
              <a:gd name="connsiteY1" fmla="*/ 2621727 h 5894540"/>
              <a:gd name="connsiteX2" fmla="*/ 1372587 w 12211006"/>
              <a:gd name="connsiteY2" fmla="*/ 0 h 5894540"/>
              <a:gd name="connsiteX3" fmla="*/ 12211006 w 12211006"/>
              <a:gd name="connsiteY3" fmla="*/ 5623715 h 5894540"/>
              <a:gd name="connsiteX4" fmla="*/ 7961921 w 12211006"/>
              <a:gd name="connsiteY4" fmla="*/ 5735558 h 5894540"/>
              <a:gd name="connsiteX5" fmla="*/ 455615 w 12211006"/>
              <a:gd name="connsiteY5" fmla="*/ 5894540 h 5894540"/>
              <a:gd name="connsiteX0" fmla="*/ 455615 w 12211006"/>
              <a:gd name="connsiteY0" fmla="*/ 5894540 h 7833297"/>
              <a:gd name="connsiteX1" fmla="*/ 0 w 12211006"/>
              <a:gd name="connsiteY1" fmla="*/ 2621727 h 7833297"/>
              <a:gd name="connsiteX2" fmla="*/ 1372587 w 12211006"/>
              <a:gd name="connsiteY2" fmla="*/ 0 h 7833297"/>
              <a:gd name="connsiteX3" fmla="*/ 12211006 w 12211006"/>
              <a:gd name="connsiteY3" fmla="*/ 5623715 h 7833297"/>
              <a:gd name="connsiteX4" fmla="*/ 11025870 w 12211006"/>
              <a:gd name="connsiteY4" fmla="*/ 7833297 h 7833297"/>
              <a:gd name="connsiteX5" fmla="*/ 455615 w 12211006"/>
              <a:gd name="connsiteY5" fmla="*/ 5894540 h 7833297"/>
              <a:gd name="connsiteX0" fmla="*/ 500057 w 12255448"/>
              <a:gd name="connsiteY0" fmla="*/ 5894540 h 7833297"/>
              <a:gd name="connsiteX1" fmla="*/ 0 w 12255448"/>
              <a:gd name="connsiteY1" fmla="*/ 2620898 h 7833297"/>
              <a:gd name="connsiteX2" fmla="*/ 1417029 w 12255448"/>
              <a:gd name="connsiteY2" fmla="*/ 0 h 7833297"/>
              <a:gd name="connsiteX3" fmla="*/ 12255448 w 12255448"/>
              <a:gd name="connsiteY3" fmla="*/ 5623715 h 7833297"/>
              <a:gd name="connsiteX4" fmla="*/ 11070312 w 12255448"/>
              <a:gd name="connsiteY4" fmla="*/ 7833297 h 7833297"/>
              <a:gd name="connsiteX5" fmla="*/ 500057 w 12255448"/>
              <a:gd name="connsiteY5" fmla="*/ 5894540 h 7833297"/>
              <a:gd name="connsiteX0" fmla="*/ 500057 w 12255448"/>
              <a:gd name="connsiteY0" fmla="*/ 5939397 h 7878154"/>
              <a:gd name="connsiteX1" fmla="*/ 0 w 12255448"/>
              <a:gd name="connsiteY1" fmla="*/ 2665755 h 7878154"/>
              <a:gd name="connsiteX2" fmla="*/ 1395637 w 12255448"/>
              <a:gd name="connsiteY2" fmla="*/ 0 h 7878154"/>
              <a:gd name="connsiteX3" fmla="*/ 12255448 w 12255448"/>
              <a:gd name="connsiteY3" fmla="*/ 5668572 h 7878154"/>
              <a:gd name="connsiteX4" fmla="*/ 11070312 w 12255448"/>
              <a:gd name="connsiteY4" fmla="*/ 7878154 h 7878154"/>
              <a:gd name="connsiteX5" fmla="*/ 500057 w 12255448"/>
              <a:gd name="connsiteY5" fmla="*/ 5939397 h 78781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255448" h="7878154">
                <a:moveTo>
                  <a:pt x="500057" y="5939397"/>
                </a:moveTo>
                <a:lnTo>
                  <a:pt x="0" y="2665755"/>
                </a:lnTo>
                <a:lnTo>
                  <a:pt x="1395637" y="0"/>
                </a:lnTo>
                <a:lnTo>
                  <a:pt x="12255448" y="5668572"/>
                </a:lnTo>
                <a:lnTo>
                  <a:pt x="11070312" y="7878154"/>
                </a:lnTo>
                <a:lnTo>
                  <a:pt x="500057" y="593939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1871094360"/>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opographical Map Horizontal">
    <p:spTree>
      <p:nvGrpSpPr>
        <p:cNvPr id="1" name=""/>
        <p:cNvGrpSpPr/>
        <p:nvPr/>
      </p:nvGrpSpPr>
      <p:grpSpPr>
        <a:xfrm>
          <a:off x="0" y="0"/>
          <a:ext cx="0" cy="0"/>
          <a:chOff x="0" y="0"/>
          <a:chExt cx="0" cy="0"/>
        </a:xfrm>
      </p:grpSpPr>
      <p:sp>
        <p:nvSpPr>
          <p:cNvPr id="29" name="Grey">
            <a:extLst>
              <a:ext uri="{FF2B5EF4-FFF2-40B4-BE49-F238E27FC236}">
                <a16:creationId xmlns:a16="http://schemas.microsoft.com/office/drawing/2014/main" id="{DC076065-C3D5-0E4E-9806-1385431550B3}"/>
              </a:ext>
            </a:extLst>
          </p:cNvPr>
          <p:cNvSpPr/>
          <p:nvPr userDrawn="1"/>
        </p:nvSpPr>
        <p:spPr>
          <a:xfrm rot="5400000">
            <a:off x="4162460" y="-1071776"/>
            <a:ext cx="3770144" cy="12640029"/>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011246 w 3913238"/>
              <a:gd name="connsiteY6" fmla="*/ 6366643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195957 w 3913238"/>
              <a:gd name="connsiteY4" fmla="*/ 6601549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68486 w 3913238"/>
              <a:gd name="connsiteY4" fmla="*/ 624402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968486 w 3913238"/>
              <a:gd name="connsiteY3" fmla="*/ 6244022 h 6858002"/>
              <a:gd name="connsiteX4" fmla="*/ 973218 w 3913238"/>
              <a:gd name="connsiteY4" fmla="*/ 6179208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1640 w 3913238"/>
              <a:gd name="connsiteY4" fmla="*/ 6124467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973218 w 3913238"/>
              <a:gd name="connsiteY3" fmla="*/ 6179208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2"/>
              <a:gd name="connsiteX1" fmla="*/ 3913236 w 3913238"/>
              <a:gd name="connsiteY1" fmla="*/ 0 h 6858002"/>
              <a:gd name="connsiteX2" fmla="*/ 3913238 w 3913238"/>
              <a:gd name="connsiteY2" fmla="*/ 6858002 h 6858002"/>
              <a:gd name="connsiteX3" fmla="*/ 974094 w 3913238"/>
              <a:gd name="connsiteY3" fmla="*/ 6019364 h 6858002"/>
              <a:gd name="connsiteX4" fmla="*/ 1155036 w 3913238"/>
              <a:gd name="connsiteY4" fmla="*/ 5001787 h 6858002"/>
              <a:gd name="connsiteX5" fmla="*/ 1391620 w 3913238"/>
              <a:gd name="connsiteY5" fmla="*/ 4591445 h 6858002"/>
              <a:gd name="connsiteX6" fmla="*/ 1543209 w 3913238"/>
              <a:gd name="connsiteY6" fmla="*/ 4637341 h 6858002"/>
              <a:gd name="connsiteX7" fmla="*/ 1624961 w 3913238"/>
              <a:gd name="connsiteY7" fmla="*/ 4682798 h 6858002"/>
              <a:gd name="connsiteX8" fmla="*/ 1679025 w 3913238"/>
              <a:gd name="connsiteY8" fmla="*/ 4664668 h 6858002"/>
              <a:gd name="connsiteX9" fmla="*/ 1759113 w 3913238"/>
              <a:gd name="connsiteY9" fmla="*/ 4510253 h 6858002"/>
              <a:gd name="connsiteX10" fmla="*/ 1775148 w 3913238"/>
              <a:gd name="connsiteY10" fmla="*/ 4433265 h 6858002"/>
              <a:gd name="connsiteX11" fmla="*/ 1794688 w 3913238"/>
              <a:gd name="connsiteY11" fmla="*/ 4301886 h 6858002"/>
              <a:gd name="connsiteX12" fmla="*/ 1747809 w 3913238"/>
              <a:gd name="connsiteY12" fmla="*/ 4210446 h 6858002"/>
              <a:gd name="connsiteX13" fmla="*/ 1720383 w 3913238"/>
              <a:gd name="connsiteY13" fmla="*/ 4179265 h 6858002"/>
              <a:gd name="connsiteX14" fmla="*/ 1682180 w 3913238"/>
              <a:gd name="connsiteY14" fmla="*/ 4037288 h 6858002"/>
              <a:gd name="connsiteX15" fmla="*/ 1674644 w 3913238"/>
              <a:gd name="connsiteY15" fmla="*/ 3984035 h 6858002"/>
              <a:gd name="connsiteX16" fmla="*/ 1632935 w 3913238"/>
              <a:gd name="connsiteY16" fmla="*/ 3895573 h 6858002"/>
              <a:gd name="connsiteX17" fmla="*/ 1610591 w 3913238"/>
              <a:gd name="connsiteY17" fmla="*/ 3868071 h 6858002"/>
              <a:gd name="connsiteX18" fmla="*/ 1588685 w 3913238"/>
              <a:gd name="connsiteY18" fmla="*/ 3782324 h 6858002"/>
              <a:gd name="connsiteX19" fmla="*/ 1553023 w 3913238"/>
              <a:gd name="connsiteY19" fmla="*/ 3650244 h 6858002"/>
              <a:gd name="connsiteX20" fmla="*/ 1361477 w 3913238"/>
              <a:gd name="connsiteY20" fmla="*/ 3429527 h 6858002"/>
              <a:gd name="connsiteX21" fmla="*/ 1165902 w 3913238"/>
              <a:gd name="connsiteY21" fmla="*/ 3131734 h 6858002"/>
              <a:gd name="connsiteX22" fmla="*/ 935627 w 3913238"/>
              <a:gd name="connsiteY22" fmla="*/ 2843838 h 6858002"/>
              <a:gd name="connsiteX23" fmla="*/ 787368 w 3913238"/>
              <a:gd name="connsiteY23" fmla="*/ 2582393 h 6858002"/>
              <a:gd name="connsiteX24" fmla="*/ 768003 w 3913238"/>
              <a:gd name="connsiteY24" fmla="*/ 2260777 h 6858002"/>
              <a:gd name="connsiteX25" fmla="*/ 765112 w 3913238"/>
              <a:gd name="connsiteY25" fmla="*/ 2180898 h 6858002"/>
              <a:gd name="connsiteX26" fmla="*/ 721300 w 3913238"/>
              <a:gd name="connsiteY26" fmla="*/ 1725450 h 6858002"/>
              <a:gd name="connsiteX27" fmla="*/ 647258 w 3913238"/>
              <a:gd name="connsiteY27" fmla="*/ 1609573 h 6858002"/>
              <a:gd name="connsiteX28" fmla="*/ 598627 w 3913238"/>
              <a:gd name="connsiteY28" fmla="*/ 1549839 h 6858002"/>
              <a:gd name="connsiteX29" fmla="*/ 550259 w 3913238"/>
              <a:gd name="connsiteY29" fmla="*/ 1443247 h 6858002"/>
              <a:gd name="connsiteX30" fmla="*/ 485593 w 3913238"/>
              <a:gd name="connsiteY30" fmla="*/ 1309240 h 6858002"/>
              <a:gd name="connsiteX31" fmla="*/ 334530 w 3913238"/>
              <a:gd name="connsiteY31" fmla="*/ 986397 h 6858002"/>
              <a:gd name="connsiteX32" fmla="*/ 325067 w 3913238"/>
              <a:gd name="connsiteY32" fmla="*/ 890490 h 6858002"/>
              <a:gd name="connsiteX33" fmla="*/ 315428 w 3913238"/>
              <a:gd name="connsiteY33" fmla="*/ 756834 h 6858002"/>
              <a:gd name="connsiteX34" fmla="*/ 242876 w 3913238"/>
              <a:gd name="connsiteY34" fmla="*/ 627206 h 6858002"/>
              <a:gd name="connsiteX35" fmla="*/ 184256 w 3913238"/>
              <a:gd name="connsiteY35" fmla="*/ 541634 h 6858002"/>
              <a:gd name="connsiteX36" fmla="*/ 144825 w 3913238"/>
              <a:gd name="connsiteY36" fmla="*/ 396329 h 6858002"/>
              <a:gd name="connsiteX37" fmla="*/ 126424 w 3913238"/>
              <a:gd name="connsiteY37" fmla="*/ 313998 h 6858002"/>
              <a:gd name="connsiteX38" fmla="*/ 59743 w 3913238"/>
              <a:gd name="connsiteY38" fmla="*/ 208106 h 6858002"/>
              <a:gd name="connsiteX39" fmla="*/ 28286 w 3913238"/>
              <a:gd name="connsiteY39" fmla="*/ 173072 h 6858002"/>
              <a:gd name="connsiteX40" fmla="*/ 2434 w 3913238"/>
              <a:gd name="connsiteY40" fmla="*/ 51874 h 6858002"/>
              <a:gd name="connsiteX41" fmla="*/ 0 w 3913238"/>
              <a:gd name="connsiteY41" fmla="*/ 1 h 6858002"/>
              <a:gd name="connsiteX0" fmla="*/ 0 w 3913236"/>
              <a:gd name="connsiteY0" fmla="*/ 1 h 6029157"/>
              <a:gd name="connsiteX1" fmla="*/ 3913236 w 3913236"/>
              <a:gd name="connsiteY1" fmla="*/ 0 h 6029157"/>
              <a:gd name="connsiteX2" fmla="*/ 2124726 w 3913236"/>
              <a:gd name="connsiteY2" fmla="*/ 6029157 h 6029157"/>
              <a:gd name="connsiteX3" fmla="*/ 974094 w 3913236"/>
              <a:gd name="connsiteY3" fmla="*/ 6019364 h 6029157"/>
              <a:gd name="connsiteX4" fmla="*/ 1155036 w 3913236"/>
              <a:gd name="connsiteY4" fmla="*/ 5001787 h 6029157"/>
              <a:gd name="connsiteX5" fmla="*/ 1391620 w 3913236"/>
              <a:gd name="connsiteY5" fmla="*/ 4591445 h 6029157"/>
              <a:gd name="connsiteX6" fmla="*/ 1543209 w 3913236"/>
              <a:gd name="connsiteY6" fmla="*/ 4637341 h 6029157"/>
              <a:gd name="connsiteX7" fmla="*/ 1624961 w 3913236"/>
              <a:gd name="connsiteY7" fmla="*/ 4682798 h 6029157"/>
              <a:gd name="connsiteX8" fmla="*/ 1679025 w 3913236"/>
              <a:gd name="connsiteY8" fmla="*/ 4664668 h 6029157"/>
              <a:gd name="connsiteX9" fmla="*/ 1759113 w 3913236"/>
              <a:gd name="connsiteY9" fmla="*/ 4510253 h 6029157"/>
              <a:gd name="connsiteX10" fmla="*/ 1775148 w 3913236"/>
              <a:gd name="connsiteY10" fmla="*/ 4433265 h 6029157"/>
              <a:gd name="connsiteX11" fmla="*/ 1794688 w 3913236"/>
              <a:gd name="connsiteY11" fmla="*/ 4301886 h 6029157"/>
              <a:gd name="connsiteX12" fmla="*/ 1747809 w 3913236"/>
              <a:gd name="connsiteY12" fmla="*/ 4210446 h 6029157"/>
              <a:gd name="connsiteX13" fmla="*/ 1720383 w 3913236"/>
              <a:gd name="connsiteY13" fmla="*/ 4179265 h 6029157"/>
              <a:gd name="connsiteX14" fmla="*/ 1682180 w 3913236"/>
              <a:gd name="connsiteY14" fmla="*/ 4037288 h 6029157"/>
              <a:gd name="connsiteX15" fmla="*/ 1674644 w 3913236"/>
              <a:gd name="connsiteY15" fmla="*/ 3984035 h 6029157"/>
              <a:gd name="connsiteX16" fmla="*/ 1632935 w 3913236"/>
              <a:gd name="connsiteY16" fmla="*/ 3895573 h 6029157"/>
              <a:gd name="connsiteX17" fmla="*/ 1610591 w 3913236"/>
              <a:gd name="connsiteY17" fmla="*/ 3868071 h 6029157"/>
              <a:gd name="connsiteX18" fmla="*/ 1588685 w 3913236"/>
              <a:gd name="connsiteY18" fmla="*/ 3782324 h 6029157"/>
              <a:gd name="connsiteX19" fmla="*/ 1553023 w 3913236"/>
              <a:gd name="connsiteY19" fmla="*/ 3650244 h 6029157"/>
              <a:gd name="connsiteX20" fmla="*/ 1361477 w 3913236"/>
              <a:gd name="connsiteY20" fmla="*/ 3429527 h 6029157"/>
              <a:gd name="connsiteX21" fmla="*/ 1165902 w 3913236"/>
              <a:gd name="connsiteY21" fmla="*/ 3131734 h 6029157"/>
              <a:gd name="connsiteX22" fmla="*/ 935627 w 3913236"/>
              <a:gd name="connsiteY22" fmla="*/ 2843838 h 6029157"/>
              <a:gd name="connsiteX23" fmla="*/ 787368 w 3913236"/>
              <a:gd name="connsiteY23" fmla="*/ 2582393 h 6029157"/>
              <a:gd name="connsiteX24" fmla="*/ 768003 w 3913236"/>
              <a:gd name="connsiteY24" fmla="*/ 2260777 h 6029157"/>
              <a:gd name="connsiteX25" fmla="*/ 765112 w 3913236"/>
              <a:gd name="connsiteY25" fmla="*/ 2180898 h 6029157"/>
              <a:gd name="connsiteX26" fmla="*/ 721300 w 3913236"/>
              <a:gd name="connsiteY26" fmla="*/ 1725450 h 6029157"/>
              <a:gd name="connsiteX27" fmla="*/ 647258 w 3913236"/>
              <a:gd name="connsiteY27" fmla="*/ 1609573 h 6029157"/>
              <a:gd name="connsiteX28" fmla="*/ 598627 w 3913236"/>
              <a:gd name="connsiteY28" fmla="*/ 1549839 h 6029157"/>
              <a:gd name="connsiteX29" fmla="*/ 550259 w 3913236"/>
              <a:gd name="connsiteY29" fmla="*/ 1443247 h 6029157"/>
              <a:gd name="connsiteX30" fmla="*/ 485593 w 3913236"/>
              <a:gd name="connsiteY30" fmla="*/ 1309240 h 6029157"/>
              <a:gd name="connsiteX31" fmla="*/ 334530 w 3913236"/>
              <a:gd name="connsiteY31" fmla="*/ 986397 h 6029157"/>
              <a:gd name="connsiteX32" fmla="*/ 325067 w 3913236"/>
              <a:gd name="connsiteY32" fmla="*/ 890490 h 6029157"/>
              <a:gd name="connsiteX33" fmla="*/ 315428 w 3913236"/>
              <a:gd name="connsiteY33" fmla="*/ 756834 h 6029157"/>
              <a:gd name="connsiteX34" fmla="*/ 242876 w 3913236"/>
              <a:gd name="connsiteY34" fmla="*/ 627206 h 6029157"/>
              <a:gd name="connsiteX35" fmla="*/ 184256 w 3913236"/>
              <a:gd name="connsiteY35" fmla="*/ 541634 h 6029157"/>
              <a:gd name="connsiteX36" fmla="*/ 144825 w 3913236"/>
              <a:gd name="connsiteY36" fmla="*/ 396329 h 6029157"/>
              <a:gd name="connsiteX37" fmla="*/ 126424 w 3913236"/>
              <a:gd name="connsiteY37" fmla="*/ 313998 h 6029157"/>
              <a:gd name="connsiteX38" fmla="*/ 59743 w 3913236"/>
              <a:gd name="connsiteY38" fmla="*/ 208106 h 6029157"/>
              <a:gd name="connsiteX39" fmla="*/ 28286 w 3913236"/>
              <a:gd name="connsiteY39" fmla="*/ 173072 h 6029157"/>
              <a:gd name="connsiteX40" fmla="*/ 2434 w 3913236"/>
              <a:gd name="connsiteY40" fmla="*/ 51874 h 6029157"/>
              <a:gd name="connsiteX41" fmla="*/ 0 w 3913236"/>
              <a:gd name="connsiteY41" fmla="*/ 1 h 6029157"/>
              <a:gd name="connsiteX0" fmla="*/ 0 w 2170879"/>
              <a:gd name="connsiteY0" fmla="*/ 0 h 6029156"/>
              <a:gd name="connsiteX1" fmla="*/ 2170879 w 2170879"/>
              <a:gd name="connsiteY1" fmla="*/ 462610 h 6029156"/>
              <a:gd name="connsiteX2" fmla="*/ 2124726 w 2170879"/>
              <a:gd name="connsiteY2" fmla="*/ 6029156 h 6029156"/>
              <a:gd name="connsiteX3" fmla="*/ 974094 w 2170879"/>
              <a:gd name="connsiteY3" fmla="*/ 6019363 h 6029156"/>
              <a:gd name="connsiteX4" fmla="*/ 1155036 w 2170879"/>
              <a:gd name="connsiteY4" fmla="*/ 5001786 h 6029156"/>
              <a:gd name="connsiteX5" fmla="*/ 1391620 w 2170879"/>
              <a:gd name="connsiteY5" fmla="*/ 4591444 h 6029156"/>
              <a:gd name="connsiteX6" fmla="*/ 1543209 w 2170879"/>
              <a:gd name="connsiteY6" fmla="*/ 4637340 h 6029156"/>
              <a:gd name="connsiteX7" fmla="*/ 1624961 w 2170879"/>
              <a:gd name="connsiteY7" fmla="*/ 4682797 h 6029156"/>
              <a:gd name="connsiteX8" fmla="*/ 1679025 w 2170879"/>
              <a:gd name="connsiteY8" fmla="*/ 4664667 h 6029156"/>
              <a:gd name="connsiteX9" fmla="*/ 1759113 w 2170879"/>
              <a:gd name="connsiteY9" fmla="*/ 4510252 h 6029156"/>
              <a:gd name="connsiteX10" fmla="*/ 1775148 w 2170879"/>
              <a:gd name="connsiteY10" fmla="*/ 4433264 h 6029156"/>
              <a:gd name="connsiteX11" fmla="*/ 1794688 w 2170879"/>
              <a:gd name="connsiteY11" fmla="*/ 4301885 h 6029156"/>
              <a:gd name="connsiteX12" fmla="*/ 1747809 w 2170879"/>
              <a:gd name="connsiteY12" fmla="*/ 4210445 h 6029156"/>
              <a:gd name="connsiteX13" fmla="*/ 1720383 w 2170879"/>
              <a:gd name="connsiteY13" fmla="*/ 4179264 h 6029156"/>
              <a:gd name="connsiteX14" fmla="*/ 1682180 w 2170879"/>
              <a:gd name="connsiteY14" fmla="*/ 4037287 h 6029156"/>
              <a:gd name="connsiteX15" fmla="*/ 1674644 w 2170879"/>
              <a:gd name="connsiteY15" fmla="*/ 3984034 h 6029156"/>
              <a:gd name="connsiteX16" fmla="*/ 1632935 w 2170879"/>
              <a:gd name="connsiteY16" fmla="*/ 3895572 h 6029156"/>
              <a:gd name="connsiteX17" fmla="*/ 1610591 w 2170879"/>
              <a:gd name="connsiteY17" fmla="*/ 3868070 h 6029156"/>
              <a:gd name="connsiteX18" fmla="*/ 1588685 w 2170879"/>
              <a:gd name="connsiteY18" fmla="*/ 3782323 h 6029156"/>
              <a:gd name="connsiteX19" fmla="*/ 1553023 w 2170879"/>
              <a:gd name="connsiteY19" fmla="*/ 3650243 h 6029156"/>
              <a:gd name="connsiteX20" fmla="*/ 1361477 w 2170879"/>
              <a:gd name="connsiteY20" fmla="*/ 3429526 h 6029156"/>
              <a:gd name="connsiteX21" fmla="*/ 1165902 w 2170879"/>
              <a:gd name="connsiteY21" fmla="*/ 3131733 h 6029156"/>
              <a:gd name="connsiteX22" fmla="*/ 935627 w 2170879"/>
              <a:gd name="connsiteY22" fmla="*/ 2843837 h 6029156"/>
              <a:gd name="connsiteX23" fmla="*/ 787368 w 2170879"/>
              <a:gd name="connsiteY23" fmla="*/ 2582392 h 6029156"/>
              <a:gd name="connsiteX24" fmla="*/ 768003 w 2170879"/>
              <a:gd name="connsiteY24" fmla="*/ 2260776 h 6029156"/>
              <a:gd name="connsiteX25" fmla="*/ 765112 w 2170879"/>
              <a:gd name="connsiteY25" fmla="*/ 2180897 h 6029156"/>
              <a:gd name="connsiteX26" fmla="*/ 721300 w 2170879"/>
              <a:gd name="connsiteY26" fmla="*/ 1725449 h 6029156"/>
              <a:gd name="connsiteX27" fmla="*/ 647258 w 2170879"/>
              <a:gd name="connsiteY27" fmla="*/ 1609572 h 6029156"/>
              <a:gd name="connsiteX28" fmla="*/ 598627 w 2170879"/>
              <a:gd name="connsiteY28" fmla="*/ 1549838 h 6029156"/>
              <a:gd name="connsiteX29" fmla="*/ 550259 w 2170879"/>
              <a:gd name="connsiteY29" fmla="*/ 1443246 h 6029156"/>
              <a:gd name="connsiteX30" fmla="*/ 485593 w 2170879"/>
              <a:gd name="connsiteY30" fmla="*/ 1309239 h 6029156"/>
              <a:gd name="connsiteX31" fmla="*/ 334530 w 2170879"/>
              <a:gd name="connsiteY31" fmla="*/ 986396 h 6029156"/>
              <a:gd name="connsiteX32" fmla="*/ 325067 w 2170879"/>
              <a:gd name="connsiteY32" fmla="*/ 890489 h 6029156"/>
              <a:gd name="connsiteX33" fmla="*/ 315428 w 2170879"/>
              <a:gd name="connsiteY33" fmla="*/ 756833 h 6029156"/>
              <a:gd name="connsiteX34" fmla="*/ 242876 w 2170879"/>
              <a:gd name="connsiteY34" fmla="*/ 627205 h 6029156"/>
              <a:gd name="connsiteX35" fmla="*/ 184256 w 2170879"/>
              <a:gd name="connsiteY35" fmla="*/ 541633 h 6029156"/>
              <a:gd name="connsiteX36" fmla="*/ 144825 w 2170879"/>
              <a:gd name="connsiteY36" fmla="*/ 396328 h 6029156"/>
              <a:gd name="connsiteX37" fmla="*/ 126424 w 2170879"/>
              <a:gd name="connsiteY37" fmla="*/ 313997 h 6029156"/>
              <a:gd name="connsiteX38" fmla="*/ 59743 w 2170879"/>
              <a:gd name="connsiteY38" fmla="*/ 208105 h 6029156"/>
              <a:gd name="connsiteX39" fmla="*/ 28286 w 2170879"/>
              <a:gd name="connsiteY39" fmla="*/ 173071 h 6029156"/>
              <a:gd name="connsiteX40" fmla="*/ 2434 w 2170879"/>
              <a:gd name="connsiteY40" fmla="*/ 51873 h 6029156"/>
              <a:gd name="connsiteX41" fmla="*/ 0 w 2170879"/>
              <a:gd name="connsiteY41" fmla="*/ 0 h 6029156"/>
              <a:gd name="connsiteX0" fmla="*/ 0 w 2168445"/>
              <a:gd name="connsiteY0" fmla="*/ 0 h 5977283"/>
              <a:gd name="connsiteX1" fmla="*/ 2168445 w 2168445"/>
              <a:gd name="connsiteY1" fmla="*/ 410737 h 5977283"/>
              <a:gd name="connsiteX2" fmla="*/ 2122292 w 2168445"/>
              <a:gd name="connsiteY2" fmla="*/ 5977283 h 5977283"/>
              <a:gd name="connsiteX3" fmla="*/ 971660 w 2168445"/>
              <a:gd name="connsiteY3" fmla="*/ 5967490 h 5977283"/>
              <a:gd name="connsiteX4" fmla="*/ 1152602 w 2168445"/>
              <a:gd name="connsiteY4" fmla="*/ 4949913 h 5977283"/>
              <a:gd name="connsiteX5" fmla="*/ 1389186 w 2168445"/>
              <a:gd name="connsiteY5" fmla="*/ 4539571 h 5977283"/>
              <a:gd name="connsiteX6" fmla="*/ 1540775 w 2168445"/>
              <a:gd name="connsiteY6" fmla="*/ 4585467 h 5977283"/>
              <a:gd name="connsiteX7" fmla="*/ 1622527 w 2168445"/>
              <a:gd name="connsiteY7" fmla="*/ 4630924 h 5977283"/>
              <a:gd name="connsiteX8" fmla="*/ 1676591 w 2168445"/>
              <a:gd name="connsiteY8" fmla="*/ 4612794 h 5977283"/>
              <a:gd name="connsiteX9" fmla="*/ 1756679 w 2168445"/>
              <a:gd name="connsiteY9" fmla="*/ 4458379 h 5977283"/>
              <a:gd name="connsiteX10" fmla="*/ 1772714 w 2168445"/>
              <a:gd name="connsiteY10" fmla="*/ 4381391 h 5977283"/>
              <a:gd name="connsiteX11" fmla="*/ 1792254 w 2168445"/>
              <a:gd name="connsiteY11" fmla="*/ 4250012 h 5977283"/>
              <a:gd name="connsiteX12" fmla="*/ 1745375 w 2168445"/>
              <a:gd name="connsiteY12" fmla="*/ 4158572 h 5977283"/>
              <a:gd name="connsiteX13" fmla="*/ 1717949 w 2168445"/>
              <a:gd name="connsiteY13" fmla="*/ 4127391 h 5977283"/>
              <a:gd name="connsiteX14" fmla="*/ 1679746 w 2168445"/>
              <a:gd name="connsiteY14" fmla="*/ 3985414 h 5977283"/>
              <a:gd name="connsiteX15" fmla="*/ 1672210 w 2168445"/>
              <a:gd name="connsiteY15" fmla="*/ 3932161 h 5977283"/>
              <a:gd name="connsiteX16" fmla="*/ 1630501 w 2168445"/>
              <a:gd name="connsiteY16" fmla="*/ 3843699 h 5977283"/>
              <a:gd name="connsiteX17" fmla="*/ 1608157 w 2168445"/>
              <a:gd name="connsiteY17" fmla="*/ 3816197 h 5977283"/>
              <a:gd name="connsiteX18" fmla="*/ 1586251 w 2168445"/>
              <a:gd name="connsiteY18" fmla="*/ 3730450 h 5977283"/>
              <a:gd name="connsiteX19" fmla="*/ 1550589 w 2168445"/>
              <a:gd name="connsiteY19" fmla="*/ 3598370 h 5977283"/>
              <a:gd name="connsiteX20" fmla="*/ 1359043 w 2168445"/>
              <a:gd name="connsiteY20" fmla="*/ 3377653 h 5977283"/>
              <a:gd name="connsiteX21" fmla="*/ 1163468 w 2168445"/>
              <a:gd name="connsiteY21" fmla="*/ 3079860 h 5977283"/>
              <a:gd name="connsiteX22" fmla="*/ 933193 w 2168445"/>
              <a:gd name="connsiteY22" fmla="*/ 2791964 h 5977283"/>
              <a:gd name="connsiteX23" fmla="*/ 784934 w 2168445"/>
              <a:gd name="connsiteY23" fmla="*/ 2530519 h 5977283"/>
              <a:gd name="connsiteX24" fmla="*/ 765569 w 2168445"/>
              <a:gd name="connsiteY24" fmla="*/ 2208903 h 5977283"/>
              <a:gd name="connsiteX25" fmla="*/ 762678 w 2168445"/>
              <a:gd name="connsiteY25" fmla="*/ 2129024 h 5977283"/>
              <a:gd name="connsiteX26" fmla="*/ 718866 w 2168445"/>
              <a:gd name="connsiteY26" fmla="*/ 1673576 h 5977283"/>
              <a:gd name="connsiteX27" fmla="*/ 644824 w 2168445"/>
              <a:gd name="connsiteY27" fmla="*/ 1557699 h 5977283"/>
              <a:gd name="connsiteX28" fmla="*/ 596193 w 2168445"/>
              <a:gd name="connsiteY28" fmla="*/ 1497965 h 5977283"/>
              <a:gd name="connsiteX29" fmla="*/ 547825 w 2168445"/>
              <a:gd name="connsiteY29" fmla="*/ 1391373 h 5977283"/>
              <a:gd name="connsiteX30" fmla="*/ 483159 w 2168445"/>
              <a:gd name="connsiteY30" fmla="*/ 1257366 h 5977283"/>
              <a:gd name="connsiteX31" fmla="*/ 332096 w 2168445"/>
              <a:gd name="connsiteY31" fmla="*/ 934523 h 5977283"/>
              <a:gd name="connsiteX32" fmla="*/ 322633 w 2168445"/>
              <a:gd name="connsiteY32" fmla="*/ 838616 h 5977283"/>
              <a:gd name="connsiteX33" fmla="*/ 312994 w 2168445"/>
              <a:gd name="connsiteY33" fmla="*/ 704960 h 5977283"/>
              <a:gd name="connsiteX34" fmla="*/ 240442 w 2168445"/>
              <a:gd name="connsiteY34" fmla="*/ 575332 h 5977283"/>
              <a:gd name="connsiteX35" fmla="*/ 181822 w 2168445"/>
              <a:gd name="connsiteY35" fmla="*/ 489760 h 5977283"/>
              <a:gd name="connsiteX36" fmla="*/ 142391 w 2168445"/>
              <a:gd name="connsiteY36" fmla="*/ 344455 h 5977283"/>
              <a:gd name="connsiteX37" fmla="*/ 123990 w 2168445"/>
              <a:gd name="connsiteY37" fmla="*/ 262124 h 5977283"/>
              <a:gd name="connsiteX38" fmla="*/ 57309 w 2168445"/>
              <a:gd name="connsiteY38" fmla="*/ 156232 h 5977283"/>
              <a:gd name="connsiteX39" fmla="*/ 25852 w 2168445"/>
              <a:gd name="connsiteY39" fmla="*/ 121198 h 5977283"/>
              <a:gd name="connsiteX40" fmla="*/ 0 w 2168445"/>
              <a:gd name="connsiteY40" fmla="*/ 0 h 5977283"/>
              <a:gd name="connsiteX0" fmla="*/ 0 w 2142593"/>
              <a:gd name="connsiteY0" fmla="*/ 221872 h 6077957"/>
              <a:gd name="connsiteX1" fmla="*/ 2142593 w 2142593"/>
              <a:gd name="connsiteY1" fmla="*/ 511411 h 6077957"/>
              <a:gd name="connsiteX2" fmla="*/ 2096440 w 2142593"/>
              <a:gd name="connsiteY2" fmla="*/ 6077957 h 6077957"/>
              <a:gd name="connsiteX3" fmla="*/ 945808 w 2142593"/>
              <a:gd name="connsiteY3" fmla="*/ 6068164 h 6077957"/>
              <a:gd name="connsiteX4" fmla="*/ 1126750 w 2142593"/>
              <a:gd name="connsiteY4" fmla="*/ 5050587 h 6077957"/>
              <a:gd name="connsiteX5" fmla="*/ 1363334 w 2142593"/>
              <a:gd name="connsiteY5" fmla="*/ 4640245 h 6077957"/>
              <a:gd name="connsiteX6" fmla="*/ 1514923 w 2142593"/>
              <a:gd name="connsiteY6" fmla="*/ 4686141 h 6077957"/>
              <a:gd name="connsiteX7" fmla="*/ 1596675 w 2142593"/>
              <a:gd name="connsiteY7" fmla="*/ 4731598 h 6077957"/>
              <a:gd name="connsiteX8" fmla="*/ 1650739 w 2142593"/>
              <a:gd name="connsiteY8" fmla="*/ 4713468 h 6077957"/>
              <a:gd name="connsiteX9" fmla="*/ 1730827 w 2142593"/>
              <a:gd name="connsiteY9" fmla="*/ 4559053 h 6077957"/>
              <a:gd name="connsiteX10" fmla="*/ 1746862 w 2142593"/>
              <a:gd name="connsiteY10" fmla="*/ 4482065 h 6077957"/>
              <a:gd name="connsiteX11" fmla="*/ 1766402 w 2142593"/>
              <a:gd name="connsiteY11" fmla="*/ 4350686 h 6077957"/>
              <a:gd name="connsiteX12" fmla="*/ 1719523 w 2142593"/>
              <a:gd name="connsiteY12" fmla="*/ 4259246 h 6077957"/>
              <a:gd name="connsiteX13" fmla="*/ 1692097 w 2142593"/>
              <a:gd name="connsiteY13" fmla="*/ 4228065 h 6077957"/>
              <a:gd name="connsiteX14" fmla="*/ 1653894 w 2142593"/>
              <a:gd name="connsiteY14" fmla="*/ 4086088 h 6077957"/>
              <a:gd name="connsiteX15" fmla="*/ 1646358 w 2142593"/>
              <a:gd name="connsiteY15" fmla="*/ 4032835 h 6077957"/>
              <a:gd name="connsiteX16" fmla="*/ 1604649 w 2142593"/>
              <a:gd name="connsiteY16" fmla="*/ 3944373 h 6077957"/>
              <a:gd name="connsiteX17" fmla="*/ 1582305 w 2142593"/>
              <a:gd name="connsiteY17" fmla="*/ 3916871 h 6077957"/>
              <a:gd name="connsiteX18" fmla="*/ 1560399 w 2142593"/>
              <a:gd name="connsiteY18" fmla="*/ 3831124 h 6077957"/>
              <a:gd name="connsiteX19" fmla="*/ 1524737 w 2142593"/>
              <a:gd name="connsiteY19" fmla="*/ 3699044 h 6077957"/>
              <a:gd name="connsiteX20" fmla="*/ 1333191 w 2142593"/>
              <a:gd name="connsiteY20" fmla="*/ 3478327 h 6077957"/>
              <a:gd name="connsiteX21" fmla="*/ 1137616 w 2142593"/>
              <a:gd name="connsiteY21" fmla="*/ 3180534 h 6077957"/>
              <a:gd name="connsiteX22" fmla="*/ 907341 w 2142593"/>
              <a:gd name="connsiteY22" fmla="*/ 2892638 h 6077957"/>
              <a:gd name="connsiteX23" fmla="*/ 759082 w 2142593"/>
              <a:gd name="connsiteY23" fmla="*/ 2631193 h 6077957"/>
              <a:gd name="connsiteX24" fmla="*/ 739717 w 2142593"/>
              <a:gd name="connsiteY24" fmla="*/ 2309577 h 6077957"/>
              <a:gd name="connsiteX25" fmla="*/ 736826 w 2142593"/>
              <a:gd name="connsiteY25" fmla="*/ 2229698 h 6077957"/>
              <a:gd name="connsiteX26" fmla="*/ 693014 w 2142593"/>
              <a:gd name="connsiteY26" fmla="*/ 1774250 h 6077957"/>
              <a:gd name="connsiteX27" fmla="*/ 618972 w 2142593"/>
              <a:gd name="connsiteY27" fmla="*/ 1658373 h 6077957"/>
              <a:gd name="connsiteX28" fmla="*/ 570341 w 2142593"/>
              <a:gd name="connsiteY28" fmla="*/ 1598639 h 6077957"/>
              <a:gd name="connsiteX29" fmla="*/ 521973 w 2142593"/>
              <a:gd name="connsiteY29" fmla="*/ 1492047 h 6077957"/>
              <a:gd name="connsiteX30" fmla="*/ 457307 w 2142593"/>
              <a:gd name="connsiteY30" fmla="*/ 1358040 h 6077957"/>
              <a:gd name="connsiteX31" fmla="*/ 306244 w 2142593"/>
              <a:gd name="connsiteY31" fmla="*/ 1035197 h 6077957"/>
              <a:gd name="connsiteX32" fmla="*/ 296781 w 2142593"/>
              <a:gd name="connsiteY32" fmla="*/ 939290 h 6077957"/>
              <a:gd name="connsiteX33" fmla="*/ 287142 w 2142593"/>
              <a:gd name="connsiteY33" fmla="*/ 805634 h 6077957"/>
              <a:gd name="connsiteX34" fmla="*/ 214590 w 2142593"/>
              <a:gd name="connsiteY34" fmla="*/ 676006 h 6077957"/>
              <a:gd name="connsiteX35" fmla="*/ 155970 w 2142593"/>
              <a:gd name="connsiteY35" fmla="*/ 590434 h 6077957"/>
              <a:gd name="connsiteX36" fmla="*/ 116539 w 2142593"/>
              <a:gd name="connsiteY36" fmla="*/ 445129 h 6077957"/>
              <a:gd name="connsiteX37" fmla="*/ 98138 w 2142593"/>
              <a:gd name="connsiteY37" fmla="*/ 362798 h 6077957"/>
              <a:gd name="connsiteX38" fmla="*/ 31457 w 2142593"/>
              <a:gd name="connsiteY38" fmla="*/ 256906 h 6077957"/>
              <a:gd name="connsiteX39" fmla="*/ 0 w 2142593"/>
              <a:gd name="connsiteY39" fmla="*/ 221872 h 6077957"/>
              <a:gd name="connsiteX0" fmla="*/ 0 w 2111136"/>
              <a:gd name="connsiteY0" fmla="*/ 247068 h 6068119"/>
              <a:gd name="connsiteX1" fmla="*/ 2111136 w 2111136"/>
              <a:gd name="connsiteY1" fmla="*/ 501573 h 6068119"/>
              <a:gd name="connsiteX2" fmla="*/ 2064983 w 2111136"/>
              <a:gd name="connsiteY2" fmla="*/ 6068119 h 6068119"/>
              <a:gd name="connsiteX3" fmla="*/ 914351 w 2111136"/>
              <a:gd name="connsiteY3" fmla="*/ 6058326 h 6068119"/>
              <a:gd name="connsiteX4" fmla="*/ 1095293 w 2111136"/>
              <a:gd name="connsiteY4" fmla="*/ 5040749 h 6068119"/>
              <a:gd name="connsiteX5" fmla="*/ 1331877 w 2111136"/>
              <a:gd name="connsiteY5" fmla="*/ 4630407 h 6068119"/>
              <a:gd name="connsiteX6" fmla="*/ 1483466 w 2111136"/>
              <a:gd name="connsiteY6" fmla="*/ 4676303 h 6068119"/>
              <a:gd name="connsiteX7" fmla="*/ 1565218 w 2111136"/>
              <a:gd name="connsiteY7" fmla="*/ 4721760 h 6068119"/>
              <a:gd name="connsiteX8" fmla="*/ 1619282 w 2111136"/>
              <a:gd name="connsiteY8" fmla="*/ 4703630 h 6068119"/>
              <a:gd name="connsiteX9" fmla="*/ 1699370 w 2111136"/>
              <a:gd name="connsiteY9" fmla="*/ 4549215 h 6068119"/>
              <a:gd name="connsiteX10" fmla="*/ 1715405 w 2111136"/>
              <a:gd name="connsiteY10" fmla="*/ 4472227 h 6068119"/>
              <a:gd name="connsiteX11" fmla="*/ 1734945 w 2111136"/>
              <a:gd name="connsiteY11" fmla="*/ 4340848 h 6068119"/>
              <a:gd name="connsiteX12" fmla="*/ 1688066 w 2111136"/>
              <a:gd name="connsiteY12" fmla="*/ 4249408 h 6068119"/>
              <a:gd name="connsiteX13" fmla="*/ 1660640 w 2111136"/>
              <a:gd name="connsiteY13" fmla="*/ 4218227 h 6068119"/>
              <a:gd name="connsiteX14" fmla="*/ 1622437 w 2111136"/>
              <a:gd name="connsiteY14" fmla="*/ 4076250 h 6068119"/>
              <a:gd name="connsiteX15" fmla="*/ 1614901 w 2111136"/>
              <a:gd name="connsiteY15" fmla="*/ 4022997 h 6068119"/>
              <a:gd name="connsiteX16" fmla="*/ 1573192 w 2111136"/>
              <a:gd name="connsiteY16" fmla="*/ 3934535 h 6068119"/>
              <a:gd name="connsiteX17" fmla="*/ 1550848 w 2111136"/>
              <a:gd name="connsiteY17" fmla="*/ 3907033 h 6068119"/>
              <a:gd name="connsiteX18" fmla="*/ 1528942 w 2111136"/>
              <a:gd name="connsiteY18" fmla="*/ 3821286 h 6068119"/>
              <a:gd name="connsiteX19" fmla="*/ 1493280 w 2111136"/>
              <a:gd name="connsiteY19" fmla="*/ 3689206 h 6068119"/>
              <a:gd name="connsiteX20" fmla="*/ 1301734 w 2111136"/>
              <a:gd name="connsiteY20" fmla="*/ 3468489 h 6068119"/>
              <a:gd name="connsiteX21" fmla="*/ 1106159 w 2111136"/>
              <a:gd name="connsiteY21" fmla="*/ 3170696 h 6068119"/>
              <a:gd name="connsiteX22" fmla="*/ 875884 w 2111136"/>
              <a:gd name="connsiteY22" fmla="*/ 2882800 h 6068119"/>
              <a:gd name="connsiteX23" fmla="*/ 727625 w 2111136"/>
              <a:gd name="connsiteY23" fmla="*/ 2621355 h 6068119"/>
              <a:gd name="connsiteX24" fmla="*/ 708260 w 2111136"/>
              <a:gd name="connsiteY24" fmla="*/ 2299739 h 6068119"/>
              <a:gd name="connsiteX25" fmla="*/ 705369 w 2111136"/>
              <a:gd name="connsiteY25" fmla="*/ 2219860 h 6068119"/>
              <a:gd name="connsiteX26" fmla="*/ 661557 w 2111136"/>
              <a:gd name="connsiteY26" fmla="*/ 1764412 h 6068119"/>
              <a:gd name="connsiteX27" fmla="*/ 587515 w 2111136"/>
              <a:gd name="connsiteY27" fmla="*/ 1648535 h 6068119"/>
              <a:gd name="connsiteX28" fmla="*/ 538884 w 2111136"/>
              <a:gd name="connsiteY28" fmla="*/ 1588801 h 6068119"/>
              <a:gd name="connsiteX29" fmla="*/ 490516 w 2111136"/>
              <a:gd name="connsiteY29" fmla="*/ 1482209 h 6068119"/>
              <a:gd name="connsiteX30" fmla="*/ 425850 w 2111136"/>
              <a:gd name="connsiteY30" fmla="*/ 1348202 h 6068119"/>
              <a:gd name="connsiteX31" fmla="*/ 274787 w 2111136"/>
              <a:gd name="connsiteY31" fmla="*/ 1025359 h 6068119"/>
              <a:gd name="connsiteX32" fmla="*/ 265324 w 2111136"/>
              <a:gd name="connsiteY32" fmla="*/ 929452 h 6068119"/>
              <a:gd name="connsiteX33" fmla="*/ 255685 w 2111136"/>
              <a:gd name="connsiteY33" fmla="*/ 795796 h 6068119"/>
              <a:gd name="connsiteX34" fmla="*/ 183133 w 2111136"/>
              <a:gd name="connsiteY34" fmla="*/ 666168 h 6068119"/>
              <a:gd name="connsiteX35" fmla="*/ 124513 w 2111136"/>
              <a:gd name="connsiteY35" fmla="*/ 580596 h 6068119"/>
              <a:gd name="connsiteX36" fmla="*/ 85082 w 2111136"/>
              <a:gd name="connsiteY36" fmla="*/ 435291 h 6068119"/>
              <a:gd name="connsiteX37" fmla="*/ 66681 w 2111136"/>
              <a:gd name="connsiteY37" fmla="*/ 352960 h 6068119"/>
              <a:gd name="connsiteX38" fmla="*/ 0 w 2111136"/>
              <a:gd name="connsiteY38" fmla="*/ 247068 h 6068119"/>
              <a:gd name="connsiteX0" fmla="*/ 146583 w 2191038"/>
              <a:gd name="connsiteY0" fmla="*/ 314154 h 6029313"/>
              <a:gd name="connsiteX1" fmla="*/ 2191038 w 2191038"/>
              <a:gd name="connsiteY1" fmla="*/ 462767 h 6029313"/>
              <a:gd name="connsiteX2" fmla="*/ 2144885 w 2191038"/>
              <a:gd name="connsiteY2" fmla="*/ 6029313 h 6029313"/>
              <a:gd name="connsiteX3" fmla="*/ 994253 w 2191038"/>
              <a:gd name="connsiteY3" fmla="*/ 6019520 h 6029313"/>
              <a:gd name="connsiteX4" fmla="*/ 1175195 w 2191038"/>
              <a:gd name="connsiteY4" fmla="*/ 5001943 h 6029313"/>
              <a:gd name="connsiteX5" fmla="*/ 1411779 w 2191038"/>
              <a:gd name="connsiteY5" fmla="*/ 4591601 h 6029313"/>
              <a:gd name="connsiteX6" fmla="*/ 1563368 w 2191038"/>
              <a:gd name="connsiteY6" fmla="*/ 4637497 h 6029313"/>
              <a:gd name="connsiteX7" fmla="*/ 1645120 w 2191038"/>
              <a:gd name="connsiteY7" fmla="*/ 4682954 h 6029313"/>
              <a:gd name="connsiteX8" fmla="*/ 1699184 w 2191038"/>
              <a:gd name="connsiteY8" fmla="*/ 4664824 h 6029313"/>
              <a:gd name="connsiteX9" fmla="*/ 1779272 w 2191038"/>
              <a:gd name="connsiteY9" fmla="*/ 4510409 h 6029313"/>
              <a:gd name="connsiteX10" fmla="*/ 1795307 w 2191038"/>
              <a:gd name="connsiteY10" fmla="*/ 4433421 h 6029313"/>
              <a:gd name="connsiteX11" fmla="*/ 1814847 w 2191038"/>
              <a:gd name="connsiteY11" fmla="*/ 4302042 h 6029313"/>
              <a:gd name="connsiteX12" fmla="*/ 1767968 w 2191038"/>
              <a:gd name="connsiteY12" fmla="*/ 4210602 h 6029313"/>
              <a:gd name="connsiteX13" fmla="*/ 1740542 w 2191038"/>
              <a:gd name="connsiteY13" fmla="*/ 4179421 h 6029313"/>
              <a:gd name="connsiteX14" fmla="*/ 1702339 w 2191038"/>
              <a:gd name="connsiteY14" fmla="*/ 4037444 h 6029313"/>
              <a:gd name="connsiteX15" fmla="*/ 1694803 w 2191038"/>
              <a:gd name="connsiteY15" fmla="*/ 3984191 h 6029313"/>
              <a:gd name="connsiteX16" fmla="*/ 1653094 w 2191038"/>
              <a:gd name="connsiteY16" fmla="*/ 3895729 h 6029313"/>
              <a:gd name="connsiteX17" fmla="*/ 1630750 w 2191038"/>
              <a:gd name="connsiteY17" fmla="*/ 3868227 h 6029313"/>
              <a:gd name="connsiteX18" fmla="*/ 1608844 w 2191038"/>
              <a:gd name="connsiteY18" fmla="*/ 3782480 h 6029313"/>
              <a:gd name="connsiteX19" fmla="*/ 1573182 w 2191038"/>
              <a:gd name="connsiteY19" fmla="*/ 3650400 h 6029313"/>
              <a:gd name="connsiteX20" fmla="*/ 1381636 w 2191038"/>
              <a:gd name="connsiteY20" fmla="*/ 3429683 h 6029313"/>
              <a:gd name="connsiteX21" fmla="*/ 1186061 w 2191038"/>
              <a:gd name="connsiteY21" fmla="*/ 3131890 h 6029313"/>
              <a:gd name="connsiteX22" fmla="*/ 955786 w 2191038"/>
              <a:gd name="connsiteY22" fmla="*/ 2843994 h 6029313"/>
              <a:gd name="connsiteX23" fmla="*/ 807527 w 2191038"/>
              <a:gd name="connsiteY23" fmla="*/ 2582549 h 6029313"/>
              <a:gd name="connsiteX24" fmla="*/ 788162 w 2191038"/>
              <a:gd name="connsiteY24" fmla="*/ 2260933 h 6029313"/>
              <a:gd name="connsiteX25" fmla="*/ 785271 w 2191038"/>
              <a:gd name="connsiteY25" fmla="*/ 2181054 h 6029313"/>
              <a:gd name="connsiteX26" fmla="*/ 741459 w 2191038"/>
              <a:gd name="connsiteY26" fmla="*/ 1725606 h 6029313"/>
              <a:gd name="connsiteX27" fmla="*/ 667417 w 2191038"/>
              <a:gd name="connsiteY27" fmla="*/ 1609729 h 6029313"/>
              <a:gd name="connsiteX28" fmla="*/ 618786 w 2191038"/>
              <a:gd name="connsiteY28" fmla="*/ 1549995 h 6029313"/>
              <a:gd name="connsiteX29" fmla="*/ 570418 w 2191038"/>
              <a:gd name="connsiteY29" fmla="*/ 1443403 h 6029313"/>
              <a:gd name="connsiteX30" fmla="*/ 505752 w 2191038"/>
              <a:gd name="connsiteY30" fmla="*/ 1309396 h 6029313"/>
              <a:gd name="connsiteX31" fmla="*/ 354689 w 2191038"/>
              <a:gd name="connsiteY31" fmla="*/ 986553 h 6029313"/>
              <a:gd name="connsiteX32" fmla="*/ 345226 w 2191038"/>
              <a:gd name="connsiteY32" fmla="*/ 890646 h 6029313"/>
              <a:gd name="connsiteX33" fmla="*/ 335587 w 2191038"/>
              <a:gd name="connsiteY33" fmla="*/ 756990 h 6029313"/>
              <a:gd name="connsiteX34" fmla="*/ 263035 w 2191038"/>
              <a:gd name="connsiteY34" fmla="*/ 627362 h 6029313"/>
              <a:gd name="connsiteX35" fmla="*/ 204415 w 2191038"/>
              <a:gd name="connsiteY35" fmla="*/ 541790 h 6029313"/>
              <a:gd name="connsiteX36" fmla="*/ 164984 w 2191038"/>
              <a:gd name="connsiteY36" fmla="*/ 396485 h 6029313"/>
              <a:gd name="connsiteX37" fmla="*/ 146583 w 2191038"/>
              <a:gd name="connsiteY37" fmla="*/ 314154 h 6029313"/>
              <a:gd name="connsiteX0" fmla="*/ 0 w 2026054"/>
              <a:gd name="connsiteY0" fmla="*/ 372030 h 6004858"/>
              <a:gd name="connsiteX1" fmla="*/ 2026054 w 2026054"/>
              <a:gd name="connsiteY1" fmla="*/ 438312 h 6004858"/>
              <a:gd name="connsiteX2" fmla="*/ 1979901 w 2026054"/>
              <a:gd name="connsiteY2" fmla="*/ 6004858 h 6004858"/>
              <a:gd name="connsiteX3" fmla="*/ 829269 w 2026054"/>
              <a:gd name="connsiteY3" fmla="*/ 5995065 h 6004858"/>
              <a:gd name="connsiteX4" fmla="*/ 1010211 w 2026054"/>
              <a:gd name="connsiteY4" fmla="*/ 4977488 h 6004858"/>
              <a:gd name="connsiteX5" fmla="*/ 1246795 w 2026054"/>
              <a:gd name="connsiteY5" fmla="*/ 4567146 h 6004858"/>
              <a:gd name="connsiteX6" fmla="*/ 1398384 w 2026054"/>
              <a:gd name="connsiteY6" fmla="*/ 4613042 h 6004858"/>
              <a:gd name="connsiteX7" fmla="*/ 1480136 w 2026054"/>
              <a:gd name="connsiteY7" fmla="*/ 4658499 h 6004858"/>
              <a:gd name="connsiteX8" fmla="*/ 1534200 w 2026054"/>
              <a:gd name="connsiteY8" fmla="*/ 4640369 h 6004858"/>
              <a:gd name="connsiteX9" fmla="*/ 1614288 w 2026054"/>
              <a:gd name="connsiteY9" fmla="*/ 4485954 h 6004858"/>
              <a:gd name="connsiteX10" fmla="*/ 1630323 w 2026054"/>
              <a:gd name="connsiteY10" fmla="*/ 4408966 h 6004858"/>
              <a:gd name="connsiteX11" fmla="*/ 1649863 w 2026054"/>
              <a:gd name="connsiteY11" fmla="*/ 4277587 h 6004858"/>
              <a:gd name="connsiteX12" fmla="*/ 1602984 w 2026054"/>
              <a:gd name="connsiteY12" fmla="*/ 4186147 h 6004858"/>
              <a:gd name="connsiteX13" fmla="*/ 1575558 w 2026054"/>
              <a:gd name="connsiteY13" fmla="*/ 4154966 h 6004858"/>
              <a:gd name="connsiteX14" fmla="*/ 1537355 w 2026054"/>
              <a:gd name="connsiteY14" fmla="*/ 4012989 h 6004858"/>
              <a:gd name="connsiteX15" fmla="*/ 1529819 w 2026054"/>
              <a:gd name="connsiteY15" fmla="*/ 3959736 h 6004858"/>
              <a:gd name="connsiteX16" fmla="*/ 1488110 w 2026054"/>
              <a:gd name="connsiteY16" fmla="*/ 3871274 h 6004858"/>
              <a:gd name="connsiteX17" fmla="*/ 1465766 w 2026054"/>
              <a:gd name="connsiteY17" fmla="*/ 3843772 h 6004858"/>
              <a:gd name="connsiteX18" fmla="*/ 1443860 w 2026054"/>
              <a:gd name="connsiteY18" fmla="*/ 3758025 h 6004858"/>
              <a:gd name="connsiteX19" fmla="*/ 1408198 w 2026054"/>
              <a:gd name="connsiteY19" fmla="*/ 3625945 h 6004858"/>
              <a:gd name="connsiteX20" fmla="*/ 1216652 w 2026054"/>
              <a:gd name="connsiteY20" fmla="*/ 3405228 h 6004858"/>
              <a:gd name="connsiteX21" fmla="*/ 1021077 w 2026054"/>
              <a:gd name="connsiteY21" fmla="*/ 3107435 h 6004858"/>
              <a:gd name="connsiteX22" fmla="*/ 790802 w 2026054"/>
              <a:gd name="connsiteY22" fmla="*/ 2819539 h 6004858"/>
              <a:gd name="connsiteX23" fmla="*/ 642543 w 2026054"/>
              <a:gd name="connsiteY23" fmla="*/ 2558094 h 6004858"/>
              <a:gd name="connsiteX24" fmla="*/ 623178 w 2026054"/>
              <a:gd name="connsiteY24" fmla="*/ 2236478 h 6004858"/>
              <a:gd name="connsiteX25" fmla="*/ 620287 w 2026054"/>
              <a:gd name="connsiteY25" fmla="*/ 2156599 h 6004858"/>
              <a:gd name="connsiteX26" fmla="*/ 576475 w 2026054"/>
              <a:gd name="connsiteY26" fmla="*/ 1701151 h 6004858"/>
              <a:gd name="connsiteX27" fmla="*/ 502433 w 2026054"/>
              <a:gd name="connsiteY27" fmla="*/ 1585274 h 6004858"/>
              <a:gd name="connsiteX28" fmla="*/ 453802 w 2026054"/>
              <a:gd name="connsiteY28" fmla="*/ 1525540 h 6004858"/>
              <a:gd name="connsiteX29" fmla="*/ 405434 w 2026054"/>
              <a:gd name="connsiteY29" fmla="*/ 1418948 h 6004858"/>
              <a:gd name="connsiteX30" fmla="*/ 340768 w 2026054"/>
              <a:gd name="connsiteY30" fmla="*/ 1284941 h 6004858"/>
              <a:gd name="connsiteX31" fmla="*/ 189705 w 2026054"/>
              <a:gd name="connsiteY31" fmla="*/ 962098 h 6004858"/>
              <a:gd name="connsiteX32" fmla="*/ 180242 w 2026054"/>
              <a:gd name="connsiteY32" fmla="*/ 866191 h 6004858"/>
              <a:gd name="connsiteX33" fmla="*/ 170603 w 2026054"/>
              <a:gd name="connsiteY33" fmla="*/ 732535 h 6004858"/>
              <a:gd name="connsiteX34" fmla="*/ 98051 w 2026054"/>
              <a:gd name="connsiteY34" fmla="*/ 602907 h 6004858"/>
              <a:gd name="connsiteX35" fmla="*/ 39431 w 2026054"/>
              <a:gd name="connsiteY35" fmla="*/ 517335 h 6004858"/>
              <a:gd name="connsiteX36" fmla="*/ 0 w 2026054"/>
              <a:gd name="connsiteY36" fmla="*/ 372030 h 6004858"/>
              <a:gd name="connsiteX0" fmla="*/ 0 w 1986623"/>
              <a:gd name="connsiteY0" fmla="*/ 471646 h 5959169"/>
              <a:gd name="connsiteX1" fmla="*/ 1986623 w 1986623"/>
              <a:gd name="connsiteY1" fmla="*/ 392623 h 5959169"/>
              <a:gd name="connsiteX2" fmla="*/ 1940470 w 1986623"/>
              <a:gd name="connsiteY2" fmla="*/ 5959169 h 5959169"/>
              <a:gd name="connsiteX3" fmla="*/ 789838 w 1986623"/>
              <a:gd name="connsiteY3" fmla="*/ 5949376 h 5959169"/>
              <a:gd name="connsiteX4" fmla="*/ 970780 w 1986623"/>
              <a:gd name="connsiteY4" fmla="*/ 4931799 h 5959169"/>
              <a:gd name="connsiteX5" fmla="*/ 1207364 w 1986623"/>
              <a:gd name="connsiteY5" fmla="*/ 4521457 h 5959169"/>
              <a:gd name="connsiteX6" fmla="*/ 1358953 w 1986623"/>
              <a:gd name="connsiteY6" fmla="*/ 4567353 h 5959169"/>
              <a:gd name="connsiteX7" fmla="*/ 1440705 w 1986623"/>
              <a:gd name="connsiteY7" fmla="*/ 4612810 h 5959169"/>
              <a:gd name="connsiteX8" fmla="*/ 1494769 w 1986623"/>
              <a:gd name="connsiteY8" fmla="*/ 4594680 h 5959169"/>
              <a:gd name="connsiteX9" fmla="*/ 1574857 w 1986623"/>
              <a:gd name="connsiteY9" fmla="*/ 4440265 h 5959169"/>
              <a:gd name="connsiteX10" fmla="*/ 1590892 w 1986623"/>
              <a:gd name="connsiteY10" fmla="*/ 4363277 h 5959169"/>
              <a:gd name="connsiteX11" fmla="*/ 1610432 w 1986623"/>
              <a:gd name="connsiteY11" fmla="*/ 4231898 h 5959169"/>
              <a:gd name="connsiteX12" fmla="*/ 1563553 w 1986623"/>
              <a:gd name="connsiteY12" fmla="*/ 4140458 h 5959169"/>
              <a:gd name="connsiteX13" fmla="*/ 1536127 w 1986623"/>
              <a:gd name="connsiteY13" fmla="*/ 4109277 h 5959169"/>
              <a:gd name="connsiteX14" fmla="*/ 1497924 w 1986623"/>
              <a:gd name="connsiteY14" fmla="*/ 3967300 h 5959169"/>
              <a:gd name="connsiteX15" fmla="*/ 1490388 w 1986623"/>
              <a:gd name="connsiteY15" fmla="*/ 3914047 h 5959169"/>
              <a:gd name="connsiteX16" fmla="*/ 1448679 w 1986623"/>
              <a:gd name="connsiteY16" fmla="*/ 3825585 h 5959169"/>
              <a:gd name="connsiteX17" fmla="*/ 1426335 w 1986623"/>
              <a:gd name="connsiteY17" fmla="*/ 3798083 h 5959169"/>
              <a:gd name="connsiteX18" fmla="*/ 1404429 w 1986623"/>
              <a:gd name="connsiteY18" fmla="*/ 3712336 h 5959169"/>
              <a:gd name="connsiteX19" fmla="*/ 1368767 w 1986623"/>
              <a:gd name="connsiteY19" fmla="*/ 3580256 h 5959169"/>
              <a:gd name="connsiteX20" fmla="*/ 1177221 w 1986623"/>
              <a:gd name="connsiteY20" fmla="*/ 3359539 h 5959169"/>
              <a:gd name="connsiteX21" fmla="*/ 981646 w 1986623"/>
              <a:gd name="connsiteY21" fmla="*/ 3061746 h 5959169"/>
              <a:gd name="connsiteX22" fmla="*/ 751371 w 1986623"/>
              <a:gd name="connsiteY22" fmla="*/ 2773850 h 5959169"/>
              <a:gd name="connsiteX23" fmla="*/ 603112 w 1986623"/>
              <a:gd name="connsiteY23" fmla="*/ 2512405 h 5959169"/>
              <a:gd name="connsiteX24" fmla="*/ 583747 w 1986623"/>
              <a:gd name="connsiteY24" fmla="*/ 2190789 h 5959169"/>
              <a:gd name="connsiteX25" fmla="*/ 580856 w 1986623"/>
              <a:gd name="connsiteY25" fmla="*/ 2110910 h 5959169"/>
              <a:gd name="connsiteX26" fmla="*/ 537044 w 1986623"/>
              <a:gd name="connsiteY26" fmla="*/ 1655462 h 5959169"/>
              <a:gd name="connsiteX27" fmla="*/ 463002 w 1986623"/>
              <a:gd name="connsiteY27" fmla="*/ 1539585 h 5959169"/>
              <a:gd name="connsiteX28" fmla="*/ 414371 w 1986623"/>
              <a:gd name="connsiteY28" fmla="*/ 1479851 h 5959169"/>
              <a:gd name="connsiteX29" fmla="*/ 366003 w 1986623"/>
              <a:gd name="connsiteY29" fmla="*/ 1373259 h 5959169"/>
              <a:gd name="connsiteX30" fmla="*/ 301337 w 1986623"/>
              <a:gd name="connsiteY30" fmla="*/ 1239252 h 5959169"/>
              <a:gd name="connsiteX31" fmla="*/ 150274 w 1986623"/>
              <a:gd name="connsiteY31" fmla="*/ 916409 h 5959169"/>
              <a:gd name="connsiteX32" fmla="*/ 140811 w 1986623"/>
              <a:gd name="connsiteY32" fmla="*/ 820502 h 5959169"/>
              <a:gd name="connsiteX33" fmla="*/ 131172 w 1986623"/>
              <a:gd name="connsiteY33" fmla="*/ 686846 h 5959169"/>
              <a:gd name="connsiteX34" fmla="*/ 58620 w 1986623"/>
              <a:gd name="connsiteY34" fmla="*/ 557218 h 5959169"/>
              <a:gd name="connsiteX35" fmla="*/ 0 w 1986623"/>
              <a:gd name="connsiteY35" fmla="*/ 471646 h 5959169"/>
              <a:gd name="connsiteX0" fmla="*/ 0 w 1986623"/>
              <a:gd name="connsiteY0" fmla="*/ 79864 h 5567387"/>
              <a:gd name="connsiteX1" fmla="*/ 1986623 w 1986623"/>
              <a:gd name="connsiteY1" fmla="*/ 841 h 5567387"/>
              <a:gd name="connsiteX2" fmla="*/ 1940470 w 1986623"/>
              <a:gd name="connsiteY2" fmla="*/ 5567387 h 5567387"/>
              <a:gd name="connsiteX3" fmla="*/ 789838 w 1986623"/>
              <a:gd name="connsiteY3" fmla="*/ 5557594 h 5567387"/>
              <a:gd name="connsiteX4" fmla="*/ 970780 w 1986623"/>
              <a:gd name="connsiteY4" fmla="*/ 4540017 h 5567387"/>
              <a:gd name="connsiteX5" fmla="*/ 1207364 w 1986623"/>
              <a:gd name="connsiteY5" fmla="*/ 4129675 h 5567387"/>
              <a:gd name="connsiteX6" fmla="*/ 1358953 w 1986623"/>
              <a:gd name="connsiteY6" fmla="*/ 4175571 h 5567387"/>
              <a:gd name="connsiteX7" fmla="*/ 1440705 w 1986623"/>
              <a:gd name="connsiteY7" fmla="*/ 4221028 h 5567387"/>
              <a:gd name="connsiteX8" fmla="*/ 1494769 w 1986623"/>
              <a:gd name="connsiteY8" fmla="*/ 4202898 h 5567387"/>
              <a:gd name="connsiteX9" fmla="*/ 1574857 w 1986623"/>
              <a:gd name="connsiteY9" fmla="*/ 4048483 h 5567387"/>
              <a:gd name="connsiteX10" fmla="*/ 1590892 w 1986623"/>
              <a:gd name="connsiteY10" fmla="*/ 3971495 h 5567387"/>
              <a:gd name="connsiteX11" fmla="*/ 1610432 w 1986623"/>
              <a:gd name="connsiteY11" fmla="*/ 3840116 h 5567387"/>
              <a:gd name="connsiteX12" fmla="*/ 1563553 w 1986623"/>
              <a:gd name="connsiteY12" fmla="*/ 3748676 h 5567387"/>
              <a:gd name="connsiteX13" fmla="*/ 1536127 w 1986623"/>
              <a:gd name="connsiteY13" fmla="*/ 3717495 h 5567387"/>
              <a:gd name="connsiteX14" fmla="*/ 1497924 w 1986623"/>
              <a:gd name="connsiteY14" fmla="*/ 3575518 h 5567387"/>
              <a:gd name="connsiteX15" fmla="*/ 1490388 w 1986623"/>
              <a:gd name="connsiteY15" fmla="*/ 3522265 h 5567387"/>
              <a:gd name="connsiteX16" fmla="*/ 1448679 w 1986623"/>
              <a:gd name="connsiteY16" fmla="*/ 3433803 h 5567387"/>
              <a:gd name="connsiteX17" fmla="*/ 1426335 w 1986623"/>
              <a:gd name="connsiteY17" fmla="*/ 3406301 h 5567387"/>
              <a:gd name="connsiteX18" fmla="*/ 1404429 w 1986623"/>
              <a:gd name="connsiteY18" fmla="*/ 3320554 h 5567387"/>
              <a:gd name="connsiteX19" fmla="*/ 1368767 w 1986623"/>
              <a:gd name="connsiteY19" fmla="*/ 3188474 h 5567387"/>
              <a:gd name="connsiteX20" fmla="*/ 1177221 w 1986623"/>
              <a:gd name="connsiteY20" fmla="*/ 2967757 h 5567387"/>
              <a:gd name="connsiteX21" fmla="*/ 981646 w 1986623"/>
              <a:gd name="connsiteY21" fmla="*/ 2669964 h 5567387"/>
              <a:gd name="connsiteX22" fmla="*/ 751371 w 1986623"/>
              <a:gd name="connsiteY22" fmla="*/ 2382068 h 5567387"/>
              <a:gd name="connsiteX23" fmla="*/ 603112 w 1986623"/>
              <a:gd name="connsiteY23" fmla="*/ 2120623 h 5567387"/>
              <a:gd name="connsiteX24" fmla="*/ 583747 w 1986623"/>
              <a:gd name="connsiteY24" fmla="*/ 1799007 h 5567387"/>
              <a:gd name="connsiteX25" fmla="*/ 580856 w 1986623"/>
              <a:gd name="connsiteY25" fmla="*/ 1719128 h 5567387"/>
              <a:gd name="connsiteX26" fmla="*/ 537044 w 1986623"/>
              <a:gd name="connsiteY26" fmla="*/ 1263680 h 5567387"/>
              <a:gd name="connsiteX27" fmla="*/ 463002 w 1986623"/>
              <a:gd name="connsiteY27" fmla="*/ 1147803 h 5567387"/>
              <a:gd name="connsiteX28" fmla="*/ 414371 w 1986623"/>
              <a:gd name="connsiteY28" fmla="*/ 1088069 h 5567387"/>
              <a:gd name="connsiteX29" fmla="*/ 366003 w 1986623"/>
              <a:gd name="connsiteY29" fmla="*/ 981477 h 5567387"/>
              <a:gd name="connsiteX30" fmla="*/ 301337 w 1986623"/>
              <a:gd name="connsiteY30" fmla="*/ 847470 h 5567387"/>
              <a:gd name="connsiteX31" fmla="*/ 150274 w 1986623"/>
              <a:gd name="connsiteY31" fmla="*/ 524627 h 5567387"/>
              <a:gd name="connsiteX32" fmla="*/ 140811 w 1986623"/>
              <a:gd name="connsiteY32" fmla="*/ 428720 h 5567387"/>
              <a:gd name="connsiteX33" fmla="*/ 131172 w 1986623"/>
              <a:gd name="connsiteY33" fmla="*/ 295064 h 5567387"/>
              <a:gd name="connsiteX34" fmla="*/ 58620 w 1986623"/>
              <a:gd name="connsiteY34" fmla="*/ 165436 h 5567387"/>
              <a:gd name="connsiteX35" fmla="*/ 0 w 1986623"/>
              <a:gd name="connsiteY35" fmla="*/ 79864 h 5567387"/>
              <a:gd name="connsiteX0" fmla="*/ 0 w 1986624"/>
              <a:gd name="connsiteY0" fmla="*/ 33593 h 5521116"/>
              <a:gd name="connsiteX1" fmla="*/ 1986624 w 1986624"/>
              <a:gd name="connsiteY1" fmla="*/ 2758 h 5521116"/>
              <a:gd name="connsiteX2" fmla="*/ 1940470 w 1986624"/>
              <a:gd name="connsiteY2" fmla="*/ 5521116 h 5521116"/>
              <a:gd name="connsiteX3" fmla="*/ 789838 w 1986624"/>
              <a:gd name="connsiteY3" fmla="*/ 5511323 h 5521116"/>
              <a:gd name="connsiteX4" fmla="*/ 970780 w 1986624"/>
              <a:gd name="connsiteY4" fmla="*/ 4493746 h 5521116"/>
              <a:gd name="connsiteX5" fmla="*/ 1207364 w 1986624"/>
              <a:gd name="connsiteY5" fmla="*/ 4083404 h 5521116"/>
              <a:gd name="connsiteX6" fmla="*/ 1358953 w 1986624"/>
              <a:gd name="connsiteY6" fmla="*/ 4129300 h 5521116"/>
              <a:gd name="connsiteX7" fmla="*/ 1440705 w 1986624"/>
              <a:gd name="connsiteY7" fmla="*/ 4174757 h 5521116"/>
              <a:gd name="connsiteX8" fmla="*/ 1494769 w 1986624"/>
              <a:gd name="connsiteY8" fmla="*/ 4156627 h 5521116"/>
              <a:gd name="connsiteX9" fmla="*/ 1574857 w 1986624"/>
              <a:gd name="connsiteY9" fmla="*/ 4002212 h 5521116"/>
              <a:gd name="connsiteX10" fmla="*/ 1590892 w 1986624"/>
              <a:gd name="connsiteY10" fmla="*/ 3925224 h 5521116"/>
              <a:gd name="connsiteX11" fmla="*/ 1610432 w 1986624"/>
              <a:gd name="connsiteY11" fmla="*/ 3793845 h 5521116"/>
              <a:gd name="connsiteX12" fmla="*/ 1563553 w 1986624"/>
              <a:gd name="connsiteY12" fmla="*/ 3702405 h 5521116"/>
              <a:gd name="connsiteX13" fmla="*/ 1536127 w 1986624"/>
              <a:gd name="connsiteY13" fmla="*/ 3671224 h 5521116"/>
              <a:gd name="connsiteX14" fmla="*/ 1497924 w 1986624"/>
              <a:gd name="connsiteY14" fmla="*/ 3529247 h 5521116"/>
              <a:gd name="connsiteX15" fmla="*/ 1490388 w 1986624"/>
              <a:gd name="connsiteY15" fmla="*/ 3475994 h 5521116"/>
              <a:gd name="connsiteX16" fmla="*/ 1448679 w 1986624"/>
              <a:gd name="connsiteY16" fmla="*/ 3387532 h 5521116"/>
              <a:gd name="connsiteX17" fmla="*/ 1426335 w 1986624"/>
              <a:gd name="connsiteY17" fmla="*/ 3360030 h 5521116"/>
              <a:gd name="connsiteX18" fmla="*/ 1404429 w 1986624"/>
              <a:gd name="connsiteY18" fmla="*/ 3274283 h 5521116"/>
              <a:gd name="connsiteX19" fmla="*/ 1368767 w 1986624"/>
              <a:gd name="connsiteY19" fmla="*/ 3142203 h 5521116"/>
              <a:gd name="connsiteX20" fmla="*/ 1177221 w 1986624"/>
              <a:gd name="connsiteY20" fmla="*/ 2921486 h 5521116"/>
              <a:gd name="connsiteX21" fmla="*/ 981646 w 1986624"/>
              <a:gd name="connsiteY21" fmla="*/ 2623693 h 5521116"/>
              <a:gd name="connsiteX22" fmla="*/ 751371 w 1986624"/>
              <a:gd name="connsiteY22" fmla="*/ 2335797 h 5521116"/>
              <a:gd name="connsiteX23" fmla="*/ 603112 w 1986624"/>
              <a:gd name="connsiteY23" fmla="*/ 2074352 h 5521116"/>
              <a:gd name="connsiteX24" fmla="*/ 583747 w 1986624"/>
              <a:gd name="connsiteY24" fmla="*/ 1752736 h 5521116"/>
              <a:gd name="connsiteX25" fmla="*/ 580856 w 1986624"/>
              <a:gd name="connsiteY25" fmla="*/ 1672857 h 5521116"/>
              <a:gd name="connsiteX26" fmla="*/ 537044 w 1986624"/>
              <a:gd name="connsiteY26" fmla="*/ 1217409 h 5521116"/>
              <a:gd name="connsiteX27" fmla="*/ 463002 w 1986624"/>
              <a:gd name="connsiteY27" fmla="*/ 1101532 h 5521116"/>
              <a:gd name="connsiteX28" fmla="*/ 414371 w 1986624"/>
              <a:gd name="connsiteY28" fmla="*/ 1041798 h 5521116"/>
              <a:gd name="connsiteX29" fmla="*/ 366003 w 1986624"/>
              <a:gd name="connsiteY29" fmla="*/ 935206 h 5521116"/>
              <a:gd name="connsiteX30" fmla="*/ 301337 w 1986624"/>
              <a:gd name="connsiteY30" fmla="*/ 801199 h 5521116"/>
              <a:gd name="connsiteX31" fmla="*/ 150274 w 1986624"/>
              <a:gd name="connsiteY31" fmla="*/ 478356 h 5521116"/>
              <a:gd name="connsiteX32" fmla="*/ 140811 w 1986624"/>
              <a:gd name="connsiteY32" fmla="*/ 382449 h 5521116"/>
              <a:gd name="connsiteX33" fmla="*/ 131172 w 1986624"/>
              <a:gd name="connsiteY33" fmla="*/ 248793 h 5521116"/>
              <a:gd name="connsiteX34" fmla="*/ 58620 w 1986624"/>
              <a:gd name="connsiteY34" fmla="*/ 119165 h 5521116"/>
              <a:gd name="connsiteX35" fmla="*/ 0 w 1986624"/>
              <a:gd name="connsiteY35" fmla="*/ 33593 h 5521116"/>
              <a:gd name="connsiteX0" fmla="*/ 0 w 1986624"/>
              <a:gd name="connsiteY0" fmla="*/ 6022 h 5580284"/>
              <a:gd name="connsiteX1" fmla="*/ 1986624 w 1986624"/>
              <a:gd name="connsiteY1" fmla="*/ 61926 h 5580284"/>
              <a:gd name="connsiteX2" fmla="*/ 1940470 w 1986624"/>
              <a:gd name="connsiteY2" fmla="*/ 5580284 h 5580284"/>
              <a:gd name="connsiteX3" fmla="*/ 789838 w 1986624"/>
              <a:gd name="connsiteY3" fmla="*/ 5570491 h 5580284"/>
              <a:gd name="connsiteX4" fmla="*/ 970780 w 1986624"/>
              <a:gd name="connsiteY4" fmla="*/ 4552914 h 5580284"/>
              <a:gd name="connsiteX5" fmla="*/ 1207364 w 1986624"/>
              <a:gd name="connsiteY5" fmla="*/ 4142572 h 5580284"/>
              <a:gd name="connsiteX6" fmla="*/ 1358953 w 1986624"/>
              <a:gd name="connsiteY6" fmla="*/ 4188468 h 5580284"/>
              <a:gd name="connsiteX7" fmla="*/ 1440705 w 1986624"/>
              <a:gd name="connsiteY7" fmla="*/ 4233925 h 5580284"/>
              <a:gd name="connsiteX8" fmla="*/ 1494769 w 1986624"/>
              <a:gd name="connsiteY8" fmla="*/ 4215795 h 5580284"/>
              <a:gd name="connsiteX9" fmla="*/ 1574857 w 1986624"/>
              <a:gd name="connsiteY9" fmla="*/ 4061380 h 5580284"/>
              <a:gd name="connsiteX10" fmla="*/ 1590892 w 1986624"/>
              <a:gd name="connsiteY10" fmla="*/ 3984392 h 5580284"/>
              <a:gd name="connsiteX11" fmla="*/ 1610432 w 1986624"/>
              <a:gd name="connsiteY11" fmla="*/ 3853013 h 5580284"/>
              <a:gd name="connsiteX12" fmla="*/ 1563553 w 1986624"/>
              <a:gd name="connsiteY12" fmla="*/ 3761573 h 5580284"/>
              <a:gd name="connsiteX13" fmla="*/ 1536127 w 1986624"/>
              <a:gd name="connsiteY13" fmla="*/ 3730392 h 5580284"/>
              <a:gd name="connsiteX14" fmla="*/ 1497924 w 1986624"/>
              <a:gd name="connsiteY14" fmla="*/ 3588415 h 5580284"/>
              <a:gd name="connsiteX15" fmla="*/ 1490388 w 1986624"/>
              <a:gd name="connsiteY15" fmla="*/ 3535162 h 5580284"/>
              <a:gd name="connsiteX16" fmla="*/ 1448679 w 1986624"/>
              <a:gd name="connsiteY16" fmla="*/ 3446700 h 5580284"/>
              <a:gd name="connsiteX17" fmla="*/ 1426335 w 1986624"/>
              <a:gd name="connsiteY17" fmla="*/ 3419198 h 5580284"/>
              <a:gd name="connsiteX18" fmla="*/ 1404429 w 1986624"/>
              <a:gd name="connsiteY18" fmla="*/ 3333451 h 5580284"/>
              <a:gd name="connsiteX19" fmla="*/ 1368767 w 1986624"/>
              <a:gd name="connsiteY19" fmla="*/ 3201371 h 5580284"/>
              <a:gd name="connsiteX20" fmla="*/ 1177221 w 1986624"/>
              <a:gd name="connsiteY20" fmla="*/ 2980654 h 5580284"/>
              <a:gd name="connsiteX21" fmla="*/ 981646 w 1986624"/>
              <a:gd name="connsiteY21" fmla="*/ 2682861 h 5580284"/>
              <a:gd name="connsiteX22" fmla="*/ 751371 w 1986624"/>
              <a:gd name="connsiteY22" fmla="*/ 2394965 h 5580284"/>
              <a:gd name="connsiteX23" fmla="*/ 603112 w 1986624"/>
              <a:gd name="connsiteY23" fmla="*/ 2133520 h 5580284"/>
              <a:gd name="connsiteX24" fmla="*/ 583747 w 1986624"/>
              <a:gd name="connsiteY24" fmla="*/ 1811904 h 5580284"/>
              <a:gd name="connsiteX25" fmla="*/ 580856 w 1986624"/>
              <a:gd name="connsiteY25" fmla="*/ 1732025 h 5580284"/>
              <a:gd name="connsiteX26" fmla="*/ 537044 w 1986624"/>
              <a:gd name="connsiteY26" fmla="*/ 1276577 h 5580284"/>
              <a:gd name="connsiteX27" fmla="*/ 463002 w 1986624"/>
              <a:gd name="connsiteY27" fmla="*/ 1160700 h 5580284"/>
              <a:gd name="connsiteX28" fmla="*/ 414371 w 1986624"/>
              <a:gd name="connsiteY28" fmla="*/ 1100966 h 5580284"/>
              <a:gd name="connsiteX29" fmla="*/ 366003 w 1986624"/>
              <a:gd name="connsiteY29" fmla="*/ 994374 h 5580284"/>
              <a:gd name="connsiteX30" fmla="*/ 301337 w 1986624"/>
              <a:gd name="connsiteY30" fmla="*/ 860367 h 5580284"/>
              <a:gd name="connsiteX31" fmla="*/ 150274 w 1986624"/>
              <a:gd name="connsiteY31" fmla="*/ 537524 h 5580284"/>
              <a:gd name="connsiteX32" fmla="*/ 140811 w 1986624"/>
              <a:gd name="connsiteY32" fmla="*/ 441617 h 5580284"/>
              <a:gd name="connsiteX33" fmla="*/ 131172 w 1986624"/>
              <a:gd name="connsiteY33" fmla="*/ 307961 h 5580284"/>
              <a:gd name="connsiteX34" fmla="*/ 58620 w 1986624"/>
              <a:gd name="connsiteY34" fmla="*/ 178333 h 5580284"/>
              <a:gd name="connsiteX35" fmla="*/ 0 w 1986624"/>
              <a:gd name="connsiteY35" fmla="*/ 6022 h 5580284"/>
              <a:gd name="connsiteX0" fmla="*/ 0 w 1998164"/>
              <a:gd name="connsiteY0" fmla="*/ 25643 h 5599905"/>
              <a:gd name="connsiteX1" fmla="*/ 1998164 w 1998164"/>
              <a:gd name="connsiteY1" fmla="*/ 4444 h 5599905"/>
              <a:gd name="connsiteX2" fmla="*/ 1940470 w 1998164"/>
              <a:gd name="connsiteY2" fmla="*/ 5599905 h 5599905"/>
              <a:gd name="connsiteX3" fmla="*/ 789838 w 1998164"/>
              <a:gd name="connsiteY3" fmla="*/ 5590112 h 5599905"/>
              <a:gd name="connsiteX4" fmla="*/ 970780 w 1998164"/>
              <a:gd name="connsiteY4" fmla="*/ 4572535 h 5599905"/>
              <a:gd name="connsiteX5" fmla="*/ 1207364 w 1998164"/>
              <a:gd name="connsiteY5" fmla="*/ 4162193 h 5599905"/>
              <a:gd name="connsiteX6" fmla="*/ 1358953 w 1998164"/>
              <a:gd name="connsiteY6" fmla="*/ 4208089 h 5599905"/>
              <a:gd name="connsiteX7" fmla="*/ 1440705 w 1998164"/>
              <a:gd name="connsiteY7" fmla="*/ 4253546 h 5599905"/>
              <a:gd name="connsiteX8" fmla="*/ 1494769 w 1998164"/>
              <a:gd name="connsiteY8" fmla="*/ 4235416 h 5599905"/>
              <a:gd name="connsiteX9" fmla="*/ 1574857 w 1998164"/>
              <a:gd name="connsiteY9" fmla="*/ 4081001 h 5599905"/>
              <a:gd name="connsiteX10" fmla="*/ 1590892 w 1998164"/>
              <a:gd name="connsiteY10" fmla="*/ 4004013 h 5599905"/>
              <a:gd name="connsiteX11" fmla="*/ 1610432 w 1998164"/>
              <a:gd name="connsiteY11" fmla="*/ 3872634 h 5599905"/>
              <a:gd name="connsiteX12" fmla="*/ 1563553 w 1998164"/>
              <a:gd name="connsiteY12" fmla="*/ 3781194 h 5599905"/>
              <a:gd name="connsiteX13" fmla="*/ 1536127 w 1998164"/>
              <a:gd name="connsiteY13" fmla="*/ 3750013 h 5599905"/>
              <a:gd name="connsiteX14" fmla="*/ 1497924 w 1998164"/>
              <a:gd name="connsiteY14" fmla="*/ 3608036 h 5599905"/>
              <a:gd name="connsiteX15" fmla="*/ 1490388 w 1998164"/>
              <a:gd name="connsiteY15" fmla="*/ 3554783 h 5599905"/>
              <a:gd name="connsiteX16" fmla="*/ 1448679 w 1998164"/>
              <a:gd name="connsiteY16" fmla="*/ 3466321 h 5599905"/>
              <a:gd name="connsiteX17" fmla="*/ 1426335 w 1998164"/>
              <a:gd name="connsiteY17" fmla="*/ 3438819 h 5599905"/>
              <a:gd name="connsiteX18" fmla="*/ 1404429 w 1998164"/>
              <a:gd name="connsiteY18" fmla="*/ 3353072 h 5599905"/>
              <a:gd name="connsiteX19" fmla="*/ 1368767 w 1998164"/>
              <a:gd name="connsiteY19" fmla="*/ 3220992 h 5599905"/>
              <a:gd name="connsiteX20" fmla="*/ 1177221 w 1998164"/>
              <a:gd name="connsiteY20" fmla="*/ 3000275 h 5599905"/>
              <a:gd name="connsiteX21" fmla="*/ 981646 w 1998164"/>
              <a:gd name="connsiteY21" fmla="*/ 2702482 h 5599905"/>
              <a:gd name="connsiteX22" fmla="*/ 751371 w 1998164"/>
              <a:gd name="connsiteY22" fmla="*/ 2414586 h 5599905"/>
              <a:gd name="connsiteX23" fmla="*/ 603112 w 1998164"/>
              <a:gd name="connsiteY23" fmla="*/ 2153141 h 5599905"/>
              <a:gd name="connsiteX24" fmla="*/ 583747 w 1998164"/>
              <a:gd name="connsiteY24" fmla="*/ 1831525 h 5599905"/>
              <a:gd name="connsiteX25" fmla="*/ 580856 w 1998164"/>
              <a:gd name="connsiteY25" fmla="*/ 1751646 h 5599905"/>
              <a:gd name="connsiteX26" fmla="*/ 537044 w 1998164"/>
              <a:gd name="connsiteY26" fmla="*/ 1296198 h 5599905"/>
              <a:gd name="connsiteX27" fmla="*/ 463002 w 1998164"/>
              <a:gd name="connsiteY27" fmla="*/ 1180321 h 5599905"/>
              <a:gd name="connsiteX28" fmla="*/ 414371 w 1998164"/>
              <a:gd name="connsiteY28" fmla="*/ 1120587 h 5599905"/>
              <a:gd name="connsiteX29" fmla="*/ 366003 w 1998164"/>
              <a:gd name="connsiteY29" fmla="*/ 1013995 h 5599905"/>
              <a:gd name="connsiteX30" fmla="*/ 301337 w 1998164"/>
              <a:gd name="connsiteY30" fmla="*/ 879988 h 5599905"/>
              <a:gd name="connsiteX31" fmla="*/ 150274 w 1998164"/>
              <a:gd name="connsiteY31" fmla="*/ 557145 h 5599905"/>
              <a:gd name="connsiteX32" fmla="*/ 140811 w 1998164"/>
              <a:gd name="connsiteY32" fmla="*/ 461238 h 5599905"/>
              <a:gd name="connsiteX33" fmla="*/ 131172 w 1998164"/>
              <a:gd name="connsiteY33" fmla="*/ 327582 h 5599905"/>
              <a:gd name="connsiteX34" fmla="*/ 58620 w 1998164"/>
              <a:gd name="connsiteY34" fmla="*/ 197954 h 5599905"/>
              <a:gd name="connsiteX35" fmla="*/ 0 w 1998164"/>
              <a:gd name="connsiteY35" fmla="*/ 25643 h 5599905"/>
              <a:gd name="connsiteX0" fmla="*/ 0 w 1998164"/>
              <a:gd name="connsiteY0" fmla="*/ 23198 h 5597460"/>
              <a:gd name="connsiteX1" fmla="*/ 1998164 w 1998164"/>
              <a:gd name="connsiteY1" fmla="*/ 1999 h 5597460"/>
              <a:gd name="connsiteX2" fmla="*/ 1940470 w 1998164"/>
              <a:gd name="connsiteY2" fmla="*/ 5597460 h 5597460"/>
              <a:gd name="connsiteX3" fmla="*/ 789838 w 1998164"/>
              <a:gd name="connsiteY3" fmla="*/ 5587667 h 5597460"/>
              <a:gd name="connsiteX4" fmla="*/ 970780 w 1998164"/>
              <a:gd name="connsiteY4" fmla="*/ 4570090 h 5597460"/>
              <a:gd name="connsiteX5" fmla="*/ 1207364 w 1998164"/>
              <a:gd name="connsiteY5" fmla="*/ 4159748 h 5597460"/>
              <a:gd name="connsiteX6" fmla="*/ 1358953 w 1998164"/>
              <a:gd name="connsiteY6" fmla="*/ 4205644 h 5597460"/>
              <a:gd name="connsiteX7" fmla="*/ 1440705 w 1998164"/>
              <a:gd name="connsiteY7" fmla="*/ 4251101 h 5597460"/>
              <a:gd name="connsiteX8" fmla="*/ 1494769 w 1998164"/>
              <a:gd name="connsiteY8" fmla="*/ 4232971 h 5597460"/>
              <a:gd name="connsiteX9" fmla="*/ 1574857 w 1998164"/>
              <a:gd name="connsiteY9" fmla="*/ 4078556 h 5597460"/>
              <a:gd name="connsiteX10" fmla="*/ 1590892 w 1998164"/>
              <a:gd name="connsiteY10" fmla="*/ 4001568 h 5597460"/>
              <a:gd name="connsiteX11" fmla="*/ 1610432 w 1998164"/>
              <a:gd name="connsiteY11" fmla="*/ 3870189 h 5597460"/>
              <a:gd name="connsiteX12" fmla="*/ 1563553 w 1998164"/>
              <a:gd name="connsiteY12" fmla="*/ 3778749 h 5597460"/>
              <a:gd name="connsiteX13" fmla="*/ 1536127 w 1998164"/>
              <a:gd name="connsiteY13" fmla="*/ 3747568 h 5597460"/>
              <a:gd name="connsiteX14" fmla="*/ 1497924 w 1998164"/>
              <a:gd name="connsiteY14" fmla="*/ 3605591 h 5597460"/>
              <a:gd name="connsiteX15" fmla="*/ 1490388 w 1998164"/>
              <a:gd name="connsiteY15" fmla="*/ 3552338 h 5597460"/>
              <a:gd name="connsiteX16" fmla="*/ 1448679 w 1998164"/>
              <a:gd name="connsiteY16" fmla="*/ 3463876 h 5597460"/>
              <a:gd name="connsiteX17" fmla="*/ 1426335 w 1998164"/>
              <a:gd name="connsiteY17" fmla="*/ 3436374 h 5597460"/>
              <a:gd name="connsiteX18" fmla="*/ 1404429 w 1998164"/>
              <a:gd name="connsiteY18" fmla="*/ 3350627 h 5597460"/>
              <a:gd name="connsiteX19" fmla="*/ 1368767 w 1998164"/>
              <a:gd name="connsiteY19" fmla="*/ 3218547 h 5597460"/>
              <a:gd name="connsiteX20" fmla="*/ 1177221 w 1998164"/>
              <a:gd name="connsiteY20" fmla="*/ 2997830 h 5597460"/>
              <a:gd name="connsiteX21" fmla="*/ 981646 w 1998164"/>
              <a:gd name="connsiteY21" fmla="*/ 2700037 h 5597460"/>
              <a:gd name="connsiteX22" fmla="*/ 751371 w 1998164"/>
              <a:gd name="connsiteY22" fmla="*/ 2412141 h 5597460"/>
              <a:gd name="connsiteX23" fmla="*/ 603112 w 1998164"/>
              <a:gd name="connsiteY23" fmla="*/ 2150696 h 5597460"/>
              <a:gd name="connsiteX24" fmla="*/ 583747 w 1998164"/>
              <a:gd name="connsiteY24" fmla="*/ 1829080 h 5597460"/>
              <a:gd name="connsiteX25" fmla="*/ 580856 w 1998164"/>
              <a:gd name="connsiteY25" fmla="*/ 1749201 h 5597460"/>
              <a:gd name="connsiteX26" fmla="*/ 537044 w 1998164"/>
              <a:gd name="connsiteY26" fmla="*/ 1293753 h 5597460"/>
              <a:gd name="connsiteX27" fmla="*/ 463002 w 1998164"/>
              <a:gd name="connsiteY27" fmla="*/ 1177876 h 5597460"/>
              <a:gd name="connsiteX28" fmla="*/ 414371 w 1998164"/>
              <a:gd name="connsiteY28" fmla="*/ 1118142 h 5597460"/>
              <a:gd name="connsiteX29" fmla="*/ 366003 w 1998164"/>
              <a:gd name="connsiteY29" fmla="*/ 1011550 h 5597460"/>
              <a:gd name="connsiteX30" fmla="*/ 301337 w 1998164"/>
              <a:gd name="connsiteY30" fmla="*/ 877543 h 5597460"/>
              <a:gd name="connsiteX31" fmla="*/ 150274 w 1998164"/>
              <a:gd name="connsiteY31" fmla="*/ 554700 h 5597460"/>
              <a:gd name="connsiteX32" fmla="*/ 140811 w 1998164"/>
              <a:gd name="connsiteY32" fmla="*/ 458793 h 5597460"/>
              <a:gd name="connsiteX33" fmla="*/ 131172 w 1998164"/>
              <a:gd name="connsiteY33" fmla="*/ 325137 h 5597460"/>
              <a:gd name="connsiteX34" fmla="*/ 58620 w 1998164"/>
              <a:gd name="connsiteY34" fmla="*/ 195509 h 5597460"/>
              <a:gd name="connsiteX35" fmla="*/ 0 w 1998164"/>
              <a:gd name="connsiteY35" fmla="*/ 23198 h 5597460"/>
              <a:gd name="connsiteX0" fmla="*/ 0 w 1998164"/>
              <a:gd name="connsiteY0" fmla="*/ 21199 h 5595461"/>
              <a:gd name="connsiteX1" fmla="*/ 1998164 w 1998164"/>
              <a:gd name="connsiteY1" fmla="*/ 0 h 5595461"/>
              <a:gd name="connsiteX2" fmla="*/ 1940470 w 1998164"/>
              <a:gd name="connsiteY2" fmla="*/ 5595461 h 5595461"/>
              <a:gd name="connsiteX3" fmla="*/ 789838 w 1998164"/>
              <a:gd name="connsiteY3" fmla="*/ 5585668 h 5595461"/>
              <a:gd name="connsiteX4" fmla="*/ 970780 w 1998164"/>
              <a:gd name="connsiteY4" fmla="*/ 4568091 h 5595461"/>
              <a:gd name="connsiteX5" fmla="*/ 1207364 w 1998164"/>
              <a:gd name="connsiteY5" fmla="*/ 4157749 h 5595461"/>
              <a:gd name="connsiteX6" fmla="*/ 1358953 w 1998164"/>
              <a:gd name="connsiteY6" fmla="*/ 4203645 h 5595461"/>
              <a:gd name="connsiteX7" fmla="*/ 1440705 w 1998164"/>
              <a:gd name="connsiteY7" fmla="*/ 4249102 h 5595461"/>
              <a:gd name="connsiteX8" fmla="*/ 1494769 w 1998164"/>
              <a:gd name="connsiteY8" fmla="*/ 4230972 h 5595461"/>
              <a:gd name="connsiteX9" fmla="*/ 1574857 w 1998164"/>
              <a:gd name="connsiteY9" fmla="*/ 4076557 h 5595461"/>
              <a:gd name="connsiteX10" fmla="*/ 1590892 w 1998164"/>
              <a:gd name="connsiteY10" fmla="*/ 3999569 h 5595461"/>
              <a:gd name="connsiteX11" fmla="*/ 1610432 w 1998164"/>
              <a:gd name="connsiteY11" fmla="*/ 3868190 h 5595461"/>
              <a:gd name="connsiteX12" fmla="*/ 1563553 w 1998164"/>
              <a:gd name="connsiteY12" fmla="*/ 3776750 h 5595461"/>
              <a:gd name="connsiteX13" fmla="*/ 1536127 w 1998164"/>
              <a:gd name="connsiteY13" fmla="*/ 3745569 h 5595461"/>
              <a:gd name="connsiteX14" fmla="*/ 1497924 w 1998164"/>
              <a:gd name="connsiteY14" fmla="*/ 3603592 h 5595461"/>
              <a:gd name="connsiteX15" fmla="*/ 1490388 w 1998164"/>
              <a:gd name="connsiteY15" fmla="*/ 3550339 h 5595461"/>
              <a:gd name="connsiteX16" fmla="*/ 1448679 w 1998164"/>
              <a:gd name="connsiteY16" fmla="*/ 3461877 h 5595461"/>
              <a:gd name="connsiteX17" fmla="*/ 1426335 w 1998164"/>
              <a:gd name="connsiteY17" fmla="*/ 3434375 h 5595461"/>
              <a:gd name="connsiteX18" fmla="*/ 1404429 w 1998164"/>
              <a:gd name="connsiteY18" fmla="*/ 3348628 h 5595461"/>
              <a:gd name="connsiteX19" fmla="*/ 1368767 w 1998164"/>
              <a:gd name="connsiteY19" fmla="*/ 3216548 h 5595461"/>
              <a:gd name="connsiteX20" fmla="*/ 1177221 w 1998164"/>
              <a:gd name="connsiteY20" fmla="*/ 2995831 h 5595461"/>
              <a:gd name="connsiteX21" fmla="*/ 981646 w 1998164"/>
              <a:gd name="connsiteY21" fmla="*/ 2698038 h 5595461"/>
              <a:gd name="connsiteX22" fmla="*/ 751371 w 1998164"/>
              <a:gd name="connsiteY22" fmla="*/ 2410142 h 5595461"/>
              <a:gd name="connsiteX23" fmla="*/ 603112 w 1998164"/>
              <a:gd name="connsiteY23" fmla="*/ 2148697 h 5595461"/>
              <a:gd name="connsiteX24" fmla="*/ 583747 w 1998164"/>
              <a:gd name="connsiteY24" fmla="*/ 1827081 h 5595461"/>
              <a:gd name="connsiteX25" fmla="*/ 580856 w 1998164"/>
              <a:gd name="connsiteY25" fmla="*/ 1747202 h 5595461"/>
              <a:gd name="connsiteX26" fmla="*/ 537044 w 1998164"/>
              <a:gd name="connsiteY26" fmla="*/ 1291754 h 5595461"/>
              <a:gd name="connsiteX27" fmla="*/ 463002 w 1998164"/>
              <a:gd name="connsiteY27" fmla="*/ 1175877 h 5595461"/>
              <a:gd name="connsiteX28" fmla="*/ 414371 w 1998164"/>
              <a:gd name="connsiteY28" fmla="*/ 1116143 h 5595461"/>
              <a:gd name="connsiteX29" fmla="*/ 366003 w 1998164"/>
              <a:gd name="connsiteY29" fmla="*/ 1009551 h 5595461"/>
              <a:gd name="connsiteX30" fmla="*/ 301337 w 1998164"/>
              <a:gd name="connsiteY30" fmla="*/ 875544 h 5595461"/>
              <a:gd name="connsiteX31" fmla="*/ 150274 w 1998164"/>
              <a:gd name="connsiteY31" fmla="*/ 552701 h 5595461"/>
              <a:gd name="connsiteX32" fmla="*/ 140811 w 1998164"/>
              <a:gd name="connsiteY32" fmla="*/ 456794 h 5595461"/>
              <a:gd name="connsiteX33" fmla="*/ 131172 w 1998164"/>
              <a:gd name="connsiteY33" fmla="*/ 323138 h 5595461"/>
              <a:gd name="connsiteX34" fmla="*/ 58620 w 1998164"/>
              <a:gd name="connsiteY34" fmla="*/ 193510 h 5595461"/>
              <a:gd name="connsiteX35" fmla="*/ 0 w 1998164"/>
              <a:gd name="connsiteY35" fmla="*/ 21199 h 5595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998164" h="5595461">
                <a:moveTo>
                  <a:pt x="0" y="21199"/>
                </a:moveTo>
                <a:cubicBezTo>
                  <a:pt x="355950" y="13041"/>
                  <a:pt x="1305512" y="39547"/>
                  <a:pt x="1998164" y="0"/>
                </a:cubicBezTo>
                <a:cubicBezTo>
                  <a:pt x="1998165" y="2286001"/>
                  <a:pt x="1940469" y="3309460"/>
                  <a:pt x="1940470" y="5595461"/>
                </a:cubicBezTo>
                <a:lnTo>
                  <a:pt x="789838" y="5585668"/>
                </a:lnTo>
                <a:cubicBezTo>
                  <a:pt x="794569" y="5497381"/>
                  <a:pt x="903748" y="4747818"/>
                  <a:pt x="970780" y="4568091"/>
                </a:cubicBezTo>
                <a:cubicBezTo>
                  <a:pt x="1033694" y="4400189"/>
                  <a:pt x="1138054" y="4199266"/>
                  <a:pt x="1207364" y="4157749"/>
                </a:cubicBezTo>
                <a:cubicBezTo>
                  <a:pt x="1251176" y="4131474"/>
                  <a:pt x="1306116" y="4168085"/>
                  <a:pt x="1358953" y="4203645"/>
                </a:cubicBezTo>
                <a:cubicBezTo>
                  <a:pt x="1388569" y="4223527"/>
                  <a:pt x="1416521" y="4242358"/>
                  <a:pt x="1440705" y="4249102"/>
                </a:cubicBezTo>
                <a:cubicBezTo>
                  <a:pt x="1457529" y="4253832"/>
                  <a:pt x="1475755" y="4247788"/>
                  <a:pt x="1494769" y="4230972"/>
                </a:cubicBezTo>
                <a:cubicBezTo>
                  <a:pt x="1533849" y="4195937"/>
                  <a:pt x="1568373" y="4121839"/>
                  <a:pt x="1574857" y="4076557"/>
                </a:cubicBezTo>
                <a:cubicBezTo>
                  <a:pt x="1578450" y="4051333"/>
                  <a:pt x="1584758" y="4025057"/>
                  <a:pt x="1590892" y="3999569"/>
                </a:cubicBezTo>
                <a:cubicBezTo>
                  <a:pt x="1601407" y="3955776"/>
                  <a:pt x="1612272" y="3910844"/>
                  <a:pt x="1610432" y="3868190"/>
                </a:cubicBezTo>
                <a:cubicBezTo>
                  <a:pt x="1608417" y="3822908"/>
                  <a:pt x="1586598" y="3800486"/>
                  <a:pt x="1563553" y="3776750"/>
                </a:cubicBezTo>
                <a:cubicBezTo>
                  <a:pt x="1553652" y="3767054"/>
                  <a:pt x="1544478" y="3756631"/>
                  <a:pt x="1536127" y="3745569"/>
                </a:cubicBezTo>
                <a:cubicBezTo>
                  <a:pt x="1512381" y="3712636"/>
                  <a:pt x="1505722" y="3662099"/>
                  <a:pt x="1497924" y="3603592"/>
                </a:cubicBezTo>
                <a:cubicBezTo>
                  <a:pt x="1495645" y="3586075"/>
                  <a:pt x="1493279" y="3568557"/>
                  <a:pt x="1490388" y="3550339"/>
                </a:cubicBezTo>
                <a:cubicBezTo>
                  <a:pt x="1482064" y="3497350"/>
                  <a:pt x="1465853" y="3480270"/>
                  <a:pt x="1448679" y="3461877"/>
                </a:cubicBezTo>
                <a:cubicBezTo>
                  <a:pt x="1440346" y="3453460"/>
                  <a:pt x="1432863" y="3444255"/>
                  <a:pt x="1426335" y="3434375"/>
                </a:cubicBezTo>
                <a:cubicBezTo>
                  <a:pt x="1415207" y="3416858"/>
                  <a:pt x="1410212" y="3385152"/>
                  <a:pt x="1404429" y="3348628"/>
                </a:cubicBezTo>
                <a:cubicBezTo>
                  <a:pt x="1397331" y="3303959"/>
                  <a:pt x="1389270" y="3253247"/>
                  <a:pt x="1368767" y="3216548"/>
                </a:cubicBezTo>
                <a:cubicBezTo>
                  <a:pt x="1329511" y="3146479"/>
                  <a:pt x="1223136" y="3035420"/>
                  <a:pt x="1177221" y="2995831"/>
                </a:cubicBezTo>
                <a:cubicBezTo>
                  <a:pt x="1131307" y="2956242"/>
                  <a:pt x="1012402" y="2756633"/>
                  <a:pt x="981646" y="2698038"/>
                </a:cubicBezTo>
                <a:cubicBezTo>
                  <a:pt x="948699" y="2635239"/>
                  <a:pt x="787209" y="2445614"/>
                  <a:pt x="751371" y="2410142"/>
                </a:cubicBezTo>
                <a:cubicBezTo>
                  <a:pt x="715533" y="2374670"/>
                  <a:pt x="618183" y="2232605"/>
                  <a:pt x="603112" y="2148697"/>
                </a:cubicBezTo>
                <a:cubicBezTo>
                  <a:pt x="592159" y="2087387"/>
                  <a:pt x="587077" y="1930870"/>
                  <a:pt x="583747" y="1827081"/>
                </a:cubicBezTo>
                <a:cubicBezTo>
                  <a:pt x="582696" y="1793973"/>
                  <a:pt x="581732" y="1765770"/>
                  <a:pt x="580856" y="1747202"/>
                </a:cubicBezTo>
                <a:cubicBezTo>
                  <a:pt x="577351" y="1673717"/>
                  <a:pt x="550626" y="1363750"/>
                  <a:pt x="537044" y="1291754"/>
                </a:cubicBezTo>
                <a:cubicBezTo>
                  <a:pt x="528720" y="1248574"/>
                  <a:pt x="495335" y="1211612"/>
                  <a:pt x="463002" y="1175877"/>
                </a:cubicBezTo>
                <a:cubicBezTo>
                  <a:pt x="445215" y="1157300"/>
                  <a:pt x="428952" y="1137330"/>
                  <a:pt x="414371" y="1116143"/>
                </a:cubicBezTo>
                <a:cubicBezTo>
                  <a:pt x="397810" y="1089867"/>
                  <a:pt x="382388" y="1051067"/>
                  <a:pt x="366003" y="1009551"/>
                </a:cubicBezTo>
                <a:cubicBezTo>
                  <a:pt x="345850" y="958576"/>
                  <a:pt x="325083" y="905936"/>
                  <a:pt x="301337" y="875544"/>
                </a:cubicBezTo>
                <a:cubicBezTo>
                  <a:pt x="255422" y="816599"/>
                  <a:pt x="169901" y="610333"/>
                  <a:pt x="150274" y="552701"/>
                </a:cubicBezTo>
                <a:cubicBezTo>
                  <a:pt x="139934" y="522834"/>
                  <a:pt x="140372" y="492267"/>
                  <a:pt x="140811" y="456794"/>
                </a:cubicBezTo>
                <a:cubicBezTo>
                  <a:pt x="142598" y="412022"/>
                  <a:pt x="139365" y="367191"/>
                  <a:pt x="131172" y="323138"/>
                </a:cubicBezTo>
                <a:cubicBezTo>
                  <a:pt x="119518" y="262791"/>
                  <a:pt x="80482" y="243833"/>
                  <a:pt x="58620" y="193510"/>
                </a:cubicBezTo>
                <a:cubicBezTo>
                  <a:pt x="36758" y="143187"/>
                  <a:pt x="14019" y="56059"/>
                  <a:pt x="0" y="21199"/>
                </a:cubicBezTo>
                <a:close/>
              </a:path>
            </a:pathLst>
          </a:custGeom>
          <a:solidFill>
            <a:schemeClr val="bg2">
              <a:alpha val="85000"/>
            </a:schemeClr>
          </a:soli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31" name="Gradient ">
            <a:extLst>
              <a:ext uri="{FF2B5EF4-FFF2-40B4-BE49-F238E27FC236}">
                <a16:creationId xmlns:a16="http://schemas.microsoft.com/office/drawing/2014/main" id="{517B033E-F79D-6F48-806D-765527A5B62B}"/>
              </a:ext>
            </a:extLst>
          </p:cNvPr>
          <p:cNvSpPr/>
          <p:nvPr userDrawn="1"/>
        </p:nvSpPr>
        <p:spPr>
          <a:xfrm rot="5400000">
            <a:off x="4287700" y="-902318"/>
            <a:ext cx="3487114" cy="12374078"/>
          </a:xfrm>
          <a:custGeom>
            <a:avLst/>
            <a:gdLst>
              <a:gd name="connsiteX0" fmla="*/ 0 w 4465175"/>
              <a:gd name="connsiteY0" fmla="*/ 0 h 6858000"/>
              <a:gd name="connsiteX1" fmla="*/ 4465175 w 4465175"/>
              <a:gd name="connsiteY1" fmla="*/ 0 h 6858000"/>
              <a:gd name="connsiteX2" fmla="*/ 4465175 w 4465175"/>
              <a:gd name="connsiteY2" fmla="*/ 6858000 h 6858000"/>
              <a:gd name="connsiteX3" fmla="*/ 1277184 w 4465175"/>
              <a:gd name="connsiteY3" fmla="*/ 6858000 h 6858000"/>
              <a:gd name="connsiteX4" fmla="*/ 1276745 w 4465175"/>
              <a:gd name="connsiteY4" fmla="*/ 6853271 h 6858000"/>
              <a:gd name="connsiteX5" fmla="*/ 1195957 w 4465175"/>
              <a:gd name="connsiteY5" fmla="*/ 6601548 h 6858000"/>
              <a:gd name="connsiteX6" fmla="*/ 1163360 w 4465175"/>
              <a:gd name="connsiteY6" fmla="*/ 6537260 h 6858000"/>
              <a:gd name="connsiteX7" fmla="*/ 1011246 w 4465175"/>
              <a:gd name="connsiteY7" fmla="*/ 6366642 h 6858000"/>
              <a:gd name="connsiteX8" fmla="*/ 968486 w 4465175"/>
              <a:gd name="connsiteY8" fmla="*/ 6244021 h 6858000"/>
              <a:gd name="connsiteX9" fmla="*/ 973218 w 4465175"/>
              <a:gd name="connsiteY9" fmla="*/ 6179207 h 6858000"/>
              <a:gd name="connsiteX10" fmla="*/ 971640 w 4465175"/>
              <a:gd name="connsiteY10" fmla="*/ 6124466 h 6858000"/>
              <a:gd name="connsiteX11" fmla="*/ 974094 w 4465175"/>
              <a:gd name="connsiteY11" fmla="*/ 6019363 h 6858000"/>
              <a:gd name="connsiteX12" fmla="*/ 1155036 w 4465175"/>
              <a:gd name="connsiteY12" fmla="*/ 5001786 h 6858000"/>
              <a:gd name="connsiteX13" fmla="*/ 1391620 w 4465175"/>
              <a:gd name="connsiteY13" fmla="*/ 4591444 h 6858000"/>
              <a:gd name="connsiteX14" fmla="*/ 1543209 w 4465175"/>
              <a:gd name="connsiteY14" fmla="*/ 4637340 h 6858000"/>
              <a:gd name="connsiteX15" fmla="*/ 1624961 w 4465175"/>
              <a:gd name="connsiteY15" fmla="*/ 4682797 h 6858000"/>
              <a:gd name="connsiteX16" fmla="*/ 1679025 w 4465175"/>
              <a:gd name="connsiteY16" fmla="*/ 4664667 h 6858000"/>
              <a:gd name="connsiteX17" fmla="*/ 1759113 w 4465175"/>
              <a:gd name="connsiteY17" fmla="*/ 4510252 h 6858000"/>
              <a:gd name="connsiteX18" fmla="*/ 1775148 w 4465175"/>
              <a:gd name="connsiteY18" fmla="*/ 4433264 h 6858000"/>
              <a:gd name="connsiteX19" fmla="*/ 1794688 w 4465175"/>
              <a:gd name="connsiteY19" fmla="*/ 4301885 h 6858000"/>
              <a:gd name="connsiteX20" fmla="*/ 1747809 w 4465175"/>
              <a:gd name="connsiteY20" fmla="*/ 4210445 h 6858000"/>
              <a:gd name="connsiteX21" fmla="*/ 1720383 w 4465175"/>
              <a:gd name="connsiteY21" fmla="*/ 4179264 h 6858000"/>
              <a:gd name="connsiteX22" fmla="*/ 1682180 w 4465175"/>
              <a:gd name="connsiteY22" fmla="*/ 4037287 h 6858000"/>
              <a:gd name="connsiteX23" fmla="*/ 1674644 w 4465175"/>
              <a:gd name="connsiteY23" fmla="*/ 3984034 h 6858000"/>
              <a:gd name="connsiteX24" fmla="*/ 1632935 w 4465175"/>
              <a:gd name="connsiteY24" fmla="*/ 3895572 h 6858000"/>
              <a:gd name="connsiteX25" fmla="*/ 1610591 w 4465175"/>
              <a:gd name="connsiteY25" fmla="*/ 3868070 h 6858000"/>
              <a:gd name="connsiteX26" fmla="*/ 1588685 w 4465175"/>
              <a:gd name="connsiteY26" fmla="*/ 3782323 h 6858000"/>
              <a:gd name="connsiteX27" fmla="*/ 1553023 w 4465175"/>
              <a:gd name="connsiteY27" fmla="*/ 3650243 h 6858000"/>
              <a:gd name="connsiteX28" fmla="*/ 1361477 w 4465175"/>
              <a:gd name="connsiteY28" fmla="*/ 3429526 h 6858000"/>
              <a:gd name="connsiteX29" fmla="*/ 1165902 w 4465175"/>
              <a:gd name="connsiteY29" fmla="*/ 3131733 h 6858000"/>
              <a:gd name="connsiteX30" fmla="*/ 935627 w 4465175"/>
              <a:gd name="connsiteY30" fmla="*/ 2843837 h 6858000"/>
              <a:gd name="connsiteX31" fmla="*/ 787368 w 4465175"/>
              <a:gd name="connsiteY31" fmla="*/ 2582392 h 6858000"/>
              <a:gd name="connsiteX32" fmla="*/ 768003 w 4465175"/>
              <a:gd name="connsiteY32" fmla="*/ 2260776 h 6858000"/>
              <a:gd name="connsiteX33" fmla="*/ 765112 w 4465175"/>
              <a:gd name="connsiteY33" fmla="*/ 2180897 h 6858000"/>
              <a:gd name="connsiteX34" fmla="*/ 721300 w 4465175"/>
              <a:gd name="connsiteY34" fmla="*/ 1725449 h 6858000"/>
              <a:gd name="connsiteX35" fmla="*/ 647258 w 4465175"/>
              <a:gd name="connsiteY35" fmla="*/ 1609572 h 6858000"/>
              <a:gd name="connsiteX36" fmla="*/ 598627 w 4465175"/>
              <a:gd name="connsiteY36" fmla="*/ 1549838 h 6858000"/>
              <a:gd name="connsiteX37" fmla="*/ 550259 w 4465175"/>
              <a:gd name="connsiteY37" fmla="*/ 1443246 h 6858000"/>
              <a:gd name="connsiteX38" fmla="*/ 485593 w 4465175"/>
              <a:gd name="connsiteY38" fmla="*/ 1309239 h 6858000"/>
              <a:gd name="connsiteX39" fmla="*/ 334530 w 4465175"/>
              <a:gd name="connsiteY39" fmla="*/ 986396 h 6858000"/>
              <a:gd name="connsiteX40" fmla="*/ 325067 w 4465175"/>
              <a:gd name="connsiteY40" fmla="*/ 890489 h 6858000"/>
              <a:gd name="connsiteX41" fmla="*/ 315428 w 4465175"/>
              <a:gd name="connsiteY41" fmla="*/ 756833 h 6858000"/>
              <a:gd name="connsiteX42" fmla="*/ 242876 w 4465175"/>
              <a:gd name="connsiteY42" fmla="*/ 627205 h 6858000"/>
              <a:gd name="connsiteX43" fmla="*/ 184256 w 4465175"/>
              <a:gd name="connsiteY43" fmla="*/ 541633 h 6858000"/>
              <a:gd name="connsiteX44" fmla="*/ 144825 w 4465175"/>
              <a:gd name="connsiteY44" fmla="*/ 396328 h 6858000"/>
              <a:gd name="connsiteX45" fmla="*/ 126424 w 4465175"/>
              <a:gd name="connsiteY45" fmla="*/ 313997 h 6858000"/>
              <a:gd name="connsiteX46" fmla="*/ 59743 w 4465175"/>
              <a:gd name="connsiteY46" fmla="*/ 208105 h 6858000"/>
              <a:gd name="connsiteX47" fmla="*/ 28286 w 4465175"/>
              <a:gd name="connsiteY47" fmla="*/ 173071 h 6858000"/>
              <a:gd name="connsiteX48" fmla="*/ 2434 w 4465175"/>
              <a:gd name="connsiteY48" fmla="*/ 51873 h 6858000"/>
              <a:gd name="connsiteX49" fmla="*/ 0 w 4465175"/>
              <a:gd name="connsiteY49" fmla="*/ 0 h 6858000"/>
              <a:gd name="connsiteX0" fmla="*/ 0 w 4465175"/>
              <a:gd name="connsiteY0" fmla="*/ 0 h 6858001"/>
              <a:gd name="connsiteX1" fmla="*/ 4465175 w 4465175"/>
              <a:gd name="connsiteY1" fmla="*/ 0 h 6858001"/>
              <a:gd name="connsiteX2" fmla="*/ 3913238 w 4465175"/>
              <a:gd name="connsiteY2" fmla="*/ 6858001 h 6858001"/>
              <a:gd name="connsiteX3" fmla="*/ 1277184 w 4465175"/>
              <a:gd name="connsiteY3" fmla="*/ 6858000 h 6858001"/>
              <a:gd name="connsiteX4" fmla="*/ 1276745 w 4465175"/>
              <a:gd name="connsiteY4" fmla="*/ 6853271 h 6858001"/>
              <a:gd name="connsiteX5" fmla="*/ 1195957 w 4465175"/>
              <a:gd name="connsiteY5" fmla="*/ 6601548 h 6858001"/>
              <a:gd name="connsiteX6" fmla="*/ 1163360 w 4465175"/>
              <a:gd name="connsiteY6" fmla="*/ 6537260 h 6858001"/>
              <a:gd name="connsiteX7" fmla="*/ 1011246 w 4465175"/>
              <a:gd name="connsiteY7" fmla="*/ 6366642 h 6858001"/>
              <a:gd name="connsiteX8" fmla="*/ 968486 w 4465175"/>
              <a:gd name="connsiteY8" fmla="*/ 6244021 h 6858001"/>
              <a:gd name="connsiteX9" fmla="*/ 973218 w 4465175"/>
              <a:gd name="connsiteY9" fmla="*/ 6179207 h 6858001"/>
              <a:gd name="connsiteX10" fmla="*/ 971640 w 4465175"/>
              <a:gd name="connsiteY10" fmla="*/ 6124466 h 6858001"/>
              <a:gd name="connsiteX11" fmla="*/ 974094 w 4465175"/>
              <a:gd name="connsiteY11" fmla="*/ 6019363 h 6858001"/>
              <a:gd name="connsiteX12" fmla="*/ 1155036 w 4465175"/>
              <a:gd name="connsiteY12" fmla="*/ 5001786 h 6858001"/>
              <a:gd name="connsiteX13" fmla="*/ 1391620 w 4465175"/>
              <a:gd name="connsiteY13" fmla="*/ 4591444 h 6858001"/>
              <a:gd name="connsiteX14" fmla="*/ 1543209 w 4465175"/>
              <a:gd name="connsiteY14" fmla="*/ 4637340 h 6858001"/>
              <a:gd name="connsiteX15" fmla="*/ 1624961 w 4465175"/>
              <a:gd name="connsiteY15" fmla="*/ 4682797 h 6858001"/>
              <a:gd name="connsiteX16" fmla="*/ 1679025 w 4465175"/>
              <a:gd name="connsiteY16" fmla="*/ 4664667 h 6858001"/>
              <a:gd name="connsiteX17" fmla="*/ 1759113 w 4465175"/>
              <a:gd name="connsiteY17" fmla="*/ 4510252 h 6858001"/>
              <a:gd name="connsiteX18" fmla="*/ 1775148 w 4465175"/>
              <a:gd name="connsiteY18" fmla="*/ 4433264 h 6858001"/>
              <a:gd name="connsiteX19" fmla="*/ 1794688 w 4465175"/>
              <a:gd name="connsiteY19" fmla="*/ 4301885 h 6858001"/>
              <a:gd name="connsiteX20" fmla="*/ 1747809 w 4465175"/>
              <a:gd name="connsiteY20" fmla="*/ 4210445 h 6858001"/>
              <a:gd name="connsiteX21" fmla="*/ 1720383 w 4465175"/>
              <a:gd name="connsiteY21" fmla="*/ 4179264 h 6858001"/>
              <a:gd name="connsiteX22" fmla="*/ 1682180 w 4465175"/>
              <a:gd name="connsiteY22" fmla="*/ 4037287 h 6858001"/>
              <a:gd name="connsiteX23" fmla="*/ 1674644 w 4465175"/>
              <a:gd name="connsiteY23" fmla="*/ 3984034 h 6858001"/>
              <a:gd name="connsiteX24" fmla="*/ 1632935 w 4465175"/>
              <a:gd name="connsiteY24" fmla="*/ 3895572 h 6858001"/>
              <a:gd name="connsiteX25" fmla="*/ 1610591 w 4465175"/>
              <a:gd name="connsiteY25" fmla="*/ 3868070 h 6858001"/>
              <a:gd name="connsiteX26" fmla="*/ 1588685 w 4465175"/>
              <a:gd name="connsiteY26" fmla="*/ 3782323 h 6858001"/>
              <a:gd name="connsiteX27" fmla="*/ 1553023 w 4465175"/>
              <a:gd name="connsiteY27" fmla="*/ 3650243 h 6858001"/>
              <a:gd name="connsiteX28" fmla="*/ 1361477 w 4465175"/>
              <a:gd name="connsiteY28" fmla="*/ 3429526 h 6858001"/>
              <a:gd name="connsiteX29" fmla="*/ 1165902 w 4465175"/>
              <a:gd name="connsiteY29" fmla="*/ 3131733 h 6858001"/>
              <a:gd name="connsiteX30" fmla="*/ 935627 w 4465175"/>
              <a:gd name="connsiteY30" fmla="*/ 2843837 h 6858001"/>
              <a:gd name="connsiteX31" fmla="*/ 787368 w 4465175"/>
              <a:gd name="connsiteY31" fmla="*/ 2582392 h 6858001"/>
              <a:gd name="connsiteX32" fmla="*/ 768003 w 4465175"/>
              <a:gd name="connsiteY32" fmla="*/ 2260776 h 6858001"/>
              <a:gd name="connsiteX33" fmla="*/ 765112 w 4465175"/>
              <a:gd name="connsiteY33" fmla="*/ 2180897 h 6858001"/>
              <a:gd name="connsiteX34" fmla="*/ 721300 w 4465175"/>
              <a:gd name="connsiteY34" fmla="*/ 1725449 h 6858001"/>
              <a:gd name="connsiteX35" fmla="*/ 647258 w 4465175"/>
              <a:gd name="connsiteY35" fmla="*/ 1609572 h 6858001"/>
              <a:gd name="connsiteX36" fmla="*/ 598627 w 4465175"/>
              <a:gd name="connsiteY36" fmla="*/ 1549838 h 6858001"/>
              <a:gd name="connsiteX37" fmla="*/ 550259 w 4465175"/>
              <a:gd name="connsiteY37" fmla="*/ 1443246 h 6858001"/>
              <a:gd name="connsiteX38" fmla="*/ 485593 w 4465175"/>
              <a:gd name="connsiteY38" fmla="*/ 1309239 h 6858001"/>
              <a:gd name="connsiteX39" fmla="*/ 334530 w 4465175"/>
              <a:gd name="connsiteY39" fmla="*/ 986396 h 6858001"/>
              <a:gd name="connsiteX40" fmla="*/ 325067 w 4465175"/>
              <a:gd name="connsiteY40" fmla="*/ 890489 h 6858001"/>
              <a:gd name="connsiteX41" fmla="*/ 315428 w 4465175"/>
              <a:gd name="connsiteY41" fmla="*/ 756833 h 6858001"/>
              <a:gd name="connsiteX42" fmla="*/ 242876 w 4465175"/>
              <a:gd name="connsiteY42" fmla="*/ 627205 h 6858001"/>
              <a:gd name="connsiteX43" fmla="*/ 184256 w 4465175"/>
              <a:gd name="connsiteY43" fmla="*/ 541633 h 6858001"/>
              <a:gd name="connsiteX44" fmla="*/ 144825 w 4465175"/>
              <a:gd name="connsiteY44" fmla="*/ 396328 h 6858001"/>
              <a:gd name="connsiteX45" fmla="*/ 126424 w 4465175"/>
              <a:gd name="connsiteY45" fmla="*/ 313997 h 6858001"/>
              <a:gd name="connsiteX46" fmla="*/ 59743 w 4465175"/>
              <a:gd name="connsiteY46" fmla="*/ 208105 h 6858001"/>
              <a:gd name="connsiteX47" fmla="*/ 28286 w 4465175"/>
              <a:gd name="connsiteY47" fmla="*/ 173071 h 6858001"/>
              <a:gd name="connsiteX48" fmla="*/ 2434 w 4465175"/>
              <a:gd name="connsiteY48" fmla="*/ 51873 h 6858001"/>
              <a:gd name="connsiteX49" fmla="*/ 0 w 4465175"/>
              <a:gd name="connsiteY49" fmla="*/ 0 h 6858001"/>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1011246 w 3913238"/>
              <a:gd name="connsiteY7" fmla="*/ 6366643 h 6858002"/>
              <a:gd name="connsiteX8" fmla="*/ 968486 w 3913238"/>
              <a:gd name="connsiteY8" fmla="*/ 6244022 h 6858002"/>
              <a:gd name="connsiteX9" fmla="*/ 973218 w 3913238"/>
              <a:gd name="connsiteY9" fmla="*/ 6179208 h 6858002"/>
              <a:gd name="connsiteX10" fmla="*/ 971640 w 3913238"/>
              <a:gd name="connsiteY10" fmla="*/ 6124467 h 6858002"/>
              <a:gd name="connsiteX11" fmla="*/ 974094 w 3913238"/>
              <a:gd name="connsiteY11" fmla="*/ 6019364 h 6858002"/>
              <a:gd name="connsiteX12" fmla="*/ 1155036 w 3913238"/>
              <a:gd name="connsiteY12" fmla="*/ 5001787 h 6858002"/>
              <a:gd name="connsiteX13" fmla="*/ 1391620 w 3913238"/>
              <a:gd name="connsiteY13" fmla="*/ 4591445 h 6858002"/>
              <a:gd name="connsiteX14" fmla="*/ 1543209 w 3913238"/>
              <a:gd name="connsiteY14" fmla="*/ 4637341 h 6858002"/>
              <a:gd name="connsiteX15" fmla="*/ 1624961 w 3913238"/>
              <a:gd name="connsiteY15" fmla="*/ 4682798 h 6858002"/>
              <a:gd name="connsiteX16" fmla="*/ 1679025 w 3913238"/>
              <a:gd name="connsiteY16" fmla="*/ 4664668 h 6858002"/>
              <a:gd name="connsiteX17" fmla="*/ 1759113 w 3913238"/>
              <a:gd name="connsiteY17" fmla="*/ 4510253 h 6858002"/>
              <a:gd name="connsiteX18" fmla="*/ 1775148 w 3913238"/>
              <a:gd name="connsiteY18" fmla="*/ 4433265 h 6858002"/>
              <a:gd name="connsiteX19" fmla="*/ 1794688 w 3913238"/>
              <a:gd name="connsiteY19" fmla="*/ 4301886 h 6858002"/>
              <a:gd name="connsiteX20" fmla="*/ 1747809 w 3913238"/>
              <a:gd name="connsiteY20" fmla="*/ 4210446 h 6858002"/>
              <a:gd name="connsiteX21" fmla="*/ 1720383 w 3913238"/>
              <a:gd name="connsiteY21" fmla="*/ 4179265 h 6858002"/>
              <a:gd name="connsiteX22" fmla="*/ 1682180 w 3913238"/>
              <a:gd name="connsiteY22" fmla="*/ 4037288 h 6858002"/>
              <a:gd name="connsiteX23" fmla="*/ 1674644 w 3913238"/>
              <a:gd name="connsiteY23" fmla="*/ 3984035 h 6858002"/>
              <a:gd name="connsiteX24" fmla="*/ 1632935 w 3913238"/>
              <a:gd name="connsiteY24" fmla="*/ 3895573 h 6858002"/>
              <a:gd name="connsiteX25" fmla="*/ 1610591 w 3913238"/>
              <a:gd name="connsiteY25" fmla="*/ 3868071 h 6858002"/>
              <a:gd name="connsiteX26" fmla="*/ 1588685 w 3913238"/>
              <a:gd name="connsiteY26" fmla="*/ 3782324 h 6858002"/>
              <a:gd name="connsiteX27" fmla="*/ 1553023 w 3913238"/>
              <a:gd name="connsiteY27" fmla="*/ 3650244 h 6858002"/>
              <a:gd name="connsiteX28" fmla="*/ 1361477 w 3913238"/>
              <a:gd name="connsiteY28" fmla="*/ 3429527 h 6858002"/>
              <a:gd name="connsiteX29" fmla="*/ 1165902 w 3913238"/>
              <a:gd name="connsiteY29" fmla="*/ 3131734 h 6858002"/>
              <a:gd name="connsiteX30" fmla="*/ 935627 w 3913238"/>
              <a:gd name="connsiteY30" fmla="*/ 2843838 h 6858002"/>
              <a:gd name="connsiteX31" fmla="*/ 787368 w 3913238"/>
              <a:gd name="connsiteY31" fmla="*/ 2582393 h 6858002"/>
              <a:gd name="connsiteX32" fmla="*/ 768003 w 3913238"/>
              <a:gd name="connsiteY32" fmla="*/ 2260777 h 6858002"/>
              <a:gd name="connsiteX33" fmla="*/ 765112 w 3913238"/>
              <a:gd name="connsiteY33" fmla="*/ 2180898 h 6858002"/>
              <a:gd name="connsiteX34" fmla="*/ 721300 w 3913238"/>
              <a:gd name="connsiteY34" fmla="*/ 1725450 h 6858002"/>
              <a:gd name="connsiteX35" fmla="*/ 647258 w 3913238"/>
              <a:gd name="connsiteY35" fmla="*/ 1609573 h 6858002"/>
              <a:gd name="connsiteX36" fmla="*/ 598627 w 3913238"/>
              <a:gd name="connsiteY36" fmla="*/ 1549839 h 6858002"/>
              <a:gd name="connsiteX37" fmla="*/ 550259 w 3913238"/>
              <a:gd name="connsiteY37" fmla="*/ 1443247 h 6858002"/>
              <a:gd name="connsiteX38" fmla="*/ 485593 w 3913238"/>
              <a:gd name="connsiteY38" fmla="*/ 1309240 h 6858002"/>
              <a:gd name="connsiteX39" fmla="*/ 334530 w 3913238"/>
              <a:gd name="connsiteY39" fmla="*/ 986397 h 6858002"/>
              <a:gd name="connsiteX40" fmla="*/ 325067 w 3913238"/>
              <a:gd name="connsiteY40" fmla="*/ 890490 h 6858002"/>
              <a:gd name="connsiteX41" fmla="*/ 315428 w 3913238"/>
              <a:gd name="connsiteY41" fmla="*/ 756834 h 6858002"/>
              <a:gd name="connsiteX42" fmla="*/ 242876 w 3913238"/>
              <a:gd name="connsiteY42" fmla="*/ 627206 h 6858002"/>
              <a:gd name="connsiteX43" fmla="*/ 184256 w 3913238"/>
              <a:gd name="connsiteY43" fmla="*/ 541634 h 6858002"/>
              <a:gd name="connsiteX44" fmla="*/ 144825 w 3913238"/>
              <a:gd name="connsiteY44" fmla="*/ 396329 h 6858002"/>
              <a:gd name="connsiteX45" fmla="*/ 126424 w 3913238"/>
              <a:gd name="connsiteY45" fmla="*/ 313998 h 6858002"/>
              <a:gd name="connsiteX46" fmla="*/ 59743 w 3913238"/>
              <a:gd name="connsiteY46" fmla="*/ 208106 h 6858002"/>
              <a:gd name="connsiteX47" fmla="*/ 28286 w 3913238"/>
              <a:gd name="connsiteY47" fmla="*/ 173072 h 6858002"/>
              <a:gd name="connsiteX48" fmla="*/ 2434 w 3913238"/>
              <a:gd name="connsiteY48" fmla="*/ 51874 h 6858002"/>
              <a:gd name="connsiteX49" fmla="*/ 0 w 3913238"/>
              <a:gd name="connsiteY49"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1163360 w 3913238"/>
              <a:gd name="connsiteY6" fmla="*/ 6537261 h 6858002"/>
              <a:gd name="connsiteX7" fmla="*/ 968486 w 3913238"/>
              <a:gd name="connsiteY7" fmla="*/ 6244022 h 6858002"/>
              <a:gd name="connsiteX8" fmla="*/ 973218 w 3913238"/>
              <a:gd name="connsiteY8" fmla="*/ 6179208 h 6858002"/>
              <a:gd name="connsiteX9" fmla="*/ 971640 w 3913238"/>
              <a:gd name="connsiteY9" fmla="*/ 6124467 h 6858002"/>
              <a:gd name="connsiteX10" fmla="*/ 974094 w 3913238"/>
              <a:gd name="connsiteY10" fmla="*/ 6019364 h 6858002"/>
              <a:gd name="connsiteX11" fmla="*/ 1155036 w 3913238"/>
              <a:gd name="connsiteY11" fmla="*/ 5001787 h 6858002"/>
              <a:gd name="connsiteX12" fmla="*/ 1391620 w 3913238"/>
              <a:gd name="connsiteY12" fmla="*/ 4591445 h 6858002"/>
              <a:gd name="connsiteX13" fmla="*/ 1543209 w 3913238"/>
              <a:gd name="connsiteY13" fmla="*/ 4637341 h 6858002"/>
              <a:gd name="connsiteX14" fmla="*/ 1624961 w 3913238"/>
              <a:gd name="connsiteY14" fmla="*/ 4682798 h 6858002"/>
              <a:gd name="connsiteX15" fmla="*/ 1679025 w 3913238"/>
              <a:gd name="connsiteY15" fmla="*/ 4664668 h 6858002"/>
              <a:gd name="connsiteX16" fmla="*/ 1759113 w 3913238"/>
              <a:gd name="connsiteY16" fmla="*/ 4510253 h 6858002"/>
              <a:gd name="connsiteX17" fmla="*/ 1775148 w 3913238"/>
              <a:gd name="connsiteY17" fmla="*/ 4433265 h 6858002"/>
              <a:gd name="connsiteX18" fmla="*/ 1794688 w 3913238"/>
              <a:gd name="connsiteY18" fmla="*/ 4301886 h 6858002"/>
              <a:gd name="connsiteX19" fmla="*/ 1747809 w 3913238"/>
              <a:gd name="connsiteY19" fmla="*/ 4210446 h 6858002"/>
              <a:gd name="connsiteX20" fmla="*/ 1720383 w 3913238"/>
              <a:gd name="connsiteY20" fmla="*/ 4179265 h 6858002"/>
              <a:gd name="connsiteX21" fmla="*/ 1682180 w 3913238"/>
              <a:gd name="connsiteY21" fmla="*/ 4037288 h 6858002"/>
              <a:gd name="connsiteX22" fmla="*/ 1674644 w 3913238"/>
              <a:gd name="connsiteY22" fmla="*/ 3984035 h 6858002"/>
              <a:gd name="connsiteX23" fmla="*/ 1632935 w 3913238"/>
              <a:gd name="connsiteY23" fmla="*/ 3895573 h 6858002"/>
              <a:gd name="connsiteX24" fmla="*/ 1610591 w 3913238"/>
              <a:gd name="connsiteY24" fmla="*/ 3868071 h 6858002"/>
              <a:gd name="connsiteX25" fmla="*/ 1588685 w 3913238"/>
              <a:gd name="connsiteY25" fmla="*/ 3782324 h 6858002"/>
              <a:gd name="connsiteX26" fmla="*/ 1553023 w 3913238"/>
              <a:gd name="connsiteY26" fmla="*/ 3650244 h 6858002"/>
              <a:gd name="connsiteX27" fmla="*/ 1361477 w 3913238"/>
              <a:gd name="connsiteY27" fmla="*/ 3429527 h 6858002"/>
              <a:gd name="connsiteX28" fmla="*/ 1165902 w 3913238"/>
              <a:gd name="connsiteY28" fmla="*/ 3131734 h 6858002"/>
              <a:gd name="connsiteX29" fmla="*/ 935627 w 3913238"/>
              <a:gd name="connsiteY29" fmla="*/ 2843838 h 6858002"/>
              <a:gd name="connsiteX30" fmla="*/ 787368 w 3913238"/>
              <a:gd name="connsiteY30" fmla="*/ 2582393 h 6858002"/>
              <a:gd name="connsiteX31" fmla="*/ 768003 w 3913238"/>
              <a:gd name="connsiteY31" fmla="*/ 2260777 h 6858002"/>
              <a:gd name="connsiteX32" fmla="*/ 765112 w 3913238"/>
              <a:gd name="connsiteY32" fmla="*/ 2180898 h 6858002"/>
              <a:gd name="connsiteX33" fmla="*/ 721300 w 3913238"/>
              <a:gd name="connsiteY33" fmla="*/ 1725450 h 6858002"/>
              <a:gd name="connsiteX34" fmla="*/ 647258 w 3913238"/>
              <a:gd name="connsiteY34" fmla="*/ 1609573 h 6858002"/>
              <a:gd name="connsiteX35" fmla="*/ 598627 w 3913238"/>
              <a:gd name="connsiteY35" fmla="*/ 1549839 h 6858002"/>
              <a:gd name="connsiteX36" fmla="*/ 550259 w 3913238"/>
              <a:gd name="connsiteY36" fmla="*/ 1443247 h 6858002"/>
              <a:gd name="connsiteX37" fmla="*/ 485593 w 3913238"/>
              <a:gd name="connsiteY37" fmla="*/ 1309240 h 6858002"/>
              <a:gd name="connsiteX38" fmla="*/ 334530 w 3913238"/>
              <a:gd name="connsiteY38" fmla="*/ 986397 h 6858002"/>
              <a:gd name="connsiteX39" fmla="*/ 325067 w 3913238"/>
              <a:gd name="connsiteY39" fmla="*/ 890490 h 6858002"/>
              <a:gd name="connsiteX40" fmla="*/ 315428 w 3913238"/>
              <a:gd name="connsiteY40" fmla="*/ 756834 h 6858002"/>
              <a:gd name="connsiteX41" fmla="*/ 242876 w 3913238"/>
              <a:gd name="connsiteY41" fmla="*/ 627206 h 6858002"/>
              <a:gd name="connsiteX42" fmla="*/ 184256 w 3913238"/>
              <a:gd name="connsiteY42" fmla="*/ 541634 h 6858002"/>
              <a:gd name="connsiteX43" fmla="*/ 144825 w 3913238"/>
              <a:gd name="connsiteY43" fmla="*/ 396329 h 6858002"/>
              <a:gd name="connsiteX44" fmla="*/ 126424 w 3913238"/>
              <a:gd name="connsiteY44" fmla="*/ 313998 h 6858002"/>
              <a:gd name="connsiteX45" fmla="*/ 59743 w 3913238"/>
              <a:gd name="connsiteY45" fmla="*/ 208106 h 6858002"/>
              <a:gd name="connsiteX46" fmla="*/ 28286 w 3913238"/>
              <a:gd name="connsiteY46" fmla="*/ 173072 h 6858002"/>
              <a:gd name="connsiteX47" fmla="*/ 2434 w 3913238"/>
              <a:gd name="connsiteY47" fmla="*/ 51874 h 6858002"/>
              <a:gd name="connsiteX48" fmla="*/ 0 w 3913238"/>
              <a:gd name="connsiteY48"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1195957 w 3913238"/>
              <a:gd name="connsiteY5" fmla="*/ 6601549 h 6858002"/>
              <a:gd name="connsiteX6" fmla="*/ 968486 w 3913238"/>
              <a:gd name="connsiteY6" fmla="*/ 6244022 h 6858002"/>
              <a:gd name="connsiteX7" fmla="*/ 973218 w 3913238"/>
              <a:gd name="connsiteY7" fmla="*/ 6179208 h 6858002"/>
              <a:gd name="connsiteX8" fmla="*/ 971640 w 3913238"/>
              <a:gd name="connsiteY8" fmla="*/ 6124467 h 6858002"/>
              <a:gd name="connsiteX9" fmla="*/ 974094 w 3913238"/>
              <a:gd name="connsiteY9" fmla="*/ 6019364 h 6858002"/>
              <a:gd name="connsiteX10" fmla="*/ 1155036 w 3913238"/>
              <a:gd name="connsiteY10" fmla="*/ 5001787 h 6858002"/>
              <a:gd name="connsiteX11" fmla="*/ 1391620 w 3913238"/>
              <a:gd name="connsiteY11" fmla="*/ 4591445 h 6858002"/>
              <a:gd name="connsiteX12" fmla="*/ 1543209 w 3913238"/>
              <a:gd name="connsiteY12" fmla="*/ 4637341 h 6858002"/>
              <a:gd name="connsiteX13" fmla="*/ 1624961 w 3913238"/>
              <a:gd name="connsiteY13" fmla="*/ 4682798 h 6858002"/>
              <a:gd name="connsiteX14" fmla="*/ 1679025 w 3913238"/>
              <a:gd name="connsiteY14" fmla="*/ 4664668 h 6858002"/>
              <a:gd name="connsiteX15" fmla="*/ 1759113 w 3913238"/>
              <a:gd name="connsiteY15" fmla="*/ 4510253 h 6858002"/>
              <a:gd name="connsiteX16" fmla="*/ 1775148 w 3913238"/>
              <a:gd name="connsiteY16" fmla="*/ 4433265 h 6858002"/>
              <a:gd name="connsiteX17" fmla="*/ 1794688 w 3913238"/>
              <a:gd name="connsiteY17" fmla="*/ 4301886 h 6858002"/>
              <a:gd name="connsiteX18" fmla="*/ 1747809 w 3913238"/>
              <a:gd name="connsiteY18" fmla="*/ 4210446 h 6858002"/>
              <a:gd name="connsiteX19" fmla="*/ 1720383 w 3913238"/>
              <a:gd name="connsiteY19" fmla="*/ 4179265 h 6858002"/>
              <a:gd name="connsiteX20" fmla="*/ 1682180 w 3913238"/>
              <a:gd name="connsiteY20" fmla="*/ 4037288 h 6858002"/>
              <a:gd name="connsiteX21" fmla="*/ 1674644 w 3913238"/>
              <a:gd name="connsiteY21" fmla="*/ 3984035 h 6858002"/>
              <a:gd name="connsiteX22" fmla="*/ 1632935 w 3913238"/>
              <a:gd name="connsiteY22" fmla="*/ 3895573 h 6858002"/>
              <a:gd name="connsiteX23" fmla="*/ 1610591 w 3913238"/>
              <a:gd name="connsiteY23" fmla="*/ 3868071 h 6858002"/>
              <a:gd name="connsiteX24" fmla="*/ 1588685 w 3913238"/>
              <a:gd name="connsiteY24" fmla="*/ 3782324 h 6858002"/>
              <a:gd name="connsiteX25" fmla="*/ 1553023 w 3913238"/>
              <a:gd name="connsiteY25" fmla="*/ 3650244 h 6858002"/>
              <a:gd name="connsiteX26" fmla="*/ 1361477 w 3913238"/>
              <a:gd name="connsiteY26" fmla="*/ 3429527 h 6858002"/>
              <a:gd name="connsiteX27" fmla="*/ 1165902 w 3913238"/>
              <a:gd name="connsiteY27" fmla="*/ 3131734 h 6858002"/>
              <a:gd name="connsiteX28" fmla="*/ 935627 w 3913238"/>
              <a:gd name="connsiteY28" fmla="*/ 2843838 h 6858002"/>
              <a:gd name="connsiteX29" fmla="*/ 787368 w 3913238"/>
              <a:gd name="connsiteY29" fmla="*/ 2582393 h 6858002"/>
              <a:gd name="connsiteX30" fmla="*/ 768003 w 3913238"/>
              <a:gd name="connsiteY30" fmla="*/ 2260777 h 6858002"/>
              <a:gd name="connsiteX31" fmla="*/ 765112 w 3913238"/>
              <a:gd name="connsiteY31" fmla="*/ 2180898 h 6858002"/>
              <a:gd name="connsiteX32" fmla="*/ 721300 w 3913238"/>
              <a:gd name="connsiteY32" fmla="*/ 1725450 h 6858002"/>
              <a:gd name="connsiteX33" fmla="*/ 647258 w 3913238"/>
              <a:gd name="connsiteY33" fmla="*/ 1609573 h 6858002"/>
              <a:gd name="connsiteX34" fmla="*/ 598627 w 3913238"/>
              <a:gd name="connsiteY34" fmla="*/ 1549839 h 6858002"/>
              <a:gd name="connsiteX35" fmla="*/ 550259 w 3913238"/>
              <a:gd name="connsiteY35" fmla="*/ 1443247 h 6858002"/>
              <a:gd name="connsiteX36" fmla="*/ 485593 w 3913238"/>
              <a:gd name="connsiteY36" fmla="*/ 1309240 h 6858002"/>
              <a:gd name="connsiteX37" fmla="*/ 334530 w 3913238"/>
              <a:gd name="connsiteY37" fmla="*/ 986397 h 6858002"/>
              <a:gd name="connsiteX38" fmla="*/ 325067 w 3913238"/>
              <a:gd name="connsiteY38" fmla="*/ 890490 h 6858002"/>
              <a:gd name="connsiteX39" fmla="*/ 315428 w 3913238"/>
              <a:gd name="connsiteY39" fmla="*/ 756834 h 6858002"/>
              <a:gd name="connsiteX40" fmla="*/ 242876 w 3913238"/>
              <a:gd name="connsiteY40" fmla="*/ 627206 h 6858002"/>
              <a:gd name="connsiteX41" fmla="*/ 184256 w 3913238"/>
              <a:gd name="connsiteY41" fmla="*/ 541634 h 6858002"/>
              <a:gd name="connsiteX42" fmla="*/ 144825 w 3913238"/>
              <a:gd name="connsiteY42" fmla="*/ 396329 h 6858002"/>
              <a:gd name="connsiteX43" fmla="*/ 126424 w 3913238"/>
              <a:gd name="connsiteY43" fmla="*/ 313998 h 6858002"/>
              <a:gd name="connsiteX44" fmla="*/ 59743 w 3913238"/>
              <a:gd name="connsiteY44" fmla="*/ 208106 h 6858002"/>
              <a:gd name="connsiteX45" fmla="*/ 28286 w 3913238"/>
              <a:gd name="connsiteY45" fmla="*/ 173072 h 6858002"/>
              <a:gd name="connsiteX46" fmla="*/ 2434 w 3913238"/>
              <a:gd name="connsiteY46" fmla="*/ 51874 h 6858002"/>
              <a:gd name="connsiteX47" fmla="*/ 0 w 3913238"/>
              <a:gd name="connsiteY47"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68486 w 3913238"/>
              <a:gd name="connsiteY5" fmla="*/ 6244022 h 6858002"/>
              <a:gd name="connsiteX6" fmla="*/ 973218 w 3913238"/>
              <a:gd name="connsiteY6" fmla="*/ 6179208 h 6858002"/>
              <a:gd name="connsiteX7" fmla="*/ 971640 w 3913238"/>
              <a:gd name="connsiteY7" fmla="*/ 6124467 h 6858002"/>
              <a:gd name="connsiteX8" fmla="*/ 974094 w 3913238"/>
              <a:gd name="connsiteY8" fmla="*/ 6019364 h 6858002"/>
              <a:gd name="connsiteX9" fmla="*/ 1155036 w 3913238"/>
              <a:gd name="connsiteY9" fmla="*/ 5001787 h 6858002"/>
              <a:gd name="connsiteX10" fmla="*/ 1391620 w 3913238"/>
              <a:gd name="connsiteY10" fmla="*/ 4591445 h 6858002"/>
              <a:gd name="connsiteX11" fmla="*/ 1543209 w 3913238"/>
              <a:gd name="connsiteY11" fmla="*/ 4637341 h 6858002"/>
              <a:gd name="connsiteX12" fmla="*/ 1624961 w 3913238"/>
              <a:gd name="connsiteY12" fmla="*/ 4682798 h 6858002"/>
              <a:gd name="connsiteX13" fmla="*/ 1679025 w 3913238"/>
              <a:gd name="connsiteY13" fmla="*/ 4664668 h 6858002"/>
              <a:gd name="connsiteX14" fmla="*/ 1759113 w 3913238"/>
              <a:gd name="connsiteY14" fmla="*/ 4510253 h 6858002"/>
              <a:gd name="connsiteX15" fmla="*/ 1775148 w 3913238"/>
              <a:gd name="connsiteY15" fmla="*/ 4433265 h 6858002"/>
              <a:gd name="connsiteX16" fmla="*/ 1794688 w 3913238"/>
              <a:gd name="connsiteY16" fmla="*/ 4301886 h 6858002"/>
              <a:gd name="connsiteX17" fmla="*/ 1747809 w 3913238"/>
              <a:gd name="connsiteY17" fmla="*/ 4210446 h 6858002"/>
              <a:gd name="connsiteX18" fmla="*/ 1720383 w 3913238"/>
              <a:gd name="connsiteY18" fmla="*/ 4179265 h 6858002"/>
              <a:gd name="connsiteX19" fmla="*/ 1682180 w 3913238"/>
              <a:gd name="connsiteY19" fmla="*/ 4037288 h 6858002"/>
              <a:gd name="connsiteX20" fmla="*/ 1674644 w 3913238"/>
              <a:gd name="connsiteY20" fmla="*/ 3984035 h 6858002"/>
              <a:gd name="connsiteX21" fmla="*/ 1632935 w 3913238"/>
              <a:gd name="connsiteY21" fmla="*/ 3895573 h 6858002"/>
              <a:gd name="connsiteX22" fmla="*/ 1610591 w 3913238"/>
              <a:gd name="connsiteY22" fmla="*/ 3868071 h 6858002"/>
              <a:gd name="connsiteX23" fmla="*/ 1588685 w 3913238"/>
              <a:gd name="connsiteY23" fmla="*/ 3782324 h 6858002"/>
              <a:gd name="connsiteX24" fmla="*/ 1553023 w 3913238"/>
              <a:gd name="connsiteY24" fmla="*/ 3650244 h 6858002"/>
              <a:gd name="connsiteX25" fmla="*/ 1361477 w 3913238"/>
              <a:gd name="connsiteY25" fmla="*/ 3429527 h 6858002"/>
              <a:gd name="connsiteX26" fmla="*/ 1165902 w 3913238"/>
              <a:gd name="connsiteY26" fmla="*/ 3131734 h 6858002"/>
              <a:gd name="connsiteX27" fmla="*/ 935627 w 3913238"/>
              <a:gd name="connsiteY27" fmla="*/ 2843838 h 6858002"/>
              <a:gd name="connsiteX28" fmla="*/ 787368 w 3913238"/>
              <a:gd name="connsiteY28" fmla="*/ 2582393 h 6858002"/>
              <a:gd name="connsiteX29" fmla="*/ 768003 w 3913238"/>
              <a:gd name="connsiteY29" fmla="*/ 2260777 h 6858002"/>
              <a:gd name="connsiteX30" fmla="*/ 765112 w 3913238"/>
              <a:gd name="connsiteY30" fmla="*/ 2180898 h 6858002"/>
              <a:gd name="connsiteX31" fmla="*/ 721300 w 3913238"/>
              <a:gd name="connsiteY31" fmla="*/ 1725450 h 6858002"/>
              <a:gd name="connsiteX32" fmla="*/ 647258 w 3913238"/>
              <a:gd name="connsiteY32" fmla="*/ 1609573 h 6858002"/>
              <a:gd name="connsiteX33" fmla="*/ 598627 w 3913238"/>
              <a:gd name="connsiteY33" fmla="*/ 1549839 h 6858002"/>
              <a:gd name="connsiteX34" fmla="*/ 550259 w 3913238"/>
              <a:gd name="connsiteY34" fmla="*/ 1443247 h 6858002"/>
              <a:gd name="connsiteX35" fmla="*/ 485593 w 3913238"/>
              <a:gd name="connsiteY35" fmla="*/ 1309240 h 6858002"/>
              <a:gd name="connsiteX36" fmla="*/ 334530 w 3913238"/>
              <a:gd name="connsiteY36" fmla="*/ 986397 h 6858002"/>
              <a:gd name="connsiteX37" fmla="*/ 325067 w 3913238"/>
              <a:gd name="connsiteY37" fmla="*/ 890490 h 6858002"/>
              <a:gd name="connsiteX38" fmla="*/ 315428 w 3913238"/>
              <a:gd name="connsiteY38" fmla="*/ 756834 h 6858002"/>
              <a:gd name="connsiteX39" fmla="*/ 242876 w 3913238"/>
              <a:gd name="connsiteY39" fmla="*/ 627206 h 6858002"/>
              <a:gd name="connsiteX40" fmla="*/ 184256 w 3913238"/>
              <a:gd name="connsiteY40" fmla="*/ 541634 h 6858002"/>
              <a:gd name="connsiteX41" fmla="*/ 144825 w 3913238"/>
              <a:gd name="connsiteY41" fmla="*/ 396329 h 6858002"/>
              <a:gd name="connsiteX42" fmla="*/ 126424 w 3913238"/>
              <a:gd name="connsiteY42" fmla="*/ 313998 h 6858002"/>
              <a:gd name="connsiteX43" fmla="*/ 59743 w 3913238"/>
              <a:gd name="connsiteY43" fmla="*/ 208106 h 6858002"/>
              <a:gd name="connsiteX44" fmla="*/ 28286 w 3913238"/>
              <a:gd name="connsiteY44" fmla="*/ 173072 h 6858002"/>
              <a:gd name="connsiteX45" fmla="*/ 2434 w 3913238"/>
              <a:gd name="connsiteY45" fmla="*/ 51874 h 6858002"/>
              <a:gd name="connsiteX46" fmla="*/ 0 w 3913238"/>
              <a:gd name="connsiteY46"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3218 w 3913238"/>
              <a:gd name="connsiteY5" fmla="*/ 6179208 h 6858002"/>
              <a:gd name="connsiteX6" fmla="*/ 971640 w 3913238"/>
              <a:gd name="connsiteY6" fmla="*/ 6124467 h 6858002"/>
              <a:gd name="connsiteX7" fmla="*/ 974094 w 3913238"/>
              <a:gd name="connsiteY7" fmla="*/ 6019364 h 6858002"/>
              <a:gd name="connsiteX8" fmla="*/ 1155036 w 3913238"/>
              <a:gd name="connsiteY8" fmla="*/ 5001787 h 6858002"/>
              <a:gd name="connsiteX9" fmla="*/ 1391620 w 3913238"/>
              <a:gd name="connsiteY9" fmla="*/ 4591445 h 6858002"/>
              <a:gd name="connsiteX10" fmla="*/ 1543209 w 3913238"/>
              <a:gd name="connsiteY10" fmla="*/ 4637341 h 6858002"/>
              <a:gd name="connsiteX11" fmla="*/ 1624961 w 3913238"/>
              <a:gd name="connsiteY11" fmla="*/ 4682798 h 6858002"/>
              <a:gd name="connsiteX12" fmla="*/ 1679025 w 3913238"/>
              <a:gd name="connsiteY12" fmla="*/ 4664668 h 6858002"/>
              <a:gd name="connsiteX13" fmla="*/ 1759113 w 3913238"/>
              <a:gd name="connsiteY13" fmla="*/ 4510253 h 6858002"/>
              <a:gd name="connsiteX14" fmla="*/ 1775148 w 3913238"/>
              <a:gd name="connsiteY14" fmla="*/ 4433265 h 6858002"/>
              <a:gd name="connsiteX15" fmla="*/ 1794688 w 3913238"/>
              <a:gd name="connsiteY15" fmla="*/ 4301886 h 6858002"/>
              <a:gd name="connsiteX16" fmla="*/ 1747809 w 3913238"/>
              <a:gd name="connsiteY16" fmla="*/ 4210446 h 6858002"/>
              <a:gd name="connsiteX17" fmla="*/ 1720383 w 3913238"/>
              <a:gd name="connsiteY17" fmla="*/ 4179265 h 6858002"/>
              <a:gd name="connsiteX18" fmla="*/ 1682180 w 3913238"/>
              <a:gd name="connsiteY18" fmla="*/ 4037288 h 6858002"/>
              <a:gd name="connsiteX19" fmla="*/ 1674644 w 3913238"/>
              <a:gd name="connsiteY19" fmla="*/ 3984035 h 6858002"/>
              <a:gd name="connsiteX20" fmla="*/ 1632935 w 3913238"/>
              <a:gd name="connsiteY20" fmla="*/ 3895573 h 6858002"/>
              <a:gd name="connsiteX21" fmla="*/ 1610591 w 3913238"/>
              <a:gd name="connsiteY21" fmla="*/ 3868071 h 6858002"/>
              <a:gd name="connsiteX22" fmla="*/ 1588685 w 3913238"/>
              <a:gd name="connsiteY22" fmla="*/ 3782324 h 6858002"/>
              <a:gd name="connsiteX23" fmla="*/ 1553023 w 3913238"/>
              <a:gd name="connsiteY23" fmla="*/ 3650244 h 6858002"/>
              <a:gd name="connsiteX24" fmla="*/ 1361477 w 3913238"/>
              <a:gd name="connsiteY24" fmla="*/ 3429527 h 6858002"/>
              <a:gd name="connsiteX25" fmla="*/ 1165902 w 3913238"/>
              <a:gd name="connsiteY25" fmla="*/ 3131734 h 6858002"/>
              <a:gd name="connsiteX26" fmla="*/ 935627 w 3913238"/>
              <a:gd name="connsiteY26" fmla="*/ 2843838 h 6858002"/>
              <a:gd name="connsiteX27" fmla="*/ 787368 w 3913238"/>
              <a:gd name="connsiteY27" fmla="*/ 2582393 h 6858002"/>
              <a:gd name="connsiteX28" fmla="*/ 768003 w 3913238"/>
              <a:gd name="connsiteY28" fmla="*/ 2260777 h 6858002"/>
              <a:gd name="connsiteX29" fmla="*/ 765112 w 3913238"/>
              <a:gd name="connsiteY29" fmla="*/ 2180898 h 6858002"/>
              <a:gd name="connsiteX30" fmla="*/ 721300 w 3913238"/>
              <a:gd name="connsiteY30" fmla="*/ 1725450 h 6858002"/>
              <a:gd name="connsiteX31" fmla="*/ 647258 w 3913238"/>
              <a:gd name="connsiteY31" fmla="*/ 1609573 h 6858002"/>
              <a:gd name="connsiteX32" fmla="*/ 598627 w 3913238"/>
              <a:gd name="connsiteY32" fmla="*/ 1549839 h 6858002"/>
              <a:gd name="connsiteX33" fmla="*/ 550259 w 3913238"/>
              <a:gd name="connsiteY33" fmla="*/ 1443247 h 6858002"/>
              <a:gd name="connsiteX34" fmla="*/ 485593 w 3913238"/>
              <a:gd name="connsiteY34" fmla="*/ 1309240 h 6858002"/>
              <a:gd name="connsiteX35" fmla="*/ 334530 w 3913238"/>
              <a:gd name="connsiteY35" fmla="*/ 986397 h 6858002"/>
              <a:gd name="connsiteX36" fmla="*/ 325067 w 3913238"/>
              <a:gd name="connsiteY36" fmla="*/ 890490 h 6858002"/>
              <a:gd name="connsiteX37" fmla="*/ 315428 w 3913238"/>
              <a:gd name="connsiteY37" fmla="*/ 756834 h 6858002"/>
              <a:gd name="connsiteX38" fmla="*/ 242876 w 3913238"/>
              <a:gd name="connsiteY38" fmla="*/ 627206 h 6858002"/>
              <a:gd name="connsiteX39" fmla="*/ 184256 w 3913238"/>
              <a:gd name="connsiteY39" fmla="*/ 541634 h 6858002"/>
              <a:gd name="connsiteX40" fmla="*/ 144825 w 3913238"/>
              <a:gd name="connsiteY40" fmla="*/ 396329 h 6858002"/>
              <a:gd name="connsiteX41" fmla="*/ 126424 w 3913238"/>
              <a:gd name="connsiteY41" fmla="*/ 313998 h 6858002"/>
              <a:gd name="connsiteX42" fmla="*/ 59743 w 3913238"/>
              <a:gd name="connsiteY42" fmla="*/ 208106 h 6858002"/>
              <a:gd name="connsiteX43" fmla="*/ 28286 w 3913238"/>
              <a:gd name="connsiteY43" fmla="*/ 173072 h 6858002"/>
              <a:gd name="connsiteX44" fmla="*/ 2434 w 3913238"/>
              <a:gd name="connsiteY44" fmla="*/ 51874 h 6858002"/>
              <a:gd name="connsiteX45" fmla="*/ 0 w 3913238"/>
              <a:gd name="connsiteY45"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1640 w 3913238"/>
              <a:gd name="connsiteY5" fmla="*/ 6124467 h 6858002"/>
              <a:gd name="connsiteX6" fmla="*/ 974094 w 3913238"/>
              <a:gd name="connsiteY6" fmla="*/ 6019364 h 6858002"/>
              <a:gd name="connsiteX7" fmla="*/ 1155036 w 3913238"/>
              <a:gd name="connsiteY7" fmla="*/ 5001787 h 6858002"/>
              <a:gd name="connsiteX8" fmla="*/ 1391620 w 3913238"/>
              <a:gd name="connsiteY8" fmla="*/ 4591445 h 6858002"/>
              <a:gd name="connsiteX9" fmla="*/ 1543209 w 3913238"/>
              <a:gd name="connsiteY9" fmla="*/ 4637341 h 6858002"/>
              <a:gd name="connsiteX10" fmla="*/ 1624961 w 3913238"/>
              <a:gd name="connsiteY10" fmla="*/ 4682798 h 6858002"/>
              <a:gd name="connsiteX11" fmla="*/ 1679025 w 3913238"/>
              <a:gd name="connsiteY11" fmla="*/ 4664668 h 6858002"/>
              <a:gd name="connsiteX12" fmla="*/ 1759113 w 3913238"/>
              <a:gd name="connsiteY12" fmla="*/ 4510253 h 6858002"/>
              <a:gd name="connsiteX13" fmla="*/ 1775148 w 3913238"/>
              <a:gd name="connsiteY13" fmla="*/ 4433265 h 6858002"/>
              <a:gd name="connsiteX14" fmla="*/ 1794688 w 3913238"/>
              <a:gd name="connsiteY14" fmla="*/ 4301886 h 6858002"/>
              <a:gd name="connsiteX15" fmla="*/ 1747809 w 3913238"/>
              <a:gd name="connsiteY15" fmla="*/ 4210446 h 6858002"/>
              <a:gd name="connsiteX16" fmla="*/ 1720383 w 3913238"/>
              <a:gd name="connsiteY16" fmla="*/ 4179265 h 6858002"/>
              <a:gd name="connsiteX17" fmla="*/ 1682180 w 3913238"/>
              <a:gd name="connsiteY17" fmla="*/ 4037288 h 6858002"/>
              <a:gd name="connsiteX18" fmla="*/ 1674644 w 3913238"/>
              <a:gd name="connsiteY18" fmla="*/ 3984035 h 6858002"/>
              <a:gd name="connsiteX19" fmla="*/ 1632935 w 3913238"/>
              <a:gd name="connsiteY19" fmla="*/ 3895573 h 6858002"/>
              <a:gd name="connsiteX20" fmla="*/ 1610591 w 3913238"/>
              <a:gd name="connsiteY20" fmla="*/ 3868071 h 6858002"/>
              <a:gd name="connsiteX21" fmla="*/ 1588685 w 3913238"/>
              <a:gd name="connsiteY21" fmla="*/ 3782324 h 6858002"/>
              <a:gd name="connsiteX22" fmla="*/ 1553023 w 3913238"/>
              <a:gd name="connsiteY22" fmla="*/ 3650244 h 6858002"/>
              <a:gd name="connsiteX23" fmla="*/ 1361477 w 3913238"/>
              <a:gd name="connsiteY23" fmla="*/ 3429527 h 6858002"/>
              <a:gd name="connsiteX24" fmla="*/ 1165902 w 3913238"/>
              <a:gd name="connsiteY24" fmla="*/ 3131734 h 6858002"/>
              <a:gd name="connsiteX25" fmla="*/ 935627 w 3913238"/>
              <a:gd name="connsiteY25" fmla="*/ 2843838 h 6858002"/>
              <a:gd name="connsiteX26" fmla="*/ 787368 w 3913238"/>
              <a:gd name="connsiteY26" fmla="*/ 2582393 h 6858002"/>
              <a:gd name="connsiteX27" fmla="*/ 768003 w 3913238"/>
              <a:gd name="connsiteY27" fmla="*/ 2260777 h 6858002"/>
              <a:gd name="connsiteX28" fmla="*/ 765112 w 3913238"/>
              <a:gd name="connsiteY28" fmla="*/ 2180898 h 6858002"/>
              <a:gd name="connsiteX29" fmla="*/ 721300 w 3913238"/>
              <a:gd name="connsiteY29" fmla="*/ 1725450 h 6858002"/>
              <a:gd name="connsiteX30" fmla="*/ 647258 w 3913238"/>
              <a:gd name="connsiteY30" fmla="*/ 1609573 h 6858002"/>
              <a:gd name="connsiteX31" fmla="*/ 598627 w 3913238"/>
              <a:gd name="connsiteY31" fmla="*/ 1549839 h 6858002"/>
              <a:gd name="connsiteX32" fmla="*/ 550259 w 3913238"/>
              <a:gd name="connsiteY32" fmla="*/ 1443247 h 6858002"/>
              <a:gd name="connsiteX33" fmla="*/ 485593 w 3913238"/>
              <a:gd name="connsiteY33" fmla="*/ 1309240 h 6858002"/>
              <a:gd name="connsiteX34" fmla="*/ 334530 w 3913238"/>
              <a:gd name="connsiteY34" fmla="*/ 986397 h 6858002"/>
              <a:gd name="connsiteX35" fmla="*/ 325067 w 3913238"/>
              <a:gd name="connsiteY35" fmla="*/ 890490 h 6858002"/>
              <a:gd name="connsiteX36" fmla="*/ 315428 w 3913238"/>
              <a:gd name="connsiteY36" fmla="*/ 756834 h 6858002"/>
              <a:gd name="connsiteX37" fmla="*/ 242876 w 3913238"/>
              <a:gd name="connsiteY37" fmla="*/ 627206 h 6858002"/>
              <a:gd name="connsiteX38" fmla="*/ 184256 w 3913238"/>
              <a:gd name="connsiteY38" fmla="*/ 541634 h 6858002"/>
              <a:gd name="connsiteX39" fmla="*/ 144825 w 3913238"/>
              <a:gd name="connsiteY39" fmla="*/ 396329 h 6858002"/>
              <a:gd name="connsiteX40" fmla="*/ 126424 w 3913238"/>
              <a:gd name="connsiteY40" fmla="*/ 313998 h 6858002"/>
              <a:gd name="connsiteX41" fmla="*/ 59743 w 3913238"/>
              <a:gd name="connsiteY41" fmla="*/ 208106 h 6858002"/>
              <a:gd name="connsiteX42" fmla="*/ 28286 w 3913238"/>
              <a:gd name="connsiteY42" fmla="*/ 173072 h 6858002"/>
              <a:gd name="connsiteX43" fmla="*/ 2434 w 3913238"/>
              <a:gd name="connsiteY43" fmla="*/ 51874 h 6858002"/>
              <a:gd name="connsiteX44" fmla="*/ 0 w 3913238"/>
              <a:gd name="connsiteY44"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1276745 w 3913238"/>
              <a:gd name="connsiteY4" fmla="*/ 6853272 h 6858002"/>
              <a:gd name="connsiteX5" fmla="*/ 974094 w 3913238"/>
              <a:gd name="connsiteY5" fmla="*/ 6019364 h 6858002"/>
              <a:gd name="connsiteX6" fmla="*/ 1155036 w 3913238"/>
              <a:gd name="connsiteY6" fmla="*/ 5001787 h 6858002"/>
              <a:gd name="connsiteX7" fmla="*/ 1391620 w 3913238"/>
              <a:gd name="connsiteY7" fmla="*/ 4591445 h 6858002"/>
              <a:gd name="connsiteX8" fmla="*/ 1543209 w 3913238"/>
              <a:gd name="connsiteY8" fmla="*/ 4637341 h 6858002"/>
              <a:gd name="connsiteX9" fmla="*/ 1624961 w 3913238"/>
              <a:gd name="connsiteY9" fmla="*/ 4682798 h 6858002"/>
              <a:gd name="connsiteX10" fmla="*/ 1679025 w 3913238"/>
              <a:gd name="connsiteY10" fmla="*/ 4664668 h 6858002"/>
              <a:gd name="connsiteX11" fmla="*/ 1759113 w 3913238"/>
              <a:gd name="connsiteY11" fmla="*/ 4510253 h 6858002"/>
              <a:gd name="connsiteX12" fmla="*/ 1775148 w 3913238"/>
              <a:gd name="connsiteY12" fmla="*/ 4433265 h 6858002"/>
              <a:gd name="connsiteX13" fmla="*/ 1794688 w 3913238"/>
              <a:gd name="connsiteY13" fmla="*/ 4301886 h 6858002"/>
              <a:gd name="connsiteX14" fmla="*/ 1747809 w 3913238"/>
              <a:gd name="connsiteY14" fmla="*/ 4210446 h 6858002"/>
              <a:gd name="connsiteX15" fmla="*/ 1720383 w 3913238"/>
              <a:gd name="connsiteY15" fmla="*/ 4179265 h 6858002"/>
              <a:gd name="connsiteX16" fmla="*/ 1682180 w 3913238"/>
              <a:gd name="connsiteY16" fmla="*/ 4037288 h 6858002"/>
              <a:gd name="connsiteX17" fmla="*/ 1674644 w 3913238"/>
              <a:gd name="connsiteY17" fmla="*/ 3984035 h 6858002"/>
              <a:gd name="connsiteX18" fmla="*/ 1632935 w 3913238"/>
              <a:gd name="connsiteY18" fmla="*/ 3895573 h 6858002"/>
              <a:gd name="connsiteX19" fmla="*/ 1610591 w 3913238"/>
              <a:gd name="connsiteY19" fmla="*/ 3868071 h 6858002"/>
              <a:gd name="connsiteX20" fmla="*/ 1588685 w 3913238"/>
              <a:gd name="connsiteY20" fmla="*/ 3782324 h 6858002"/>
              <a:gd name="connsiteX21" fmla="*/ 1553023 w 3913238"/>
              <a:gd name="connsiteY21" fmla="*/ 3650244 h 6858002"/>
              <a:gd name="connsiteX22" fmla="*/ 1361477 w 3913238"/>
              <a:gd name="connsiteY22" fmla="*/ 3429527 h 6858002"/>
              <a:gd name="connsiteX23" fmla="*/ 1165902 w 3913238"/>
              <a:gd name="connsiteY23" fmla="*/ 3131734 h 6858002"/>
              <a:gd name="connsiteX24" fmla="*/ 935627 w 3913238"/>
              <a:gd name="connsiteY24" fmla="*/ 2843838 h 6858002"/>
              <a:gd name="connsiteX25" fmla="*/ 787368 w 3913238"/>
              <a:gd name="connsiteY25" fmla="*/ 2582393 h 6858002"/>
              <a:gd name="connsiteX26" fmla="*/ 768003 w 3913238"/>
              <a:gd name="connsiteY26" fmla="*/ 2260777 h 6858002"/>
              <a:gd name="connsiteX27" fmla="*/ 765112 w 3913238"/>
              <a:gd name="connsiteY27" fmla="*/ 2180898 h 6858002"/>
              <a:gd name="connsiteX28" fmla="*/ 721300 w 3913238"/>
              <a:gd name="connsiteY28" fmla="*/ 1725450 h 6858002"/>
              <a:gd name="connsiteX29" fmla="*/ 647258 w 3913238"/>
              <a:gd name="connsiteY29" fmla="*/ 1609573 h 6858002"/>
              <a:gd name="connsiteX30" fmla="*/ 598627 w 3913238"/>
              <a:gd name="connsiteY30" fmla="*/ 1549839 h 6858002"/>
              <a:gd name="connsiteX31" fmla="*/ 550259 w 3913238"/>
              <a:gd name="connsiteY31" fmla="*/ 1443247 h 6858002"/>
              <a:gd name="connsiteX32" fmla="*/ 485593 w 3913238"/>
              <a:gd name="connsiteY32" fmla="*/ 1309240 h 6858002"/>
              <a:gd name="connsiteX33" fmla="*/ 334530 w 3913238"/>
              <a:gd name="connsiteY33" fmla="*/ 986397 h 6858002"/>
              <a:gd name="connsiteX34" fmla="*/ 325067 w 3913238"/>
              <a:gd name="connsiteY34" fmla="*/ 890490 h 6858002"/>
              <a:gd name="connsiteX35" fmla="*/ 315428 w 3913238"/>
              <a:gd name="connsiteY35" fmla="*/ 756834 h 6858002"/>
              <a:gd name="connsiteX36" fmla="*/ 242876 w 3913238"/>
              <a:gd name="connsiteY36" fmla="*/ 627206 h 6858002"/>
              <a:gd name="connsiteX37" fmla="*/ 184256 w 3913238"/>
              <a:gd name="connsiteY37" fmla="*/ 541634 h 6858002"/>
              <a:gd name="connsiteX38" fmla="*/ 144825 w 3913238"/>
              <a:gd name="connsiteY38" fmla="*/ 396329 h 6858002"/>
              <a:gd name="connsiteX39" fmla="*/ 126424 w 3913238"/>
              <a:gd name="connsiteY39" fmla="*/ 313998 h 6858002"/>
              <a:gd name="connsiteX40" fmla="*/ 59743 w 3913238"/>
              <a:gd name="connsiteY40" fmla="*/ 208106 h 6858002"/>
              <a:gd name="connsiteX41" fmla="*/ 28286 w 3913238"/>
              <a:gd name="connsiteY41" fmla="*/ 173072 h 6858002"/>
              <a:gd name="connsiteX42" fmla="*/ 2434 w 3913238"/>
              <a:gd name="connsiteY42" fmla="*/ 51874 h 6858002"/>
              <a:gd name="connsiteX43" fmla="*/ 0 w 3913238"/>
              <a:gd name="connsiteY43" fmla="*/ 1 h 6858002"/>
              <a:gd name="connsiteX0" fmla="*/ 0 w 3913238"/>
              <a:gd name="connsiteY0" fmla="*/ 1 h 6858002"/>
              <a:gd name="connsiteX1" fmla="*/ 3913236 w 3913238"/>
              <a:gd name="connsiteY1" fmla="*/ 0 h 6858002"/>
              <a:gd name="connsiteX2" fmla="*/ 3913238 w 3913238"/>
              <a:gd name="connsiteY2" fmla="*/ 6858002 h 6858002"/>
              <a:gd name="connsiteX3" fmla="*/ 1277184 w 3913238"/>
              <a:gd name="connsiteY3" fmla="*/ 6858001 h 6858002"/>
              <a:gd name="connsiteX4" fmla="*/ 974094 w 3913238"/>
              <a:gd name="connsiteY4" fmla="*/ 6019364 h 6858002"/>
              <a:gd name="connsiteX5" fmla="*/ 1155036 w 3913238"/>
              <a:gd name="connsiteY5" fmla="*/ 5001787 h 6858002"/>
              <a:gd name="connsiteX6" fmla="*/ 1391620 w 3913238"/>
              <a:gd name="connsiteY6" fmla="*/ 4591445 h 6858002"/>
              <a:gd name="connsiteX7" fmla="*/ 1543209 w 3913238"/>
              <a:gd name="connsiteY7" fmla="*/ 4637341 h 6858002"/>
              <a:gd name="connsiteX8" fmla="*/ 1624961 w 3913238"/>
              <a:gd name="connsiteY8" fmla="*/ 4682798 h 6858002"/>
              <a:gd name="connsiteX9" fmla="*/ 1679025 w 3913238"/>
              <a:gd name="connsiteY9" fmla="*/ 4664668 h 6858002"/>
              <a:gd name="connsiteX10" fmla="*/ 1759113 w 3913238"/>
              <a:gd name="connsiteY10" fmla="*/ 4510253 h 6858002"/>
              <a:gd name="connsiteX11" fmla="*/ 1775148 w 3913238"/>
              <a:gd name="connsiteY11" fmla="*/ 4433265 h 6858002"/>
              <a:gd name="connsiteX12" fmla="*/ 1794688 w 3913238"/>
              <a:gd name="connsiteY12" fmla="*/ 4301886 h 6858002"/>
              <a:gd name="connsiteX13" fmla="*/ 1747809 w 3913238"/>
              <a:gd name="connsiteY13" fmla="*/ 4210446 h 6858002"/>
              <a:gd name="connsiteX14" fmla="*/ 1720383 w 3913238"/>
              <a:gd name="connsiteY14" fmla="*/ 4179265 h 6858002"/>
              <a:gd name="connsiteX15" fmla="*/ 1682180 w 3913238"/>
              <a:gd name="connsiteY15" fmla="*/ 4037288 h 6858002"/>
              <a:gd name="connsiteX16" fmla="*/ 1674644 w 3913238"/>
              <a:gd name="connsiteY16" fmla="*/ 3984035 h 6858002"/>
              <a:gd name="connsiteX17" fmla="*/ 1632935 w 3913238"/>
              <a:gd name="connsiteY17" fmla="*/ 3895573 h 6858002"/>
              <a:gd name="connsiteX18" fmla="*/ 1610591 w 3913238"/>
              <a:gd name="connsiteY18" fmla="*/ 3868071 h 6858002"/>
              <a:gd name="connsiteX19" fmla="*/ 1588685 w 3913238"/>
              <a:gd name="connsiteY19" fmla="*/ 3782324 h 6858002"/>
              <a:gd name="connsiteX20" fmla="*/ 1553023 w 3913238"/>
              <a:gd name="connsiteY20" fmla="*/ 3650244 h 6858002"/>
              <a:gd name="connsiteX21" fmla="*/ 1361477 w 3913238"/>
              <a:gd name="connsiteY21" fmla="*/ 3429527 h 6858002"/>
              <a:gd name="connsiteX22" fmla="*/ 1165902 w 3913238"/>
              <a:gd name="connsiteY22" fmla="*/ 3131734 h 6858002"/>
              <a:gd name="connsiteX23" fmla="*/ 935627 w 3913238"/>
              <a:gd name="connsiteY23" fmla="*/ 2843838 h 6858002"/>
              <a:gd name="connsiteX24" fmla="*/ 787368 w 3913238"/>
              <a:gd name="connsiteY24" fmla="*/ 2582393 h 6858002"/>
              <a:gd name="connsiteX25" fmla="*/ 768003 w 3913238"/>
              <a:gd name="connsiteY25" fmla="*/ 2260777 h 6858002"/>
              <a:gd name="connsiteX26" fmla="*/ 765112 w 3913238"/>
              <a:gd name="connsiteY26" fmla="*/ 2180898 h 6858002"/>
              <a:gd name="connsiteX27" fmla="*/ 721300 w 3913238"/>
              <a:gd name="connsiteY27" fmla="*/ 1725450 h 6858002"/>
              <a:gd name="connsiteX28" fmla="*/ 647258 w 3913238"/>
              <a:gd name="connsiteY28" fmla="*/ 1609573 h 6858002"/>
              <a:gd name="connsiteX29" fmla="*/ 598627 w 3913238"/>
              <a:gd name="connsiteY29" fmla="*/ 1549839 h 6858002"/>
              <a:gd name="connsiteX30" fmla="*/ 550259 w 3913238"/>
              <a:gd name="connsiteY30" fmla="*/ 1443247 h 6858002"/>
              <a:gd name="connsiteX31" fmla="*/ 485593 w 3913238"/>
              <a:gd name="connsiteY31" fmla="*/ 1309240 h 6858002"/>
              <a:gd name="connsiteX32" fmla="*/ 334530 w 3913238"/>
              <a:gd name="connsiteY32" fmla="*/ 986397 h 6858002"/>
              <a:gd name="connsiteX33" fmla="*/ 325067 w 3913238"/>
              <a:gd name="connsiteY33" fmla="*/ 890490 h 6858002"/>
              <a:gd name="connsiteX34" fmla="*/ 315428 w 3913238"/>
              <a:gd name="connsiteY34" fmla="*/ 756834 h 6858002"/>
              <a:gd name="connsiteX35" fmla="*/ 242876 w 3913238"/>
              <a:gd name="connsiteY35" fmla="*/ 627206 h 6858002"/>
              <a:gd name="connsiteX36" fmla="*/ 184256 w 3913238"/>
              <a:gd name="connsiteY36" fmla="*/ 541634 h 6858002"/>
              <a:gd name="connsiteX37" fmla="*/ 144825 w 3913238"/>
              <a:gd name="connsiteY37" fmla="*/ 396329 h 6858002"/>
              <a:gd name="connsiteX38" fmla="*/ 126424 w 3913238"/>
              <a:gd name="connsiteY38" fmla="*/ 313998 h 6858002"/>
              <a:gd name="connsiteX39" fmla="*/ 59743 w 3913238"/>
              <a:gd name="connsiteY39" fmla="*/ 208106 h 6858002"/>
              <a:gd name="connsiteX40" fmla="*/ 28286 w 3913238"/>
              <a:gd name="connsiteY40" fmla="*/ 173072 h 6858002"/>
              <a:gd name="connsiteX41" fmla="*/ 2434 w 3913238"/>
              <a:gd name="connsiteY41" fmla="*/ 51874 h 6858002"/>
              <a:gd name="connsiteX42" fmla="*/ 0 w 3913238"/>
              <a:gd name="connsiteY42" fmla="*/ 1 h 6858002"/>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858001"/>
              <a:gd name="connsiteX1" fmla="*/ 3913236 w 3913238"/>
              <a:gd name="connsiteY1" fmla="*/ 0 h 6858001"/>
              <a:gd name="connsiteX2" fmla="*/ 3913238 w 3913238"/>
              <a:gd name="connsiteY2" fmla="*/ 6058070 h 6858001"/>
              <a:gd name="connsiteX3" fmla="*/ 1277184 w 3913238"/>
              <a:gd name="connsiteY3" fmla="*/ 6858001 h 6858001"/>
              <a:gd name="connsiteX4" fmla="*/ 974094 w 3913238"/>
              <a:gd name="connsiteY4" fmla="*/ 6019364 h 6858001"/>
              <a:gd name="connsiteX5" fmla="*/ 1155036 w 3913238"/>
              <a:gd name="connsiteY5" fmla="*/ 5001787 h 6858001"/>
              <a:gd name="connsiteX6" fmla="*/ 1391620 w 3913238"/>
              <a:gd name="connsiteY6" fmla="*/ 4591445 h 6858001"/>
              <a:gd name="connsiteX7" fmla="*/ 1543209 w 3913238"/>
              <a:gd name="connsiteY7" fmla="*/ 4637341 h 6858001"/>
              <a:gd name="connsiteX8" fmla="*/ 1624961 w 3913238"/>
              <a:gd name="connsiteY8" fmla="*/ 4682798 h 6858001"/>
              <a:gd name="connsiteX9" fmla="*/ 1679025 w 3913238"/>
              <a:gd name="connsiteY9" fmla="*/ 4664668 h 6858001"/>
              <a:gd name="connsiteX10" fmla="*/ 1759113 w 3913238"/>
              <a:gd name="connsiteY10" fmla="*/ 4510253 h 6858001"/>
              <a:gd name="connsiteX11" fmla="*/ 1775148 w 3913238"/>
              <a:gd name="connsiteY11" fmla="*/ 4433265 h 6858001"/>
              <a:gd name="connsiteX12" fmla="*/ 1794688 w 3913238"/>
              <a:gd name="connsiteY12" fmla="*/ 4301886 h 6858001"/>
              <a:gd name="connsiteX13" fmla="*/ 1747809 w 3913238"/>
              <a:gd name="connsiteY13" fmla="*/ 4210446 h 6858001"/>
              <a:gd name="connsiteX14" fmla="*/ 1720383 w 3913238"/>
              <a:gd name="connsiteY14" fmla="*/ 4179265 h 6858001"/>
              <a:gd name="connsiteX15" fmla="*/ 1682180 w 3913238"/>
              <a:gd name="connsiteY15" fmla="*/ 4037288 h 6858001"/>
              <a:gd name="connsiteX16" fmla="*/ 1674644 w 3913238"/>
              <a:gd name="connsiteY16" fmla="*/ 3984035 h 6858001"/>
              <a:gd name="connsiteX17" fmla="*/ 1632935 w 3913238"/>
              <a:gd name="connsiteY17" fmla="*/ 3895573 h 6858001"/>
              <a:gd name="connsiteX18" fmla="*/ 1610591 w 3913238"/>
              <a:gd name="connsiteY18" fmla="*/ 3868071 h 6858001"/>
              <a:gd name="connsiteX19" fmla="*/ 1588685 w 3913238"/>
              <a:gd name="connsiteY19" fmla="*/ 3782324 h 6858001"/>
              <a:gd name="connsiteX20" fmla="*/ 1553023 w 3913238"/>
              <a:gd name="connsiteY20" fmla="*/ 3650244 h 6858001"/>
              <a:gd name="connsiteX21" fmla="*/ 1361477 w 3913238"/>
              <a:gd name="connsiteY21" fmla="*/ 3429527 h 6858001"/>
              <a:gd name="connsiteX22" fmla="*/ 1165902 w 3913238"/>
              <a:gd name="connsiteY22" fmla="*/ 3131734 h 6858001"/>
              <a:gd name="connsiteX23" fmla="*/ 935627 w 3913238"/>
              <a:gd name="connsiteY23" fmla="*/ 2843838 h 6858001"/>
              <a:gd name="connsiteX24" fmla="*/ 787368 w 3913238"/>
              <a:gd name="connsiteY24" fmla="*/ 2582393 h 6858001"/>
              <a:gd name="connsiteX25" fmla="*/ 768003 w 3913238"/>
              <a:gd name="connsiteY25" fmla="*/ 2260777 h 6858001"/>
              <a:gd name="connsiteX26" fmla="*/ 765112 w 3913238"/>
              <a:gd name="connsiteY26" fmla="*/ 2180898 h 6858001"/>
              <a:gd name="connsiteX27" fmla="*/ 721300 w 3913238"/>
              <a:gd name="connsiteY27" fmla="*/ 1725450 h 6858001"/>
              <a:gd name="connsiteX28" fmla="*/ 647258 w 3913238"/>
              <a:gd name="connsiteY28" fmla="*/ 1609573 h 6858001"/>
              <a:gd name="connsiteX29" fmla="*/ 598627 w 3913238"/>
              <a:gd name="connsiteY29" fmla="*/ 1549839 h 6858001"/>
              <a:gd name="connsiteX30" fmla="*/ 550259 w 3913238"/>
              <a:gd name="connsiteY30" fmla="*/ 1443247 h 6858001"/>
              <a:gd name="connsiteX31" fmla="*/ 485593 w 3913238"/>
              <a:gd name="connsiteY31" fmla="*/ 1309240 h 6858001"/>
              <a:gd name="connsiteX32" fmla="*/ 334530 w 3913238"/>
              <a:gd name="connsiteY32" fmla="*/ 986397 h 6858001"/>
              <a:gd name="connsiteX33" fmla="*/ 325067 w 3913238"/>
              <a:gd name="connsiteY33" fmla="*/ 890490 h 6858001"/>
              <a:gd name="connsiteX34" fmla="*/ 315428 w 3913238"/>
              <a:gd name="connsiteY34" fmla="*/ 756834 h 6858001"/>
              <a:gd name="connsiteX35" fmla="*/ 242876 w 3913238"/>
              <a:gd name="connsiteY35" fmla="*/ 627206 h 6858001"/>
              <a:gd name="connsiteX36" fmla="*/ 184256 w 3913238"/>
              <a:gd name="connsiteY36" fmla="*/ 541634 h 6858001"/>
              <a:gd name="connsiteX37" fmla="*/ 144825 w 3913238"/>
              <a:gd name="connsiteY37" fmla="*/ 396329 h 6858001"/>
              <a:gd name="connsiteX38" fmla="*/ 126424 w 3913238"/>
              <a:gd name="connsiteY38" fmla="*/ 313998 h 6858001"/>
              <a:gd name="connsiteX39" fmla="*/ 59743 w 3913238"/>
              <a:gd name="connsiteY39" fmla="*/ 208106 h 6858001"/>
              <a:gd name="connsiteX40" fmla="*/ 28286 w 3913238"/>
              <a:gd name="connsiteY40" fmla="*/ 173072 h 6858001"/>
              <a:gd name="connsiteX41" fmla="*/ 2434 w 3913238"/>
              <a:gd name="connsiteY41" fmla="*/ 51874 h 6858001"/>
              <a:gd name="connsiteX42" fmla="*/ 0 w 3913238"/>
              <a:gd name="connsiteY42" fmla="*/ 1 h 6858001"/>
              <a:gd name="connsiteX0" fmla="*/ 0 w 3913238"/>
              <a:gd name="connsiteY0" fmla="*/ 1 h 6058070"/>
              <a:gd name="connsiteX1" fmla="*/ 3913236 w 3913238"/>
              <a:gd name="connsiteY1" fmla="*/ 0 h 6058070"/>
              <a:gd name="connsiteX2" fmla="*/ 3913238 w 3913238"/>
              <a:gd name="connsiteY2" fmla="*/ 6058070 h 6058070"/>
              <a:gd name="connsiteX3" fmla="*/ 974094 w 3913238"/>
              <a:gd name="connsiteY3" fmla="*/ 6019364 h 6058070"/>
              <a:gd name="connsiteX4" fmla="*/ 1155036 w 3913238"/>
              <a:gd name="connsiteY4" fmla="*/ 5001787 h 6058070"/>
              <a:gd name="connsiteX5" fmla="*/ 1391620 w 3913238"/>
              <a:gd name="connsiteY5" fmla="*/ 4591445 h 6058070"/>
              <a:gd name="connsiteX6" fmla="*/ 1543209 w 3913238"/>
              <a:gd name="connsiteY6" fmla="*/ 4637341 h 6058070"/>
              <a:gd name="connsiteX7" fmla="*/ 1624961 w 3913238"/>
              <a:gd name="connsiteY7" fmla="*/ 4682798 h 6058070"/>
              <a:gd name="connsiteX8" fmla="*/ 1679025 w 3913238"/>
              <a:gd name="connsiteY8" fmla="*/ 4664668 h 6058070"/>
              <a:gd name="connsiteX9" fmla="*/ 1759113 w 3913238"/>
              <a:gd name="connsiteY9" fmla="*/ 4510253 h 6058070"/>
              <a:gd name="connsiteX10" fmla="*/ 1775148 w 3913238"/>
              <a:gd name="connsiteY10" fmla="*/ 4433265 h 6058070"/>
              <a:gd name="connsiteX11" fmla="*/ 1794688 w 3913238"/>
              <a:gd name="connsiteY11" fmla="*/ 4301886 h 6058070"/>
              <a:gd name="connsiteX12" fmla="*/ 1747809 w 3913238"/>
              <a:gd name="connsiteY12" fmla="*/ 4210446 h 6058070"/>
              <a:gd name="connsiteX13" fmla="*/ 1720383 w 3913238"/>
              <a:gd name="connsiteY13" fmla="*/ 4179265 h 6058070"/>
              <a:gd name="connsiteX14" fmla="*/ 1682180 w 3913238"/>
              <a:gd name="connsiteY14" fmla="*/ 4037288 h 6058070"/>
              <a:gd name="connsiteX15" fmla="*/ 1674644 w 3913238"/>
              <a:gd name="connsiteY15" fmla="*/ 3984035 h 6058070"/>
              <a:gd name="connsiteX16" fmla="*/ 1632935 w 3913238"/>
              <a:gd name="connsiteY16" fmla="*/ 3895573 h 6058070"/>
              <a:gd name="connsiteX17" fmla="*/ 1610591 w 3913238"/>
              <a:gd name="connsiteY17" fmla="*/ 3868071 h 6058070"/>
              <a:gd name="connsiteX18" fmla="*/ 1588685 w 3913238"/>
              <a:gd name="connsiteY18" fmla="*/ 3782324 h 6058070"/>
              <a:gd name="connsiteX19" fmla="*/ 1553023 w 3913238"/>
              <a:gd name="connsiteY19" fmla="*/ 3650244 h 6058070"/>
              <a:gd name="connsiteX20" fmla="*/ 1361477 w 3913238"/>
              <a:gd name="connsiteY20" fmla="*/ 3429527 h 6058070"/>
              <a:gd name="connsiteX21" fmla="*/ 1165902 w 3913238"/>
              <a:gd name="connsiteY21" fmla="*/ 3131734 h 6058070"/>
              <a:gd name="connsiteX22" fmla="*/ 935627 w 3913238"/>
              <a:gd name="connsiteY22" fmla="*/ 2843838 h 6058070"/>
              <a:gd name="connsiteX23" fmla="*/ 787368 w 3913238"/>
              <a:gd name="connsiteY23" fmla="*/ 2582393 h 6058070"/>
              <a:gd name="connsiteX24" fmla="*/ 768003 w 3913238"/>
              <a:gd name="connsiteY24" fmla="*/ 2260777 h 6058070"/>
              <a:gd name="connsiteX25" fmla="*/ 765112 w 3913238"/>
              <a:gd name="connsiteY25" fmla="*/ 2180898 h 6058070"/>
              <a:gd name="connsiteX26" fmla="*/ 721300 w 3913238"/>
              <a:gd name="connsiteY26" fmla="*/ 1725450 h 6058070"/>
              <a:gd name="connsiteX27" fmla="*/ 647258 w 3913238"/>
              <a:gd name="connsiteY27" fmla="*/ 1609573 h 6058070"/>
              <a:gd name="connsiteX28" fmla="*/ 598627 w 3913238"/>
              <a:gd name="connsiteY28" fmla="*/ 1549839 h 6058070"/>
              <a:gd name="connsiteX29" fmla="*/ 550259 w 3913238"/>
              <a:gd name="connsiteY29" fmla="*/ 1443247 h 6058070"/>
              <a:gd name="connsiteX30" fmla="*/ 485593 w 3913238"/>
              <a:gd name="connsiteY30" fmla="*/ 1309240 h 6058070"/>
              <a:gd name="connsiteX31" fmla="*/ 334530 w 3913238"/>
              <a:gd name="connsiteY31" fmla="*/ 986397 h 6058070"/>
              <a:gd name="connsiteX32" fmla="*/ 325067 w 3913238"/>
              <a:gd name="connsiteY32" fmla="*/ 890490 h 6058070"/>
              <a:gd name="connsiteX33" fmla="*/ 315428 w 3913238"/>
              <a:gd name="connsiteY33" fmla="*/ 756834 h 6058070"/>
              <a:gd name="connsiteX34" fmla="*/ 242876 w 3913238"/>
              <a:gd name="connsiteY34" fmla="*/ 627206 h 6058070"/>
              <a:gd name="connsiteX35" fmla="*/ 184256 w 3913238"/>
              <a:gd name="connsiteY35" fmla="*/ 541634 h 6058070"/>
              <a:gd name="connsiteX36" fmla="*/ 144825 w 3913238"/>
              <a:gd name="connsiteY36" fmla="*/ 396329 h 6058070"/>
              <a:gd name="connsiteX37" fmla="*/ 126424 w 3913238"/>
              <a:gd name="connsiteY37" fmla="*/ 313998 h 6058070"/>
              <a:gd name="connsiteX38" fmla="*/ 59743 w 3913238"/>
              <a:gd name="connsiteY38" fmla="*/ 208106 h 6058070"/>
              <a:gd name="connsiteX39" fmla="*/ 28286 w 3913238"/>
              <a:gd name="connsiteY39" fmla="*/ 173072 h 6058070"/>
              <a:gd name="connsiteX40" fmla="*/ 2434 w 3913238"/>
              <a:gd name="connsiteY40" fmla="*/ 51874 h 6058070"/>
              <a:gd name="connsiteX41" fmla="*/ 0 w 3913238"/>
              <a:gd name="connsiteY41" fmla="*/ 1 h 6058070"/>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44825 w 3924778"/>
              <a:gd name="connsiteY36" fmla="*/ 396329 h 6019364"/>
              <a:gd name="connsiteX37" fmla="*/ 126424 w 3924778"/>
              <a:gd name="connsiteY37" fmla="*/ 313998 h 6019364"/>
              <a:gd name="connsiteX38" fmla="*/ 59743 w 3924778"/>
              <a:gd name="connsiteY38" fmla="*/ 208106 h 6019364"/>
              <a:gd name="connsiteX39" fmla="*/ 28286 w 3924778"/>
              <a:gd name="connsiteY39" fmla="*/ 173072 h 6019364"/>
              <a:gd name="connsiteX40" fmla="*/ 2434 w 3924778"/>
              <a:gd name="connsiteY40" fmla="*/ 51874 h 6019364"/>
              <a:gd name="connsiteX41" fmla="*/ 0 w 3924778"/>
              <a:gd name="connsiteY41"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126424 w 3924778"/>
              <a:gd name="connsiteY36" fmla="*/ 313998 h 6019364"/>
              <a:gd name="connsiteX37" fmla="*/ 59743 w 3924778"/>
              <a:gd name="connsiteY37" fmla="*/ 208106 h 6019364"/>
              <a:gd name="connsiteX38" fmla="*/ 28286 w 3924778"/>
              <a:gd name="connsiteY38" fmla="*/ 173072 h 6019364"/>
              <a:gd name="connsiteX39" fmla="*/ 2434 w 3924778"/>
              <a:gd name="connsiteY39" fmla="*/ 51874 h 6019364"/>
              <a:gd name="connsiteX40" fmla="*/ 0 w 3924778"/>
              <a:gd name="connsiteY40"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59743 w 3924778"/>
              <a:gd name="connsiteY36" fmla="*/ 208106 h 6019364"/>
              <a:gd name="connsiteX37" fmla="*/ 28286 w 3924778"/>
              <a:gd name="connsiteY37" fmla="*/ 173072 h 6019364"/>
              <a:gd name="connsiteX38" fmla="*/ 2434 w 3924778"/>
              <a:gd name="connsiteY38" fmla="*/ 51874 h 6019364"/>
              <a:gd name="connsiteX39" fmla="*/ 0 w 3924778"/>
              <a:gd name="connsiteY39" fmla="*/ 1 h 6019364"/>
              <a:gd name="connsiteX0" fmla="*/ 0 w 3924778"/>
              <a:gd name="connsiteY0" fmla="*/ 1 h 6019364"/>
              <a:gd name="connsiteX1" fmla="*/ 3913236 w 3924778"/>
              <a:gd name="connsiteY1" fmla="*/ 0 h 6019364"/>
              <a:gd name="connsiteX2" fmla="*/ 3924778 w 3924778"/>
              <a:gd name="connsiteY2" fmla="*/ 5990607 h 6019364"/>
              <a:gd name="connsiteX3" fmla="*/ 974094 w 3924778"/>
              <a:gd name="connsiteY3" fmla="*/ 6019364 h 6019364"/>
              <a:gd name="connsiteX4" fmla="*/ 1155036 w 3924778"/>
              <a:gd name="connsiteY4" fmla="*/ 5001787 h 6019364"/>
              <a:gd name="connsiteX5" fmla="*/ 1391620 w 3924778"/>
              <a:gd name="connsiteY5" fmla="*/ 4591445 h 6019364"/>
              <a:gd name="connsiteX6" fmla="*/ 1543209 w 3924778"/>
              <a:gd name="connsiteY6" fmla="*/ 4637341 h 6019364"/>
              <a:gd name="connsiteX7" fmla="*/ 1624961 w 3924778"/>
              <a:gd name="connsiteY7" fmla="*/ 4682798 h 6019364"/>
              <a:gd name="connsiteX8" fmla="*/ 1679025 w 3924778"/>
              <a:gd name="connsiteY8" fmla="*/ 4664668 h 6019364"/>
              <a:gd name="connsiteX9" fmla="*/ 1759113 w 3924778"/>
              <a:gd name="connsiteY9" fmla="*/ 4510253 h 6019364"/>
              <a:gd name="connsiteX10" fmla="*/ 1775148 w 3924778"/>
              <a:gd name="connsiteY10" fmla="*/ 4433265 h 6019364"/>
              <a:gd name="connsiteX11" fmla="*/ 1794688 w 3924778"/>
              <a:gd name="connsiteY11" fmla="*/ 4301886 h 6019364"/>
              <a:gd name="connsiteX12" fmla="*/ 1747809 w 3924778"/>
              <a:gd name="connsiteY12" fmla="*/ 4210446 h 6019364"/>
              <a:gd name="connsiteX13" fmla="*/ 1720383 w 3924778"/>
              <a:gd name="connsiteY13" fmla="*/ 4179265 h 6019364"/>
              <a:gd name="connsiteX14" fmla="*/ 1682180 w 3924778"/>
              <a:gd name="connsiteY14" fmla="*/ 4037288 h 6019364"/>
              <a:gd name="connsiteX15" fmla="*/ 1674644 w 3924778"/>
              <a:gd name="connsiteY15" fmla="*/ 3984035 h 6019364"/>
              <a:gd name="connsiteX16" fmla="*/ 1632935 w 3924778"/>
              <a:gd name="connsiteY16" fmla="*/ 3895573 h 6019364"/>
              <a:gd name="connsiteX17" fmla="*/ 1610591 w 3924778"/>
              <a:gd name="connsiteY17" fmla="*/ 3868071 h 6019364"/>
              <a:gd name="connsiteX18" fmla="*/ 1588685 w 3924778"/>
              <a:gd name="connsiteY18" fmla="*/ 3782324 h 6019364"/>
              <a:gd name="connsiteX19" fmla="*/ 1553023 w 3924778"/>
              <a:gd name="connsiteY19" fmla="*/ 3650244 h 6019364"/>
              <a:gd name="connsiteX20" fmla="*/ 1361477 w 3924778"/>
              <a:gd name="connsiteY20" fmla="*/ 3429527 h 6019364"/>
              <a:gd name="connsiteX21" fmla="*/ 1165902 w 3924778"/>
              <a:gd name="connsiteY21" fmla="*/ 3131734 h 6019364"/>
              <a:gd name="connsiteX22" fmla="*/ 935627 w 3924778"/>
              <a:gd name="connsiteY22" fmla="*/ 2843838 h 6019364"/>
              <a:gd name="connsiteX23" fmla="*/ 787368 w 3924778"/>
              <a:gd name="connsiteY23" fmla="*/ 2582393 h 6019364"/>
              <a:gd name="connsiteX24" fmla="*/ 768003 w 3924778"/>
              <a:gd name="connsiteY24" fmla="*/ 2260777 h 6019364"/>
              <a:gd name="connsiteX25" fmla="*/ 765112 w 3924778"/>
              <a:gd name="connsiteY25" fmla="*/ 2180898 h 6019364"/>
              <a:gd name="connsiteX26" fmla="*/ 721300 w 3924778"/>
              <a:gd name="connsiteY26" fmla="*/ 1725450 h 6019364"/>
              <a:gd name="connsiteX27" fmla="*/ 647258 w 3924778"/>
              <a:gd name="connsiteY27" fmla="*/ 1609573 h 6019364"/>
              <a:gd name="connsiteX28" fmla="*/ 598627 w 3924778"/>
              <a:gd name="connsiteY28" fmla="*/ 1549839 h 6019364"/>
              <a:gd name="connsiteX29" fmla="*/ 550259 w 3924778"/>
              <a:gd name="connsiteY29" fmla="*/ 1443247 h 6019364"/>
              <a:gd name="connsiteX30" fmla="*/ 485593 w 3924778"/>
              <a:gd name="connsiteY30" fmla="*/ 1309240 h 6019364"/>
              <a:gd name="connsiteX31" fmla="*/ 334530 w 3924778"/>
              <a:gd name="connsiteY31" fmla="*/ 986397 h 6019364"/>
              <a:gd name="connsiteX32" fmla="*/ 325067 w 3924778"/>
              <a:gd name="connsiteY32" fmla="*/ 890490 h 6019364"/>
              <a:gd name="connsiteX33" fmla="*/ 315428 w 3924778"/>
              <a:gd name="connsiteY33" fmla="*/ 756834 h 6019364"/>
              <a:gd name="connsiteX34" fmla="*/ 242876 w 3924778"/>
              <a:gd name="connsiteY34" fmla="*/ 627206 h 6019364"/>
              <a:gd name="connsiteX35" fmla="*/ 184256 w 3924778"/>
              <a:gd name="connsiteY35" fmla="*/ 541634 h 6019364"/>
              <a:gd name="connsiteX36" fmla="*/ 28286 w 3924778"/>
              <a:gd name="connsiteY36" fmla="*/ 173072 h 6019364"/>
              <a:gd name="connsiteX37" fmla="*/ 2434 w 3924778"/>
              <a:gd name="connsiteY37" fmla="*/ 51874 h 6019364"/>
              <a:gd name="connsiteX38" fmla="*/ 0 w 3924778"/>
              <a:gd name="connsiteY38" fmla="*/ 1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38" fmla="*/ 76749 w 3924778"/>
              <a:gd name="connsiteY38" fmla="*/ 213550 h 6019364"/>
              <a:gd name="connsiteX0" fmla="*/ 28286 w 3924778"/>
              <a:gd name="connsiteY0" fmla="*/ 173072 h 6019364"/>
              <a:gd name="connsiteX1" fmla="*/ 2434 w 3924778"/>
              <a:gd name="connsiteY1" fmla="*/ 51874 h 6019364"/>
              <a:gd name="connsiteX2" fmla="*/ 0 w 3924778"/>
              <a:gd name="connsiteY2" fmla="*/ 1 h 6019364"/>
              <a:gd name="connsiteX3" fmla="*/ 3913236 w 3924778"/>
              <a:gd name="connsiteY3" fmla="*/ 0 h 6019364"/>
              <a:gd name="connsiteX4" fmla="*/ 3924778 w 3924778"/>
              <a:gd name="connsiteY4" fmla="*/ 5990607 h 6019364"/>
              <a:gd name="connsiteX5" fmla="*/ 974094 w 3924778"/>
              <a:gd name="connsiteY5" fmla="*/ 6019364 h 6019364"/>
              <a:gd name="connsiteX6" fmla="*/ 1155036 w 3924778"/>
              <a:gd name="connsiteY6" fmla="*/ 5001787 h 6019364"/>
              <a:gd name="connsiteX7" fmla="*/ 1391620 w 3924778"/>
              <a:gd name="connsiteY7" fmla="*/ 4591445 h 6019364"/>
              <a:gd name="connsiteX8" fmla="*/ 1543209 w 3924778"/>
              <a:gd name="connsiteY8" fmla="*/ 4637341 h 6019364"/>
              <a:gd name="connsiteX9" fmla="*/ 1624961 w 3924778"/>
              <a:gd name="connsiteY9" fmla="*/ 4682798 h 6019364"/>
              <a:gd name="connsiteX10" fmla="*/ 1679025 w 3924778"/>
              <a:gd name="connsiteY10" fmla="*/ 4664668 h 6019364"/>
              <a:gd name="connsiteX11" fmla="*/ 1759113 w 3924778"/>
              <a:gd name="connsiteY11" fmla="*/ 4510253 h 6019364"/>
              <a:gd name="connsiteX12" fmla="*/ 1775148 w 3924778"/>
              <a:gd name="connsiteY12" fmla="*/ 4433265 h 6019364"/>
              <a:gd name="connsiteX13" fmla="*/ 1794688 w 3924778"/>
              <a:gd name="connsiteY13" fmla="*/ 4301886 h 6019364"/>
              <a:gd name="connsiteX14" fmla="*/ 1747809 w 3924778"/>
              <a:gd name="connsiteY14" fmla="*/ 4210446 h 6019364"/>
              <a:gd name="connsiteX15" fmla="*/ 1720383 w 3924778"/>
              <a:gd name="connsiteY15" fmla="*/ 4179265 h 6019364"/>
              <a:gd name="connsiteX16" fmla="*/ 1682180 w 3924778"/>
              <a:gd name="connsiteY16" fmla="*/ 4037288 h 6019364"/>
              <a:gd name="connsiteX17" fmla="*/ 1674644 w 3924778"/>
              <a:gd name="connsiteY17" fmla="*/ 3984035 h 6019364"/>
              <a:gd name="connsiteX18" fmla="*/ 1632935 w 3924778"/>
              <a:gd name="connsiteY18" fmla="*/ 3895573 h 6019364"/>
              <a:gd name="connsiteX19" fmla="*/ 1610591 w 3924778"/>
              <a:gd name="connsiteY19" fmla="*/ 3868071 h 6019364"/>
              <a:gd name="connsiteX20" fmla="*/ 1588685 w 3924778"/>
              <a:gd name="connsiteY20" fmla="*/ 3782324 h 6019364"/>
              <a:gd name="connsiteX21" fmla="*/ 1553023 w 3924778"/>
              <a:gd name="connsiteY21" fmla="*/ 3650244 h 6019364"/>
              <a:gd name="connsiteX22" fmla="*/ 1361477 w 3924778"/>
              <a:gd name="connsiteY22" fmla="*/ 3429527 h 6019364"/>
              <a:gd name="connsiteX23" fmla="*/ 1165902 w 3924778"/>
              <a:gd name="connsiteY23" fmla="*/ 3131734 h 6019364"/>
              <a:gd name="connsiteX24" fmla="*/ 935627 w 3924778"/>
              <a:gd name="connsiteY24" fmla="*/ 2843838 h 6019364"/>
              <a:gd name="connsiteX25" fmla="*/ 787368 w 3924778"/>
              <a:gd name="connsiteY25" fmla="*/ 2582393 h 6019364"/>
              <a:gd name="connsiteX26" fmla="*/ 768003 w 3924778"/>
              <a:gd name="connsiteY26" fmla="*/ 2260777 h 6019364"/>
              <a:gd name="connsiteX27" fmla="*/ 765112 w 3924778"/>
              <a:gd name="connsiteY27" fmla="*/ 2180898 h 6019364"/>
              <a:gd name="connsiteX28" fmla="*/ 721300 w 3924778"/>
              <a:gd name="connsiteY28" fmla="*/ 1725450 h 6019364"/>
              <a:gd name="connsiteX29" fmla="*/ 647258 w 3924778"/>
              <a:gd name="connsiteY29" fmla="*/ 1609573 h 6019364"/>
              <a:gd name="connsiteX30" fmla="*/ 598627 w 3924778"/>
              <a:gd name="connsiteY30" fmla="*/ 1549839 h 6019364"/>
              <a:gd name="connsiteX31" fmla="*/ 550259 w 3924778"/>
              <a:gd name="connsiteY31" fmla="*/ 1443247 h 6019364"/>
              <a:gd name="connsiteX32" fmla="*/ 485593 w 3924778"/>
              <a:gd name="connsiteY32" fmla="*/ 1309240 h 6019364"/>
              <a:gd name="connsiteX33" fmla="*/ 334530 w 3924778"/>
              <a:gd name="connsiteY33" fmla="*/ 986397 h 6019364"/>
              <a:gd name="connsiteX34" fmla="*/ 325067 w 3924778"/>
              <a:gd name="connsiteY34" fmla="*/ 890490 h 6019364"/>
              <a:gd name="connsiteX35" fmla="*/ 315428 w 3924778"/>
              <a:gd name="connsiteY35" fmla="*/ 756834 h 6019364"/>
              <a:gd name="connsiteX36" fmla="*/ 242876 w 3924778"/>
              <a:gd name="connsiteY36" fmla="*/ 627206 h 6019364"/>
              <a:gd name="connsiteX37" fmla="*/ 184256 w 3924778"/>
              <a:gd name="connsiteY37"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2434 w 3924778"/>
              <a:gd name="connsiteY0" fmla="*/ 5187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37" fmla="*/ 2434 w 3924778"/>
              <a:gd name="connsiteY37" fmla="*/ 51874 h 6019364"/>
              <a:gd name="connsiteX0" fmla="*/ 184256 w 3924778"/>
              <a:gd name="connsiteY0" fmla="*/ 541634 h 6019364"/>
              <a:gd name="connsiteX1" fmla="*/ 0 w 3924778"/>
              <a:gd name="connsiteY1" fmla="*/ 1 h 6019364"/>
              <a:gd name="connsiteX2" fmla="*/ 3913236 w 3924778"/>
              <a:gd name="connsiteY2" fmla="*/ 0 h 6019364"/>
              <a:gd name="connsiteX3" fmla="*/ 3924778 w 3924778"/>
              <a:gd name="connsiteY3" fmla="*/ 5990607 h 6019364"/>
              <a:gd name="connsiteX4" fmla="*/ 974094 w 3924778"/>
              <a:gd name="connsiteY4" fmla="*/ 6019364 h 6019364"/>
              <a:gd name="connsiteX5" fmla="*/ 1155036 w 3924778"/>
              <a:gd name="connsiteY5" fmla="*/ 5001787 h 6019364"/>
              <a:gd name="connsiteX6" fmla="*/ 1391620 w 3924778"/>
              <a:gd name="connsiteY6" fmla="*/ 4591445 h 6019364"/>
              <a:gd name="connsiteX7" fmla="*/ 1543209 w 3924778"/>
              <a:gd name="connsiteY7" fmla="*/ 4637341 h 6019364"/>
              <a:gd name="connsiteX8" fmla="*/ 1624961 w 3924778"/>
              <a:gd name="connsiteY8" fmla="*/ 4682798 h 6019364"/>
              <a:gd name="connsiteX9" fmla="*/ 1679025 w 3924778"/>
              <a:gd name="connsiteY9" fmla="*/ 4664668 h 6019364"/>
              <a:gd name="connsiteX10" fmla="*/ 1759113 w 3924778"/>
              <a:gd name="connsiteY10" fmla="*/ 4510253 h 6019364"/>
              <a:gd name="connsiteX11" fmla="*/ 1775148 w 3924778"/>
              <a:gd name="connsiteY11" fmla="*/ 4433265 h 6019364"/>
              <a:gd name="connsiteX12" fmla="*/ 1794688 w 3924778"/>
              <a:gd name="connsiteY12" fmla="*/ 4301886 h 6019364"/>
              <a:gd name="connsiteX13" fmla="*/ 1747809 w 3924778"/>
              <a:gd name="connsiteY13" fmla="*/ 4210446 h 6019364"/>
              <a:gd name="connsiteX14" fmla="*/ 1720383 w 3924778"/>
              <a:gd name="connsiteY14" fmla="*/ 4179265 h 6019364"/>
              <a:gd name="connsiteX15" fmla="*/ 1682180 w 3924778"/>
              <a:gd name="connsiteY15" fmla="*/ 4037288 h 6019364"/>
              <a:gd name="connsiteX16" fmla="*/ 1674644 w 3924778"/>
              <a:gd name="connsiteY16" fmla="*/ 3984035 h 6019364"/>
              <a:gd name="connsiteX17" fmla="*/ 1632935 w 3924778"/>
              <a:gd name="connsiteY17" fmla="*/ 3895573 h 6019364"/>
              <a:gd name="connsiteX18" fmla="*/ 1610591 w 3924778"/>
              <a:gd name="connsiteY18" fmla="*/ 3868071 h 6019364"/>
              <a:gd name="connsiteX19" fmla="*/ 1588685 w 3924778"/>
              <a:gd name="connsiteY19" fmla="*/ 3782324 h 6019364"/>
              <a:gd name="connsiteX20" fmla="*/ 1553023 w 3924778"/>
              <a:gd name="connsiteY20" fmla="*/ 3650244 h 6019364"/>
              <a:gd name="connsiteX21" fmla="*/ 1361477 w 3924778"/>
              <a:gd name="connsiteY21" fmla="*/ 3429527 h 6019364"/>
              <a:gd name="connsiteX22" fmla="*/ 1165902 w 3924778"/>
              <a:gd name="connsiteY22" fmla="*/ 3131734 h 6019364"/>
              <a:gd name="connsiteX23" fmla="*/ 935627 w 3924778"/>
              <a:gd name="connsiteY23" fmla="*/ 2843838 h 6019364"/>
              <a:gd name="connsiteX24" fmla="*/ 787368 w 3924778"/>
              <a:gd name="connsiteY24" fmla="*/ 2582393 h 6019364"/>
              <a:gd name="connsiteX25" fmla="*/ 768003 w 3924778"/>
              <a:gd name="connsiteY25" fmla="*/ 2260777 h 6019364"/>
              <a:gd name="connsiteX26" fmla="*/ 765112 w 3924778"/>
              <a:gd name="connsiteY26" fmla="*/ 2180898 h 6019364"/>
              <a:gd name="connsiteX27" fmla="*/ 721300 w 3924778"/>
              <a:gd name="connsiteY27" fmla="*/ 1725450 h 6019364"/>
              <a:gd name="connsiteX28" fmla="*/ 647258 w 3924778"/>
              <a:gd name="connsiteY28" fmla="*/ 1609573 h 6019364"/>
              <a:gd name="connsiteX29" fmla="*/ 598627 w 3924778"/>
              <a:gd name="connsiteY29" fmla="*/ 1549839 h 6019364"/>
              <a:gd name="connsiteX30" fmla="*/ 550259 w 3924778"/>
              <a:gd name="connsiteY30" fmla="*/ 1443247 h 6019364"/>
              <a:gd name="connsiteX31" fmla="*/ 485593 w 3924778"/>
              <a:gd name="connsiteY31" fmla="*/ 1309240 h 6019364"/>
              <a:gd name="connsiteX32" fmla="*/ 334530 w 3924778"/>
              <a:gd name="connsiteY32" fmla="*/ 986397 h 6019364"/>
              <a:gd name="connsiteX33" fmla="*/ 325067 w 3924778"/>
              <a:gd name="connsiteY33" fmla="*/ 890490 h 6019364"/>
              <a:gd name="connsiteX34" fmla="*/ 315428 w 3924778"/>
              <a:gd name="connsiteY34" fmla="*/ 756834 h 6019364"/>
              <a:gd name="connsiteX35" fmla="*/ 242876 w 3924778"/>
              <a:gd name="connsiteY35" fmla="*/ 627206 h 6019364"/>
              <a:gd name="connsiteX36" fmla="*/ 184256 w 3924778"/>
              <a:gd name="connsiteY36" fmla="*/ 541634 h 6019364"/>
              <a:gd name="connsiteX0" fmla="*/ 0 w 3740522"/>
              <a:gd name="connsiteY0" fmla="*/ 541634 h 6019364"/>
              <a:gd name="connsiteX1" fmla="*/ 3728980 w 3740522"/>
              <a:gd name="connsiteY1" fmla="*/ 0 h 6019364"/>
              <a:gd name="connsiteX2" fmla="*/ 3740522 w 3740522"/>
              <a:gd name="connsiteY2" fmla="*/ 5990607 h 6019364"/>
              <a:gd name="connsiteX3" fmla="*/ 789838 w 3740522"/>
              <a:gd name="connsiteY3" fmla="*/ 6019364 h 6019364"/>
              <a:gd name="connsiteX4" fmla="*/ 970780 w 3740522"/>
              <a:gd name="connsiteY4" fmla="*/ 5001787 h 6019364"/>
              <a:gd name="connsiteX5" fmla="*/ 1207364 w 3740522"/>
              <a:gd name="connsiteY5" fmla="*/ 4591445 h 6019364"/>
              <a:gd name="connsiteX6" fmla="*/ 1358953 w 3740522"/>
              <a:gd name="connsiteY6" fmla="*/ 4637341 h 6019364"/>
              <a:gd name="connsiteX7" fmla="*/ 1440705 w 3740522"/>
              <a:gd name="connsiteY7" fmla="*/ 4682798 h 6019364"/>
              <a:gd name="connsiteX8" fmla="*/ 1494769 w 3740522"/>
              <a:gd name="connsiteY8" fmla="*/ 4664668 h 6019364"/>
              <a:gd name="connsiteX9" fmla="*/ 1574857 w 3740522"/>
              <a:gd name="connsiteY9" fmla="*/ 4510253 h 6019364"/>
              <a:gd name="connsiteX10" fmla="*/ 1590892 w 3740522"/>
              <a:gd name="connsiteY10" fmla="*/ 4433265 h 6019364"/>
              <a:gd name="connsiteX11" fmla="*/ 1610432 w 3740522"/>
              <a:gd name="connsiteY11" fmla="*/ 4301886 h 6019364"/>
              <a:gd name="connsiteX12" fmla="*/ 1563553 w 3740522"/>
              <a:gd name="connsiteY12" fmla="*/ 4210446 h 6019364"/>
              <a:gd name="connsiteX13" fmla="*/ 1536127 w 3740522"/>
              <a:gd name="connsiteY13" fmla="*/ 4179265 h 6019364"/>
              <a:gd name="connsiteX14" fmla="*/ 1497924 w 3740522"/>
              <a:gd name="connsiteY14" fmla="*/ 4037288 h 6019364"/>
              <a:gd name="connsiteX15" fmla="*/ 1490388 w 3740522"/>
              <a:gd name="connsiteY15" fmla="*/ 3984035 h 6019364"/>
              <a:gd name="connsiteX16" fmla="*/ 1448679 w 3740522"/>
              <a:gd name="connsiteY16" fmla="*/ 3895573 h 6019364"/>
              <a:gd name="connsiteX17" fmla="*/ 1426335 w 3740522"/>
              <a:gd name="connsiteY17" fmla="*/ 3868071 h 6019364"/>
              <a:gd name="connsiteX18" fmla="*/ 1404429 w 3740522"/>
              <a:gd name="connsiteY18" fmla="*/ 3782324 h 6019364"/>
              <a:gd name="connsiteX19" fmla="*/ 1368767 w 3740522"/>
              <a:gd name="connsiteY19" fmla="*/ 3650244 h 6019364"/>
              <a:gd name="connsiteX20" fmla="*/ 1177221 w 3740522"/>
              <a:gd name="connsiteY20" fmla="*/ 3429527 h 6019364"/>
              <a:gd name="connsiteX21" fmla="*/ 981646 w 3740522"/>
              <a:gd name="connsiteY21" fmla="*/ 3131734 h 6019364"/>
              <a:gd name="connsiteX22" fmla="*/ 751371 w 3740522"/>
              <a:gd name="connsiteY22" fmla="*/ 2843838 h 6019364"/>
              <a:gd name="connsiteX23" fmla="*/ 603112 w 3740522"/>
              <a:gd name="connsiteY23" fmla="*/ 2582393 h 6019364"/>
              <a:gd name="connsiteX24" fmla="*/ 583747 w 3740522"/>
              <a:gd name="connsiteY24" fmla="*/ 2260777 h 6019364"/>
              <a:gd name="connsiteX25" fmla="*/ 580856 w 3740522"/>
              <a:gd name="connsiteY25" fmla="*/ 2180898 h 6019364"/>
              <a:gd name="connsiteX26" fmla="*/ 537044 w 3740522"/>
              <a:gd name="connsiteY26" fmla="*/ 1725450 h 6019364"/>
              <a:gd name="connsiteX27" fmla="*/ 463002 w 3740522"/>
              <a:gd name="connsiteY27" fmla="*/ 1609573 h 6019364"/>
              <a:gd name="connsiteX28" fmla="*/ 414371 w 3740522"/>
              <a:gd name="connsiteY28" fmla="*/ 1549839 h 6019364"/>
              <a:gd name="connsiteX29" fmla="*/ 366003 w 3740522"/>
              <a:gd name="connsiteY29" fmla="*/ 1443247 h 6019364"/>
              <a:gd name="connsiteX30" fmla="*/ 301337 w 3740522"/>
              <a:gd name="connsiteY30" fmla="*/ 1309240 h 6019364"/>
              <a:gd name="connsiteX31" fmla="*/ 150274 w 3740522"/>
              <a:gd name="connsiteY31" fmla="*/ 986397 h 6019364"/>
              <a:gd name="connsiteX32" fmla="*/ 140811 w 3740522"/>
              <a:gd name="connsiteY32" fmla="*/ 890490 h 6019364"/>
              <a:gd name="connsiteX33" fmla="*/ 131172 w 3740522"/>
              <a:gd name="connsiteY33" fmla="*/ 756834 h 6019364"/>
              <a:gd name="connsiteX34" fmla="*/ 58620 w 3740522"/>
              <a:gd name="connsiteY34" fmla="*/ 627206 h 6019364"/>
              <a:gd name="connsiteX35" fmla="*/ 0 w 3740522"/>
              <a:gd name="connsiteY35" fmla="*/ 541634 h 6019364"/>
              <a:gd name="connsiteX0" fmla="*/ 0 w 3740522"/>
              <a:gd name="connsiteY0" fmla="*/ 21197 h 5498927"/>
              <a:gd name="connsiteX1" fmla="*/ 2125089 w 3740522"/>
              <a:gd name="connsiteY1" fmla="*/ 0 h 5498927"/>
              <a:gd name="connsiteX2" fmla="*/ 3740522 w 3740522"/>
              <a:gd name="connsiteY2" fmla="*/ 5470170 h 5498927"/>
              <a:gd name="connsiteX3" fmla="*/ 789838 w 3740522"/>
              <a:gd name="connsiteY3" fmla="*/ 5498927 h 5498927"/>
              <a:gd name="connsiteX4" fmla="*/ 970780 w 3740522"/>
              <a:gd name="connsiteY4" fmla="*/ 4481350 h 5498927"/>
              <a:gd name="connsiteX5" fmla="*/ 1207364 w 3740522"/>
              <a:gd name="connsiteY5" fmla="*/ 4071008 h 5498927"/>
              <a:gd name="connsiteX6" fmla="*/ 1358953 w 3740522"/>
              <a:gd name="connsiteY6" fmla="*/ 4116904 h 5498927"/>
              <a:gd name="connsiteX7" fmla="*/ 1440705 w 3740522"/>
              <a:gd name="connsiteY7" fmla="*/ 4162361 h 5498927"/>
              <a:gd name="connsiteX8" fmla="*/ 1494769 w 3740522"/>
              <a:gd name="connsiteY8" fmla="*/ 4144231 h 5498927"/>
              <a:gd name="connsiteX9" fmla="*/ 1574857 w 3740522"/>
              <a:gd name="connsiteY9" fmla="*/ 3989816 h 5498927"/>
              <a:gd name="connsiteX10" fmla="*/ 1590892 w 3740522"/>
              <a:gd name="connsiteY10" fmla="*/ 3912828 h 5498927"/>
              <a:gd name="connsiteX11" fmla="*/ 1610432 w 3740522"/>
              <a:gd name="connsiteY11" fmla="*/ 3781449 h 5498927"/>
              <a:gd name="connsiteX12" fmla="*/ 1563553 w 3740522"/>
              <a:gd name="connsiteY12" fmla="*/ 3690009 h 5498927"/>
              <a:gd name="connsiteX13" fmla="*/ 1536127 w 3740522"/>
              <a:gd name="connsiteY13" fmla="*/ 3658828 h 5498927"/>
              <a:gd name="connsiteX14" fmla="*/ 1497924 w 3740522"/>
              <a:gd name="connsiteY14" fmla="*/ 3516851 h 5498927"/>
              <a:gd name="connsiteX15" fmla="*/ 1490388 w 3740522"/>
              <a:gd name="connsiteY15" fmla="*/ 3463598 h 5498927"/>
              <a:gd name="connsiteX16" fmla="*/ 1448679 w 3740522"/>
              <a:gd name="connsiteY16" fmla="*/ 3375136 h 5498927"/>
              <a:gd name="connsiteX17" fmla="*/ 1426335 w 3740522"/>
              <a:gd name="connsiteY17" fmla="*/ 3347634 h 5498927"/>
              <a:gd name="connsiteX18" fmla="*/ 1404429 w 3740522"/>
              <a:gd name="connsiteY18" fmla="*/ 3261887 h 5498927"/>
              <a:gd name="connsiteX19" fmla="*/ 1368767 w 3740522"/>
              <a:gd name="connsiteY19" fmla="*/ 3129807 h 5498927"/>
              <a:gd name="connsiteX20" fmla="*/ 1177221 w 3740522"/>
              <a:gd name="connsiteY20" fmla="*/ 2909090 h 5498927"/>
              <a:gd name="connsiteX21" fmla="*/ 981646 w 3740522"/>
              <a:gd name="connsiteY21" fmla="*/ 2611297 h 5498927"/>
              <a:gd name="connsiteX22" fmla="*/ 751371 w 3740522"/>
              <a:gd name="connsiteY22" fmla="*/ 2323401 h 5498927"/>
              <a:gd name="connsiteX23" fmla="*/ 603112 w 3740522"/>
              <a:gd name="connsiteY23" fmla="*/ 2061956 h 5498927"/>
              <a:gd name="connsiteX24" fmla="*/ 583747 w 3740522"/>
              <a:gd name="connsiteY24" fmla="*/ 1740340 h 5498927"/>
              <a:gd name="connsiteX25" fmla="*/ 580856 w 3740522"/>
              <a:gd name="connsiteY25" fmla="*/ 1660461 h 5498927"/>
              <a:gd name="connsiteX26" fmla="*/ 537044 w 3740522"/>
              <a:gd name="connsiteY26" fmla="*/ 1205013 h 5498927"/>
              <a:gd name="connsiteX27" fmla="*/ 463002 w 3740522"/>
              <a:gd name="connsiteY27" fmla="*/ 1089136 h 5498927"/>
              <a:gd name="connsiteX28" fmla="*/ 414371 w 3740522"/>
              <a:gd name="connsiteY28" fmla="*/ 1029402 h 5498927"/>
              <a:gd name="connsiteX29" fmla="*/ 366003 w 3740522"/>
              <a:gd name="connsiteY29" fmla="*/ 922810 h 5498927"/>
              <a:gd name="connsiteX30" fmla="*/ 301337 w 3740522"/>
              <a:gd name="connsiteY30" fmla="*/ 788803 h 5498927"/>
              <a:gd name="connsiteX31" fmla="*/ 150274 w 3740522"/>
              <a:gd name="connsiteY31" fmla="*/ 465960 h 5498927"/>
              <a:gd name="connsiteX32" fmla="*/ 140811 w 3740522"/>
              <a:gd name="connsiteY32" fmla="*/ 370053 h 5498927"/>
              <a:gd name="connsiteX33" fmla="*/ 131172 w 3740522"/>
              <a:gd name="connsiteY33" fmla="*/ 236397 h 5498927"/>
              <a:gd name="connsiteX34" fmla="*/ 58620 w 3740522"/>
              <a:gd name="connsiteY34" fmla="*/ 106769 h 5498927"/>
              <a:gd name="connsiteX35" fmla="*/ 0 w 3740522"/>
              <a:gd name="connsiteY35" fmla="*/ 21197 h 5498927"/>
              <a:gd name="connsiteX0" fmla="*/ 0 w 3740522"/>
              <a:gd name="connsiteY0" fmla="*/ 0 h 5477730"/>
              <a:gd name="connsiteX1" fmla="*/ 1848159 w 3740522"/>
              <a:gd name="connsiteY1" fmla="*/ 36629 h 5477730"/>
              <a:gd name="connsiteX2" fmla="*/ 3740522 w 3740522"/>
              <a:gd name="connsiteY2" fmla="*/ 5448973 h 5477730"/>
              <a:gd name="connsiteX3" fmla="*/ 789838 w 3740522"/>
              <a:gd name="connsiteY3" fmla="*/ 5477730 h 5477730"/>
              <a:gd name="connsiteX4" fmla="*/ 970780 w 3740522"/>
              <a:gd name="connsiteY4" fmla="*/ 4460153 h 5477730"/>
              <a:gd name="connsiteX5" fmla="*/ 1207364 w 3740522"/>
              <a:gd name="connsiteY5" fmla="*/ 4049811 h 5477730"/>
              <a:gd name="connsiteX6" fmla="*/ 1358953 w 3740522"/>
              <a:gd name="connsiteY6" fmla="*/ 4095707 h 5477730"/>
              <a:gd name="connsiteX7" fmla="*/ 1440705 w 3740522"/>
              <a:gd name="connsiteY7" fmla="*/ 4141164 h 5477730"/>
              <a:gd name="connsiteX8" fmla="*/ 1494769 w 3740522"/>
              <a:gd name="connsiteY8" fmla="*/ 4123034 h 5477730"/>
              <a:gd name="connsiteX9" fmla="*/ 1574857 w 3740522"/>
              <a:gd name="connsiteY9" fmla="*/ 3968619 h 5477730"/>
              <a:gd name="connsiteX10" fmla="*/ 1590892 w 3740522"/>
              <a:gd name="connsiteY10" fmla="*/ 3891631 h 5477730"/>
              <a:gd name="connsiteX11" fmla="*/ 1610432 w 3740522"/>
              <a:gd name="connsiteY11" fmla="*/ 3760252 h 5477730"/>
              <a:gd name="connsiteX12" fmla="*/ 1563553 w 3740522"/>
              <a:gd name="connsiteY12" fmla="*/ 3668812 h 5477730"/>
              <a:gd name="connsiteX13" fmla="*/ 1536127 w 3740522"/>
              <a:gd name="connsiteY13" fmla="*/ 3637631 h 5477730"/>
              <a:gd name="connsiteX14" fmla="*/ 1497924 w 3740522"/>
              <a:gd name="connsiteY14" fmla="*/ 3495654 h 5477730"/>
              <a:gd name="connsiteX15" fmla="*/ 1490388 w 3740522"/>
              <a:gd name="connsiteY15" fmla="*/ 3442401 h 5477730"/>
              <a:gd name="connsiteX16" fmla="*/ 1448679 w 3740522"/>
              <a:gd name="connsiteY16" fmla="*/ 3353939 h 5477730"/>
              <a:gd name="connsiteX17" fmla="*/ 1426335 w 3740522"/>
              <a:gd name="connsiteY17" fmla="*/ 3326437 h 5477730"/>
              <a:gd name="connsiteX18" fmla="*/ 1404429 w 3740522"/>
              <a:gd name="connsiteY18" fmla="*/ 3240690 h 5477730"/>
              <a:gd name="connsiteX19" fmla="*/ 1368767 w 3740522"/>
              <a:gd name="connsiteY19" fmla="*/ 3108610 h 5477730"/>
              <a:gd name="connsiteX20" fmla="*/ 1177221 w 3740522"/>
              <a:gd name="connsiteY20" fmla="*/ 2887893 h 5477730"/>
              <a:gd name="connsiteX21" fmla="*/ 981646 w 3740522"/>
              <a:gd name="connsiteY21" fmla="*/ 2590100 h 5477730"/>
              <a:gd name="connsiteX22" fmla="*/ 751371 w 3740522"/>
              <a:gd name="connsiteY22" fmla="*/ 2302204 h 5477730"/>
              <a:gd name="connsiteX23" fmla="*/ 603112 w 3740522"/>
              <a:gd name="connsiteY23" fmla="*/ 2040759 h 5477730"/>
              <a:gd name="connsiteX24" fmla="*/ 583747 w 3740522"/>
              <a:gd name="connsiteY24" fmla="*/ 1719143 h 5477730"/>
              <a:gd name="connsiteX25" fmla="*/ 580856 w 3740522"/>
              <a:gd name="connsiteY25" fmla="*/ 1639264 h 5477730"/>
              <a:gd name="connsiteX26" fmla="*/ 537044 w 3740522"/>
              <a:gd name="connsiteY26" fmla="*/ 1183816 h 5477730"/>
              <a:gd name="connsiteX27" fmla="*/ 463002 w 3740522"/>
              <a:gd name="connsiteY27" fmla="*/ 1067939 h 5477730"/>
              <a:gd name="connsiteX28" fmla="*/ 414371 w 3740522"/>
              <a:gd name="connsiteY28" fmla="*/ 1008205 h 5477730"/>
              <a:gd name="connsiteX29" fmla="*/ 366003 w 3740522"/>
              <a:gd name="connsiteY29" fmla="*/ 901613 h 5477730"/>
              <a:gd name="connsiteX30" fmla="*/ 301337 w 3740522"/>
              <a:gd name="connsiteY30" fmla="*/ 767606 h 5477730"/>
              <a:gd name="connsiteX31" fmla="*/ 150274 w 3740522"/>
              <a:gd name="connsiteY31" fmla="*/ 444763 h 5477730"/>
              <a:gd name="connsiteX32" fmla="*/ 140811 w 3740522"/>
              <a:gd name="connsiteY32" fmla="*/ 348856 h 5477730"/>
              <a:gd name="connsiteX33" fmla="*/ 131172 w 3740522"/>
              <a:gd name="connsiteY33" fmla="*/ 215200 h 5477730"/>
              <a:gd name="connsiteX34" fmla="*/ 58620 w 3740522"/>
              <a:gd name="connsiteY34" fmla="*/ 85572 h 5477730"/>
              <a:gd name="connsiteX35" fmla="*/ 0 w 3740522"/>
              <a:gd name="connsiteY35" fmla="*/ 0 h 5477730"/>
              <a:gd name="connsiteX0" fmla="*/ 0 w 1848159"/>
              <a:gd name="connsiteY0" fmla="*/ 0 h 5477730"/>
              <a:gd name="connsiteX1" fmla="*/ 1848159 w 1848159"/>
              <a:gd name="connsiteY1" fmla="*/ 36629 h 5477730"/>
              <a:gd name="connsiteX2" fmla="*/ 1836623 w 1848159"/>
              <a:gd name="connsiteY2" fmla="*/ 5468249 h 5477730"/>
              <a:gd name="connsiteX3" fmla="*/ 789838 w 1848159"/>
              <a:gd name="connsiteY3" fmla="*/ 5477730 h 5477730"/>
              <a:gd name="connsiteX4" fmla="*/ 970780 w 1848159"/>
              <a:gd name="connsiteY4" fmla="*/ 4460153 h 5477730"/>
              <a:gd name="connsiteX5" fmla="*/ 1207364 w 1848159"/>
              <a:gd name="connsiteY5" fmla="*/ 4049811 h 5477730"/>
              <a:gd name="connsiteX6" fmla="*/ 1358953 w 1848159"/>
              <a:gd name="connsiteY6" fmla="*/ 4095707 h 5477730"/>
              <a:gd name="connsiteX7" fmla="*/ 1440705 w 1848159"/>
              <a:gd name="connsiteY7" fmla="*/ 4141164 h 5477730"/>
              <a:gd name="connsiteX8" fmla="*/ 1494769 w 1848159"/>
              <a:gd name="connsiteY8" fmla="*/ 4123034 h 5477730"/>
              <a:gd name="connsiteX9" fmla="*/ 1574857 w 1848159"/>
              <a:gd name="connsiteY9" fmla="*/ 3968619 h 5477730"/>
              <a:gd name="connsiteX10" fmla="*/ 1590892 w 1848159"/>
              <a:gd name="connsiteY10" fmla="*/ 3891631 h 5477730"/>
              <a:gd name="connsiteX11" fmla="*/ 1610432 w 1848159"/>
              <a:gd name="connsiteY11" fmla="*/ 3760252 h 5477730"/>
              <a:gd name="connsiteX12" fmla="*/ 1563553 w 1848159"/>
              <a:gd name="connsiteY12" fmla="*/ 3668812 h 5477730"/>
              <a:gd name="connsiteX13" fmla="*/ 1536127 w 1848159"/>
              <a:gd name="connsiteY13" fmla="*/ 3637631 h 5477730"/>
              <a:gd name="connsiteX14" fmla="*/ 1497924 w 1848159"/>
              <a:gd name="connsiteY14" fmla="*/ 3495654 h 5477730"/>
              <a:gd name="connsiteX15" fmla="*/ 1490388 w 1848159"/>
              <a:gd name="connsiteY15" fmla="*/ 3442401 h 5477730"/>
              <a:gd name="connsiteX16" fmla="*/ 1448679 w 1848159"/>
              <a:gd name="connsiteY16" fmla="*/ 3353939 h 5477730"/>
              <a:gd name="connsiteX17" fmla="*/ 1426335 w 1848159"/>
              <a:gd name="connsiteY17" fmla="*/ 3326437 h 5477730"/>
              <a:gd name="connsiteX18" fmla="*/ 1404429 w 1848159"/>
              <a:gd name="connsiteY18" fmla="*/ 3240690 h 5477730"/>
              <a:gd name="connsiteX19" fmla="*/ 1368767 w 1848159"/>
              <a:gd name="connsiteY19" fmla="*/ 3108610 h 5477730"/>
              <a:gd name="connsiteX20" fmla="*/ 1177221 w 1848159"/>
              <a:gd name="connsiteY20" fmla="*/ 2887893 h 5477730"/>
              <a:gd name="connsiteX21" fmla="*/ 981646 w 1848159"/>
              <a:gd name="connsiteY21" fmla="*/ 2590100 h 5477730"/>
              <a:gd name="connsiteX22" fmla="*/ 751371 w 1848159"/>
              <a:gd name="connsiteY22" fmla="*/ 2302204 h 5477730"/>
              <a:gd name="connsiteX23" fmla="*/ 603112 w 1848159"/>
              <a:gd name="connsiteY23" fmla="*/ 2040759 h 5477730"/>
              <a:gd name="connsiteX24" fmla="*/ 583747 w 1848159"/>
              <a:gd name="connsiteY24" fmla="*/ 1719143 h 5477730"/>
              <a:gd name="connsiteX25" fmla="*/ 580856 w 1848159"/>
              <a:gd name="connsiteY25" fmla="*/ 1639264 h 5477730"/>
              <a:gd name="connsiteX26" fmla="*/ 537044 w 1848159"/>
              <a:gd name="connsiteY26" fmla="*/ 1183816 h 5477730"/>
              <a:gd name="connsiteX27" fmla="*/ 463002 w 1848159"/>
              <a:gd name="connsiteY27" fmla="*/ 1067939 h 5477730"/>
              <a:gd name="connsiteX28" fmla="*/ 414371 w 1848159"/>
              <a:gd name="connsiteY28" fmla="*/ 1008205 h 5477730"/>
              <a:gd name="connsiteX29" fmla="*/ 366003 w 1848159"/>
              <a:gd name="connsiteY29" fmla="*/ 901613 h 5477730"/>
              <a:gd name="connsiteX30" fmla="*/ 301337 w 1848159"/>
              <a:gd name="connsiteY30" fmla="*/ 767606 h 5477730"/>
              <a:gd name="connsiteX31" fmla="*/ 150274 w 1848159"/>
              <a:gd name="connsiteY31" fmla="*/ 444763 h 5477730"/>
              <a:gd name="connsiteX32" fmla="*/ 140811 w 1848159"/>
              <a:gd name="connsiteY32" fmla="*/ 348856 h 5477730"/>
              <a:gd name="connsiteX33" fmla="*/ 131172 w 1848159"/>
              <a:gd name="connsiteY33" fmla="*/ 215200 h 5477730"/>
              <a:gd name="connsiteX34" fmla="*/ 58620 w 1848159"/>
              <a:gd name="connsiteY34" fmla="*/ 85572 h 5477730"/>
              <a:gd name="connsiteX35" fmla="*/ 0 w 1848159"/>
              <a:gd name="connsiteY35" fmla="*/ 0 h 5477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848159" h="5477730">
                <a:moveTo>
                  <a:pt x="0" y="0"/>
                </a:moveTo>
                <a:lnTo>
                  <a:pt x="1848159" y="36629"/>
                </a:lnTo>
                <a:cubicBezTo>
                  <a:pt x="1848160" y="2322630"/>
                  <a:pt x="1836622" y="3182248"/>
                  <a:pt x="1836623" y="5468249"/>
                </a:cubicBezTo>
                <a:lnTo>
                  <a:pt x="789838" y="5477730"/>
                </a:lnTo>
                <a:cubicBezTo>
                  <a:pt x="794569" y="5389443"/>
                  <a:pt x="903748" y="4639880"/>
                  <a:pt x="970780" y="4460153"/>
                </a:cubicBezTo>
                <a:cubicBezTo>
                  <a:pt x="1033694" y="4292251"/>
                  <a:pt x="1138054" y="4091328"/>
                  <a:pt x="1207364" y="4049811"/>
                </a:cubicBezTo>
                <a:cubicBezTo>
                  <a:pt x="1251176" y="4023536"/>
                  <a:pt x="1306116" y="4060147"/>
                  <a:pt x="1358953" y="4095707"/>
                </a:cubicBezTo>
                <a:cubicBezTo>
                  <a:pt x="1388569" y="4115589"/>
                  <a:pt x="1416521" y="4134420"/>
                  <a:pt x="1440705" y="4141164"/>
                </a:cubicBezTo>
                <a:cubicBezTo>
                  <a:pt x="1457529" y="4145894"/>
                  <a:pt x="1475755" y="4139850"/>
                  <a:pt x="1494769" y="4123034"/>
                </a:cubicBezTo>
                <a:cubicBezTo>
                  <a:pt x="1533849" y="4087999"/>
                  <a:pt x="1568373" y="4013901"/>
                  <a:pt x="1574857" y="3968619"/>
                </a:cubicBezTo>
                <a:cubicBezTo>
                  <a:pt x="1578450" y="3943395"/>
                  <a:pt x="1584758" y="3917119"/>
                  <a:pt x="1590892" y="3891631"/>
                </a:cubicBezTo>
                <a:cubicBezTo>
                  <a:pt x="1601407" y="3847838"/>
                  <a:pt x="1612272" y="3802906"/>
                  <a:pt x="1610432" y="3760252"/>
                </a:cubicBezTo>
                <a:cubicBezTo>
                  <a:pt x="1608417" y="3714970"/>
                  <a:pt x="1586598" y="3692548"/>
                  <a:pt x="1563553" y="3668812"/>
                </a:cubicBezTo>
                <a:cubicBezTo>
                  <a:pt x="1553652" y="3659116"/>
                  <a:pt x="1544478" y="3648693"/>
                  <a:pt x="1536127" y="3637631"/>
                </a:cubicBezTo>
                <a:cubicBezTo>
                  <a:pt x="1512381" y="3604698"/>
                  <a:pt x="1505722" y="3554161"/>
                  <a:pt x="1497924" y="3495654"/>
                </a:cubicBezTo>
                <a:cubicBezTo>
                  <a:pt x="1495645" y="3478137"/>
                  <a:pt x="1493279" y="3460619"/>
                  <a:pt x="1490388" y="3442401"/>
                </a:cubicBezTo>
                <a:cubicBezTo>
                  <a:pt x="1482064" y="3389412"/>
                  <a:pt x="1465853" y="3372332"/>
                  <a:pt x="1448679" y="3353939"/>
                </a:cubicBezTo>
                <a:cubicBezTo>
                  <a:pt x="1440346" y="3345522"/>
                  <a:pt x="1432863" y="3336317"/>
                  <a:pt x="1426335" y="3326437"/>
                </a:cubicBezTo>
                <a:cubicBezTo>
                  <a:pt x="1415207" y="3308920"/>
                  <a:pt x="1410212" y="3277214"/>
                  <a:pt x="1404429" y="3240690"/>
                </a:cubicBezTo>
                <a:cubicBezTo>
                  <a:pt x="1397331" y="3196021"/>
                  <a:pt x="1389270" y="3145309"/>
                  <a:pt x="1368767" y="3108610"/>
                </a:cubicBezTo>
                <a:cubicBezTo>
                  <a:pt x="1329511" y="3038541"/>
                  <a:pt x="1223136" y="2927482"/>
                  <a:pt x="1177221" y="2887893"/>
                </a:cubicBezTo>
                <a:cubicBezTo>
                  <a:pt x="1131307" y="2848304"/>
                  <a:pt x="1012402" y="2648695"/>
                  <a:pt x="981646" y="2590100"/>
                </a:cubicBezTo>
                <a:cubicBezTo>
                  <a:pt x="948699" y="2527301"/>
                  <a:pt x="787209" y="2337676"/>
                  <a:pt x="751371" y="2302204"/>
                </a:cubicBezTo>
                <a:cubicBezTo>
                  <a:pt x="715533" y="2266732"/>
                  <a:pt x="618183" y="2124667"/>
                  <a:pt x="603112" y="2040759"/>
                </a:cubicBezTo>
                <a:cubicBezTo>
                  <a:pt x="592159" y="1979449"/>
                  <a:pt x="587077" y="1822932"/>
                  <a:pt x="583747" y="1719143"/>
                </a:cubicBezTo>
                <a:cubicBezTo>
                  <a:pt x="582696" y="1686035"/>
                  <a:pt x="581732" y="1657832"/>
                  <a:pt x="580856" y="1639264"/>
                </a:cubicBezTo>
                <a:cubicBezTo>
                  <a:pt x="577351" y="1565779"/>
                  <a:pt x="550626" y="1255812"/>
                  <a:pt x="537044" y="1183816"/>
                </a:cubicBezTo>
                <a:cubicBezTo>
                  <a:pt x="528720" y="1140636"/>
                  <a:pt x="495335" y="1103674"/>
                  <a:pt x="463002" y="1067939"/>
                </a:cubicBezTo>
                <a:cubicBezTo>
                  <a:pt x="445215" y="1049362"/>
                  <a:pt x="428952" y="1029392"/>
                  <a:pt x="414371" y="1008205"/>
                </a:cubicBezTo>
                <a:cubicBezTo>
                  <a:pt x="397810" y="981929"/>
                  <a:pt x="382388" y="943129"/>
                  <a:pt x="366003" y="901613"/>
                </a:cubicBezTo>
                <a:cubicBezTo>
                  <a:pt x="345850" y="850638"/>
                  <a:pt x="325083" y="797998"/>
                  <a:pt x="301337" y="767606"/>
                </a:cubicBezTo>
                <a:cubicBezTo>
                  <a:pt x="255422" y="708661"/>
                  <a:pt x="169901" y="502395"/>
                  <a:pt x="150274" y="444763"/>
                </a:cubicBezTo>
                <a:cubicBezTo>
                  <a:pt x="139934" y="414896"/>
                  <a:pt x="140372" y="384329"/>
                  <a:pt x="140811" y="348856"/>
                </a:cubicBezTo>
                <a:cubicBezTo>
                  <a:pt x="142598" y="304084"/>
                  <a:pt x="139365" y="259253"/>
                  <a:pt x="131172" y="215200"/>
                </a:cubicBezTo>
                <a:cubicBezTo>
                  <a:pt x="119518" y="154853"/>
                  <a:pt x="88499" y="119643"/>
                  <a:pt x="58620" y="85572"/>
                </a:cubicBezTo>
                <a:cubicBezTo>
                  <a:pt x="36714" y="60610"/>
                  <a:pt x="14019" y="34860"/>
                  <a:pt x="0" y="0"/>
                </a:cubicBezTo>
                <a:close/>
              </a:path>
            </a:pathLst>
          </a:custGeom>
          <a:gradFill flip="none" rotWithShape="1">
            <a:gsLst>
              <a:gs pos="99000">
                <a:schemeClr val="accent5">
                  <a:alpha val="94000"/>
                </a:schemeClr>
              </a:gs>
              <a:gs pos="49000">
                <a:schemeClr val="accent4">
                  <a:alpha val="92000"/>
                </a:schemeClr>
              </a:gs>
              <a:gs pos="7000">
                <a:schemeClr val="accent4">
                  <a:lumMod val="50000"/>
                  <a:alpha val="98000"/>
                </a:schemeClr>
              </a:gs>
            </a:gsLst>
            <a:lin ang="0" scaled="1"/>
            <a:tileRect/>
          </a:gradFill>
          <a:ln w="12700" cap="flat">
            <a:noFill/>
            <a:prstDash val="solid"/>
            <a:miter/>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grpSp>
        <p:nvGrpSpPr>
          <p:cNvPr id="33" name="MAP">
            <a:extLst>
              <a:ext uri="{FF2B5EF4-FFF2-40B4-BE49-F238E27FC236}">
                <a16:creationId xmlns:a16="http://schemas.microsoft.com/office/drawing/2014/main" id="{0E52DA67-F668-894D-B6B8-9B343E3C7256}"/>
              </a:ext>
            </a:extLst>
          </p:cNvPr>
          <p:cNvGrpSpPr/>
          <p:nvPr userDrawn="1"/>
        </p:nvGrpSpPr>
        <p:grpSpPr>
          <a:xfrm>
            <a:off x="-2946940" y="1778553"/>
            <a:ext cx="15365193" cy="10816997"/>
            <a:chOff x="-2946940" y="1778553"/>
            <a:chExt cx="15365193" cy="10816997"/>
          </a:xfrm>
        </p:grpSpPr>
        <p:sp>
          <p:nvSpPr>
            <p:cNvPr id="34" name="Freeform: Shape 109">
              <a:extLst>
                <a:ext uri="{FF2B5EF4-FFF2-40B4-BE49-F238E27FC236}">
                  <a16:creationId xmlns:a16="http://schemas.microsoft.com/office/drawing/2014/main" id="{9673D5DF-073C-E047-A3BB-419A1B9294D7}"/>
                </a:ext>
              </a:extLst>
            </p:cNvPr>
            <p:cNvSpPr/>
            <p:nvPr/>
          </p:nvSpPr>
          <p:spPr>
            <a:xfrm rot="5585979">
              <a:off x="1756204" y="-2676631"/>
              <a:ext cx="6206865" cy="15117233"/>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10">
              <a:extLst>
                <a:ext uri="{FF2B5EF4-FFF2-40B4-BE49-F238E27FC236}">
                  <a16:creationId xmlns:a16="http://schemas.microsoft.com/office/drawing/2014/main" id="{24269C6E-FA7A-4546-9DD9-AF739F987E85}"/>
                </a:ext>
              </a:extLst>
            </p:cNvPr>
            <p:cNvSpPr/>
            <p:nvPr/>
          </p:nvSpPr>
          <p:spPr>
            <a:xfrm rot="5585979">
              <a:off x="2223405" y="-1966983"/>
              <a:ext cx="5193302" cy="15116053"/>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13">
              <a:extLst>
                <a:ext uri="{FF2B5EF4-FFF2-40B4-BE49-F238E27FC236}">
                  <a16:creationId xmlns:a16="http://schemas.microsoft.com/office/drawing/2014/main" id="{F0BCE2D9-C75C-FA4E-9F41-405F59D931AC}"/>
                </a:ext>
              </a:extLst>
            </p:cNvPr>
            <p:cNvSpPr/>
            <p:nvPr/>
          </p:nvSpPr>
          <p:spPr>
            <a:xfrm rot="5585979">
              <a:off x="2190385" y="-1385514"/>
              <a:ext cx="5197675" cy="15117431"/>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14">
              <a:extLst>
                <a:ext uri="{FF2B5EF4-FFF2-40B4-BE49-F238E27FC236}">
                  <a16:creationId xmlns:a16="http://schemas.microsoft.com/office/drawing/2014/main" id="{524ABC84-7566-E94E-8348-4A32780661F2}"/>
                </a:ext>
              </a:extLst>
            </p:cNvPr>
            <p:cNvSpPr/>
            <p:nvPr/>
          </p:nvSpPr>
          <p:spPr>
            <a:xfrm rot="5585979">
              <a:off x="1993931" y="-999687"/>
              <a:ext cx="5549166" cy="1511782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16">
              <a:extLst>
                <a:ext uri="{FF2B5EF4-FFF2-40B4-BE49-F238E27FC236}">
                  <a16:creationId xmlns:a16="http://schemas.microsoft.com/office/drawing/2014/main" id="{BC02351E-8BCC-8240-8938-6FD25AD035E3}"/>
                </a:ext>
              </a:extLst>
            </p:cNvPr>
            <p:cNvSpPr/>
            <p:nvPr/>
          </p:nvSpPr>
          <p:spPr>
            <a:xfrm rot="5585979">
              <a:off x="1872912" y="-696835"/>
              <a:ext cx="5756917" cy="15116251"/>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18">
              <a:extLst>
                <a:ext uri="{FF2B5EF4-FFF2-40B4-BE49-F238E27FC236}">
                  <a16:creationId xmlns:a16="http://schemas.microsoft.com/office/drawing/2014/main" id="{966AD04F-0F06-0C48-8E83-A5C4B63C89B0}"/>
                </a:ext>
              </a:extLst>
            </p:cNvPr>
            <p:cNvSpPr/>
            <p:nvPr/>
          </p:nvSpPr>
          <p:spPr>
            <a:xfrm rot="5585979">
              <a:off x="1796753" y="-455055"/>
              <a:ext cx="5882304" cy="15115464"/>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20">
              <a:extLst>
                <a:ext uri="{FF2B5EF4-FFF2-40B4-BE49-F238E27FC236}">
                  <a16:creationId xmlns:a16="http://schemas.microsoft.com/office/drawing/2014/main" id="{59F5E370-E2E8-CD4B-BC87-C7D1A63EF066}"/>
                </a:ext>
              </a:extLst>
            </p:cNvPr>
            <p:cNvSpPr/>
            <p:nvPr/>
          </p:nvSpPr>
          <p:spPr>
            <a:xfrm rot="5585979">
              <a:off x="1526555" y="704230"/>
              <a:ext cx="6299250" cy="15120187"/>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21">
              <a:extLst>
                <a:ext uri="{FF2B5EF4-FFF2-40B4-BE49-F238E27FC236}">
                  <a16:creationId xmlns:a16="http://schemas.microsoft.com/office/drawing/2014/main" id="{EEDFFBB9-0C0B-044A-A264-54184299A853}"/>
                </a:ext>
              </a:extLst>
            </p:cNvPr>
            <p:cNvSpPr/>
            <p:nvPr/>
          </p:nvSpPr>
          <p:spPr>
            <a:xfrm rot="5585979">
              <a:off x="1566593" y="1200796"/>
              <a:ext cx="6164714" cy="15118218"/>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22">
              <a:extLst>
                <a:ext uri="{FF2B5EF4-FFF2-40B4-BE49-F238E27FC236}">
                  <a16:creationId xmlns:a16="http://schemas.microsoft.com/office/drawing/2014/main" id="{13295DAB-91CF-5D4E-AEEA-1CB7EA6B2EFF}"/>
                </a:ext>
              </a:extLst>
            </p:cNvPr>
            <p:cNvSpPr/>
            <p:nvPr/>
          </p:nvSpPr>
          <p:spPr>
            <a:xfrm rot="5585979">
              <a:off x="1484448" y="1616545"/>
              <a:ext cx="6284783" cy="1511782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23">
              <a:extLst>
                <a:ext uri="{FF2B5EF4-FFF2-40B4-BE49-F238E27FC236}">
                  <a16:creationId xmlns:a16="http://schemas.microsoft.com/office/drawing/2014/main" id="{E57501B6-D264-9846-BB6C-D1C3A0B35321}"/>
                </a:ext>
              </a:extLst>
            </p:cNvPr>
            <p:cNvSpPr/>
            <p:nvPr/>
          </p:nvSpPr>
          <p:spPr>
            <a:xfrm rot="5585979">
              <a:off x="1474690" y="1897386"/>
              <a:ext cx="6276534" cy="15119793"/>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51">
              <a:extLst>
                <a:ext uri="{FF2B5EF4-FFF2-40B4-BE49-F238E27FC236}">
                  <a16:creationId xmlns:a16="http://schemas.microsoft.com/office/drawing/2014/main" id="{FAD05846-87EA-0A41-B301-4A4361A47966}"/>
                </a:ext>
              </a:extLst>
            </p:cNvPr>
            <p:cNvSpPr/>
            <p:nvPr/>
          </p:nvSpPr>
          <p:spPr>
            <a:xfrm rot="5585979">
              <a:off x="2346756" y="-1643141"/>
              <a:ext cx="4915194" cy="15117431"/>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8" name="Freeform: Shape 154">
              <a:extLst>
                <a:ext uri="{FF2B5EF4-FFF2-40B4-BE49-F238E27FC236}">
                  <a16:creationId xmlns:a16="http://schemas.microsoft.com/office/drawing/2014/main" id="{1ECE8F2E-B14F-7143-95D8-3153978598E7}"/>
                </a:ext>
              </a:extLst>
            </p:cNvPr>
            <p:cNvSpPr/>
            <p:nvPr/>
          </p:nvSpPr>
          <p:spPr>
            <a:xfrm rot="5585979">
              <a:off x="1681289" y="7934"/>
              <a:ext cx="6065319" cy="1511782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solidFill>
              <a:schemeClr val="bg1">
                <a:alpha val="95000"/>
              </a:schemeClr>
            </a:solid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3" name="Text Placeholder 2">
            <a:extLst>
              <a:ext uri="{FF2B5EF4-FFF2-40B4-BE49-F238E27FC236}">
                <a16:creationId xmlns:a16="http://schemas.microsoft.com/office/drawing/2014/main" id="{E87CCAD9-E595-3D48-B240-C0D7C3922D46}"/>
              </a:ext>
            </a:extLst>
          </p:cNvPr>
          <p:cNvSpPr>
            <a:spLocks noGrp="1"/>
          </p:cNvSpPr>
          <p:nvPr>
            <p:ph type="body" sz="quarter" idx="10" hasCustomPrompt="1"/>
          </p:nvPr>
        </p:nvSpPr>
        <p:spPr>
          <a:xfrm>
            <a:off x="1207600" y="1315613"/>
            <a:ext cx="6986588" cy="622411"/>
          </a:xfrm>
        </p:spPr>
        <p:txBody>
          <a:bodyPr anchor="ctr"/>
          <a:lstStyle>
            <a:lvl1pPr marL="0" indent="0">
              <a:buNone/>
              <a:defRPr b="1">
                <a:latin typeface="+mj-lt"/>
              </a:defRPr>
            </a:lvl1pPr>
            <a:lvl2pPr marL="457200" indent="0">
              <a:buNone/>
              <a:defRPr/>
            </a:lvl2pPr>
            <a:lvl3pPr marL="914400" indent="0">
              <a:buNone/>
              <a:defRPr/>
            </a:lvl3pPr>
            <a:lvl4pPr marL="1371600" indent="0">
              <a:buNone/>
              <a:defRPr/>
            </a:lvl4pPr>
            <a:lvl5pPr marL="1828800" indent="0">
              <a:buNone/>
              <a:defRPr/>
            </a:lvl5pPr>
          </a:lstStyle>
          <a:p>
            <a:pPr lvl="0"/>
            <a:r>
              <a:rPr lang="en-US"/>
              <a:t>Slide title, Arial Bold, 28pt</a:t>
            </a:r>
          </a:p>
        </p:txBody>
      </p:sp>
      <p:sp>
        <p:nvSpPr>
          <p:cNvPr id="8" name="Text Placeholder 7">
            <a:extLst>
              <a:ext uri="{FF2B5EF4-FFF2-40B4-BE49-F238E27FC236}">
                <a16:creationId xmlns:a16="http://schemas.microsoft.com/office/drawing/2014/main" id="{1B686D60-E0A4-D340-8670-ED9AA2437C71}"/>
              </a:ext>
            </a:extLst>
          </p:cNvPr>
          <p:cNvSpPr>
            <a:spLocks noGrp="1"/>
          </p:cNvSpPr>
          <p:nvPr>
            <p:ph type="body" sz="quarter" idx="11"/>
          </p:nvPr>
        </p:nvSpPr>
        <p:spPr>
          <a:xfrm>
            <a:off x="1207600" y="2078900"/>
            <a:ext cx="8050109" cy="1765047"/>
          </a:xfrm>
        </p:spPr>
        <p:txBody>
          <a:bodyPr>
            <a:normAutofit/>
          </a:bodyPr>
          <a:lstStyle>
            <a:lvl1pPr marL="0" indent="0" algn="l">
              <a:buNone/>
              <a:defRPr sz="1800" b="0" i="0">
                <a:latin typeface="Arial" panose="020B0604020202020204" pitchFamily="34" charset="0"/>
                <a:cs typeface="Arial" panose="020B0604020202020204" pitchFamily="34" charset="0"/>
              </a:defRPr>
            </a:lvl1pPr>
            <a:lvl2pPr marL="457200" indent="0" algn="l">
              <a:buNone/>
              <a:defRPr sz="1800" b="0" i="0">
                <a:latin typeface="Arial" panose="020B0604020202020204" pitchFamily="34" charset="0"/>
                <a:cs typeface="Arial" panose="020B0604020202020204" pitchFamily="34" charset="0"/>
              </a:defRPr>
            </a:lvl2pPr>
            <a:lvl3pPr marL="914400" indent="0" algn="l">
              <a:buNone/>
              <a:defRPr sz="1800" b="0" i="0">
                <a:latin typeface="Arial" panose="020B0604020202020204" pitchFamily="34" charset="0"/>
                <a:cs typeface="Arial" panose="020B0604020202020204" pitchFamily="34" charset="0"/>
              </a:defRPr>
            </a:lvl3pPr>
            <a:lvl4pPr marL="1371600" indent="0" algn="l">
              <a:buNone/>
              <a:defRPr sz="1800" b="0" i="0">
                <a:latin typeface="Arial" panose="020B0604020202020204" pitchFamily="34" charset="0"/>
                <a:cs typeface="Arial" panose="020B0604020202020204" pitchFamily="34" charset="0"/>
              </a:defRPr>
            </a:lvl4pPr>
            <a:lvl5pPr marL="1828800" indent="0" algn="l">
              <a:buNone/>
              <a:defRPr sz="1800"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049614747"/>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1_Photo Quot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2D11011-73BF-5840-B22B-CBE99A0D426E}"/>
              </a:ext>
            </a:extLst>
          </p:cNvPr>
          <p:cNvPicPr>
            <a:picLocks noChangeAspect="1"/>
          </p:cNvPicPr>
          <p:nvPr userDrawn="1"/>
        </p:nvPicPr>
        <p:blipFill rotWithShape="1">
          <a:blip r:embed="rId2">
            <a:duotone>
              <a:prstClr val="black"/>
              <a:schemeClr val="tx2">
                <a:tint val="45000"/>
                <a:satMod val="400000"/>
              </a:schemeClr>
            </a:duotone>
          </a:blip>
          <a:srcRect b="4717"/>
          <a:stretch/>
        </p:blipFill>
        <p:spPr>
          <a:xfrm>
            <a:off x="709232" y="541854"/>
            <a:ext cx="10773536" cy="5774292"/>
          </a:xfrm>
          <a:prstGeom prst="rect">
            <a:avLst/>
          </a:prstGeom>
        </p:spPr>
      </p:pic>
      <p:sp>
        <p:nvSpPr>
          <p:cNvPr id="11" name="Photo Gradient">
            <a:extLst>
              <a:ext uri="{FF2B5EF4-FFF2-40B4-BE49-F238E27FC236}">
                <a16:creationId xmlns:a16="http://schemas.microsoft.com/office/drawing/2014/main" id="{A6894E88-3E60-934D-942A-B398609BA5A2}"/>
              </a:ext>
            </a:extLst>
          </p:cNvPr>
          <p:cNvSpPr/>
          <p:nvPr userDrawn="1"/>
        </p:nvSpPr>
        <p:spPr>
          <a:xfrm>
            <a:off x="705494" y="541854"/>
            <a:ext cx="10781013" cy="5774292"/>
          </a:xfrm>
          <a:prstGeom prst="rect">
            <a:avLst/>
          </a:prstGeom>
          <a:gradFill>
            <a:gsLst>
              <a:gs pos="99000">
                <a:schemeClr val="accent5">
                  <a:alpha val="57000"/>
                </a:schemeClr>
              </a:gs>
              <a:gs pos="49000">
                <a:schemeClr val="accent4">
                  <a:alpha val="52000"/>
                </a:schemeClr>
              </a:gs>
              <a:gs pos="8000">
                <a:schemeClr val="accent4">
                  <a:lumMod val="50000"/>
                  <a:alpha val="51000"/>
                </a:schemeClr>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4" name="Text Placeholder">
            <a:extLst>
              <a:ext uri="{FF2B5EF4-FFF2-40B4-BE49-F238E27FC236}">
                <a16:creationId xmlns:a16="http://schemas.microsoft.com/office/drawing/2014/main" id="{CE69E86B-6306-6149-BA43-679627703F91}"/>
              </a:ext>
            </a:extLst>
          </p:cNvPr>
          <p:cNvSpPr>
            <a:spLocks noGrp="1"/>
          </p:cNvSpPr>
          <p:nvPr>
            <p:ph type="body" sz="quarter" idx="10" hasCustomPrompt="1"/>
          </p:nvPr>
        </p:nvSpPr>
        <p:spPr>
          <a:xfrm>
            <a:off x="2077244" y="2047082"/>
            <a:ext cx="8037513" cy="2763837"/>
          </a:xfrm>
        </p:spPr>
        <p:txBody>
          <a:bodyPr>
            <a:normAutofit/>
          </a:bodyPr>
          <a:lstStyle>
            <a:lvl1pPr marL="0" marR="0" indent="0" algn="ctr" defTabSz="914400" rtl="0" eaLnBrk="1" fontAlgn="auto" latinLnBrk="0" hangingPunct="1">
              <a:lnSpc>
                <a:spcPct val="100000"/>
              </a:lnSpc>
              <a:spcBef>
                <a:spcPts val="1000"/>
              </a:spcBef>
              <a:spcAft>
                <a:spcPts val="0"/>
              </a:spcAft>
              <a:buClrTx/>
              <a:buSzTx/>
              <a:buFont typeface="Arial" panose="020B0604020202020204" pitchFamily="34" charset="0"/>
              <a:buNone/>
              <a:tabLst/>
              <a:defRPr sz="3200" b="1" i="0">
                <a:solidFill>
                  <a:schemeClr val="bg1"/>
                </a:solidFill>
                <a:latin typeface="Arial" panose="020B0604020202020204" pitchFamily="34" charset="0"/>
                <a:cs typeface="Arial" panose="020B0604020202020204" pitchFamily="34" charset="0"/>
              </a:defRPr>
            </a:lvl1pPr>
            <a:lvl2pPr marL="457200" indent="0">
              <a:buNone/>
              <a:defRPr b="1" i="0">
                <a:solidFill>
                  <a:schemeClr val="bg1"/>
                </a:solidFill>
                <a:latin typeface="Arial" panose="020B0604020202020204" pitchFamily="34" charset="0"/>
                <a:cs typeface="Arial" panose="020B0604020202020204" pitchFamily="34" charset="0"/>
              </a:defRPr>
            </a:lvl2pPr>
            <a:lvl3pPr marL="914400" indent="0">
              <a:buNone/>
              <a:defRPr b="1" i="0">
                <a:solidFill>
                  <a:schemeClr val="bg1"/>
                </a:solidFill>
                <a:latin typeface="Arial" panose="020B0604020202020204" pitchFamily="34" charset="0"/>
                <a:cs typeface="Arial" panose="020B0604020202020204" pitchFamily="34" charset="0"/>
              </a:defRPr>
            </a:lvl3pPr>
            <a:lvl4pPr marL="1371600" indent="0">
              <a:buNone/>
              <a:defRPr b="1" i="0">
                <a:solidFill>
                  <a:schemeClr val="bg1"/>
                </a:solidFill>
                <a:latin typeface="Arial" panose="020B0604020202020204" pitchFamily="34" charset="0"/>
                <a:cs typeface="Arial" panose="020B0604020202020204" pitchFamily="34" charset="0"/>
              </a:defRPr>
            </a:lvl4pPr>
            <a:lvl5pPr marL="1828800" indent="0">
              <a:buNone/>
              <a:defRPr b="1" i="0">
                <a:solidFill>
                  <a:schemeClr val="bg1"/>
                </a:solidFill>
                <a:latin typeface="Arial" panose="020B0604020202020204" pitchFamily="34" charset="0"/>
                <a:cs typeface="Arial" panose="020B0604020202020204" pitchFamily="34" charset="0"/>
              </a:defRPr>
            </a:lvl5pPr>
          </a:lstStyle>
          <a:p>
            <a:pPr lvl="0"/>
            <a:r>
              <a:rPr lang="en-US"/>
              <a:t>HEXAGON'S MINING DIVISION SOLVES SURFACE AND UNDERGROUND MINE CHALLENGES WITH PROVEN TECHNOLOGIES FOR PLANNING, OPERATIONS AND SAFETY</a:t>
            </a:r>
          </a:p>
        </p:txBody>
      </p:sp>
    </p:spTree>
    <p:extLst>
      <p:ext uri="{BB962C8B-B14F-4D97-AF65-F5344CB8AC3E}">
        <p14:creationId xmlns:p14="http://schemas.microsoft.com/office/powerpoint/2010/main" val="1985427645"/>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Blue Green Map, Rectangle">
    <p:bg>
      <p:bgPr>
        <a:solidFill>
          <a:schemeClr val="bg2"/>
        </a:solidFill>
        <a:effectLst/>
      </p:bgPr>
    </p:bg>
    <p:spTree>
      <p:nvGrpSpPr>
        <p:cNvPr id="1" name=""/>
        <p:cNvGrpSpPr/>
        <p:nvPr/>
      </p:nvGrpSpPr>
      <p:grpSpPr>
        <a:xfrm>
          <a:off x="0" y="0"/>
          <a:ext cx="0" cy="0"/>
          <a:chOff x="0" y="0"/>
          <a:chExt cx="0" cy="0"/>
        </a:xfrm>
      </p:grpSpPr>
      <p:grpSp>
        <p:nvGrpSpPr>
          <p:cNvPr id="6" name="MAP">
            <a:extLst>
              <a:ext uri="{FF2B5EF4-FFF2-40B4-BE49-F238E27FC236}">
                <a16:creationId xmlns:a16="http://schemas.microsoft.com/office/drawing/2014/main" id="{12FD0123-A583-224F-97A8-4EC906E12535}"/>
              </a:ext>
            </a:extLst>
          </p:cNvPr>
          <p:cNvGrpSpPr/>
          <p:nvPr userDrawn="1"/>
        </p:nvGrpSpPr>
        <p:grpSpPr>
          <a:xfrm rot="16200000">
            <a:off x="-591160" y="230283"/>
            <a:ext cx="13374319" cy="12544235"/>
            <a:chOff x="2636867" y="-1669717"/>
            <a:chExt cx="10006864" cy="8871870"/>
          </a:xfrm>
          <a:gradFill>
            <a:gsLst>
              <a:gs pos="21000">
                <a:schemeClr val="accent3">
                  <a:lumMod val="100000"/>
                </a:schemeClr>
              </a:gs>
              <a:gs pos="84000">
                <a:schemeClr val="accent1">
                  <a:lumMod val="81000"/>
                  <a:lumOff val="19000"/>
                </a:schemeClr>
              </a:gs>
            </a:gsLst>
            <a:lin ang="5400000" scaled="1"/>
          </a:gradFill>
        </p:grpSpPr>
        <p:sp>
          <p:nvSpPr>
            <p:cNvPr id="7" name="Freeform: Shape 109">
              <a:extLst>
                <a:ext uri="{FF2B5EF4-FFF2-40B4-BE49-F238E27FC236}">
                  <a16:creationId xmlns:a16="http://schemas.microsoft.com/office/drawing/2014/main" id="{D94614DA-255F-8B40-BBC0-9B027441D4A5}"/>
                </a:ext>
              </a:extLst>
            </p:cNvPr>
            <p:cNvSpPr/>
            <p:nvPr/>
          </p:nvSpPr>
          <p:spPr>
            <a:xfrm>
              <a:off x="2636867" y="-1668332"/>
              <a:ext cx="4745088" cy="8868868"/>
            </a:xfrm>
            <a:custGeom>
              <a:avLst/>
              <a:gdLst>
                <a:gd name="connsiteX0" fmla="*/ 179832 w 3886485"/>
                <a:gd name="connsiteY0" fmla="*/ 150781 h 7314913"/>
                <a:gd name="connsiteX1" fmla="*/ 507778 w 3886485"/>
                <a:gd name="connsiteY1" fmla="*/ 91345 h 7314913"/>
                <a:gd name="connsiteX2" fmla="*/ 872395 w 3886485"/>
                <a:gd name="connsiteY2" fmla="*/ 166783 h 7314913"/>
                <a:gd name="connsiteX3" fmla="*/ 946976 w 3886485"/>
                <a:gd name="connsiteY3" fmla="*/ 194215 h 7314913"/>
                <a:gd name="connsiteX4" fmla="*/ 1016508 w 3886485"/>
                <a:gd name="connsiteY4" fmla="*/ 213265 h 7314913"/>
                <a:gd name="connsiteX5" fmla="*/ 1051846 w 3886485"/>
                <a:gd name="connsiteY5" fmla="*/ 272510 h 7314913"/>
                <a:gd name="connsiteX6" fmla="*/ 1091851 w 3886485"/>
                <a:gd name="connsiteY6" fmla="*/ 329660 h 7314913"/>
                <a:gd name="connsiteX7" fmla="*/ 1134522 w 3886485"/>
                <a:gd name="connsiteY7" fmla="*/ 341376 h 7314913"/>
                <a:gd name="connsiteX8" fmla="*/ 1209961 w 3886485"/>
                <a:gd name="connsiteY8" fmla="*/ 392335 h 7314913"/>
                <a:gd name="connsiteX9" fmla="*/ 1238536 w 3886485"/>
                <a:gd name="connsiteY9" fmla="*/ 479869 h 7314913"/>
                <a:gd name="connsiteX10" fmla="*/ 1265492 w 3886485"/>
                <a:gd name="connsiteY10" fmla="*/ 560642 h 7314913"/>
                <a:gd name="connsiteX11" fmla="*/ 1334833 w 3886485"/>
                <a:gd name="connsiteY11" fmla="*/ 657606 h 7314913"/>
                <a:gd name="connsiteX12" fmla="*/ 1524571 w 3886485"/>
                <a:gd name="connsiteY12" fmla="*/ 955167 h 7314913"/>
                <a:gd name="connsiteX13" fmla="*/ 1690306 w 3886485"/>
                <a:gd name="connsiteY13" fmla="*/ 1346930 h 7314913"/>
                <a:gd name="connsiteX14" fmla="*/ 1801178 w 3886485"/>
                <a:gd name="connsiteY14" fmla="*/ 1506188 h 7314913"/>
                <a:gd name="connsiteX15" fmla="*/ 1929289 w 3886485"/>
                <a:gd name="connsiteY15" fmla="*/ 1705261 h 7314913"/>
                <a:gd name="connsiteX16" fmla="*/ 1956816 w 3886485"/>
                <a:gd name="connsiteY16" fmla="*/ 1819561 h 7314913"/>
                <a:gd name="connsiteX17" fmla="*/ 2034826 w 3886485"/>
                <a:gd name="connsiteY17" fmla="*/ 2058448 h 7314913"/>
                <a:gd name="connsiteX18" fmla="*/ 2081022 w 3886485"/>
                <a:gd name="connsiteY18" fmla="*/ 2132457 h 7314913"/>
                <a:gd name="connsiteX19" fmla="*/ 2133791 w 3886485"/>
                <a:gd name="connsiteY19" fmla="*/ 2263616 h 7314913"/>
                <a:gd name="connsiteX20" fmla="*/ 2256473 w 3886485"/>
                <a:gd name="connsiteY20" fmla="*/ 2563463 h 7314913"/>
                <a:gd name="connsiteX21" fmla="*/ 2287715 w 3886485"/>
                <a:gd name="connsiteY21" fmla="*/ 2619566 h 7314913"/>
                <a:gd name="connsiteX22" fmla="*/ 2496027 w 3886485"/>
                <a:gd name="connsiteY22" fmla="*/ 2914269 h 7314913"/>
                <a:gd name="connsiteX23" fmla="*/ 2758821 w 3886485"/>
                <a:gd name="connsiteY23" fmla="*/ 3056287 h 7314913"/>
                <a:gd name="connsiteX24" fmla="*/ 2817495 w 3886485"/>
                <a:gd name="connsiteY24" fmla="*/ 3084862 h 7314913"/>
                <a:gd name="connsiteX25" fmla="*/ 2882075 w 3886485"/>
                <a:gd name="connsiteY25" fmla="*/ 3102578 h 7314913"/>
                <a:gd name="connsiteX26" fmla="*/ 3001137 w 3886485"/>
                <a:gd name="connsiteY26" fmla="*/ 3172682 h 7314913"/>
                <a:gd name="connsiteX27" fmla="*/ 3071432 w 3886485"/>
                <a:gd name="connsiteY27" fmla="*/ 3264313 h 7314913"/>
                <a:gd name="connsiteX28" fmla="*/ 3135440 w 3886485"/>
                <a:gd name="connsiteY28" fmla="*/ 3340513 h 7314913"/>
                <a:gd name="connsiteX29" fmla="*/ 3238405 w 3886485"/>
                <a:gd name="connsiteY29" fmla="*/ 3395186 h 7314913"/>
                <a:gd name="connsiteX30" fmla="*/ 3340513 w 3886485"/>
                <a:gd name="connsiteY30" fmla="*/ 3473291 h 7314913"/>
                <a:gd name="connsiteX31" fmla="*/ 3329178 w 3886485"/>
                <a:gd name="connsiteY31" fmla="*/ 4154805 h 7314913"/>
                <a:gd name="connsiteX32" fmla="*/ 3260979 w 3886485"/>
                <a:gd name="connsiteY32" fmla="*/ 4331494 h 7314913"/>
                <a:gd name="connsiteX33" fmla="*/ 3106198 w 3886485"/>
                <a:gd name="connsiteY33" fmla="*/ 4865847 h 7314913"/>
                <a:gd name="connsiteX34" fmla="*/ 3103531 w 3886485"/>
                <a:gd name="connsiteY34" fmla="*/ 5219986 h 7314913"/>
                <a:gd name="connsiteX35" fmla="*/ 3104769 w 3886485"/>
                <a:gd name="connsiteY35" fmla="*/ 5325904 h 7314913"/>
                <a:gd name="connsiteX36" fmla="*/ 3095244 w 3886485"/>
                <a:gd name="connsiteY36" fmla="*/ 5457064 h 7314913"/>
                <a:gd name="connsiteX37" fmla="*/ 3097340 w 3886485"/>
                <a:gd name="connsiteY37" fmla="*/ 5591461 h 7314913"/>
                <a:gd name="connsiteX38" fmla="*/ 3123057 w 3886485"/>
                <a:gd name="connsiteY38" fmla="*/ 5647849 h 7314913"/>
                <a:gd name="connsiteX39" fmla="*/ 3166111 w 3886485"/>
                <a:gd name="connsiteY39" fmla="*/ 5783009 h 7314913"/>
                <a:gd name="connsiteX40" fmla="*/ 3165635 w 3886485"/>
                <a:gd name="connsiteY40" fmla="*/ 5892546 h 7314913"/>
                <a:gd name="connsiteX41" fmla="*/ 3170301 w 3886485"/>
                <a:gd name="connsiteY41" fmla="*/ 5994369 h 7314913"/>
                <a:gd name="connsiteX42" fmla="*/ 3210782 w 3886485"/>
                <a:gd name="connsiteY42" fmla="*/ 6072855 h 7314913"/>
                <a:gd name="connsiteX43" fmla="*/ 3260408 w 3886485"/>
                <a:gd name="connsiteY43" fmla="*/ 6179915 h 7314913"/>
                <a:gd name="connsiteX44" fmla="*/ 3265646 w 3886485"/>
                <a:gd name="connsiteY44" fmla="*/ 6208490 h 7314913"/>
                <a:gd name="connsiteX45" fmla="*/ 3327273 w 3886485"/>
                <a:gd name="connsiteY45" fmla="*/ 6400991 h 7314913"/>
                <a:gd name="connsiteX46" fmla="*/ 3426524 w 3886485"/>
                <a:gd name="connsiteY46" fmla="*/ 6481001 h 7314913"/>
                <a:gd name="connsiteX47" fmla="*/ 3526155 w 3886485"/>
                <a:gd name="connsiteY47" fmla="*/ 6566726 h 7314913"/>
                <a:gd name="connsiteX48" fmla="*/ 3732181 w 3886485"/>
                <a:gd name="connsiteY48" fmla="*/ 6955251 h 7314913"/>
                <a:gd name="connsiteX49" fmla="*/ 3760756 w 3886485"/>
                <a:gd name="connsiteY49" fmla="*/ 7028021 h 7314913"/>
                <a:gd name="connsiteX50" fmla="*/ 3886486 w 3886485"/>
                <a:gd name="connsiteY50" fmla="*/ 7314914 h 7314913"/>
                <a:gd name="connsiteX51" fmla="*/ 3881057 w 3886485"/>
                <a:gd name="connsiteY51" fmla="*/ 7314914 h 7314913"/>
                <a:gd name="connsiteX52" fmla="*/ 3756279 w 3886485"/>
                <a:gd name="connsiteY52" fmla="*/ 7029736 h 7314913"/>
                <a:gd name="connsiteX53" fmla="*/ 3727704 w 3886485"/>
                <a:gd name="connsiteY53" fmla="*/ 6957155 h 7314913"/>
                <a:gd name="connsiteX54" fmla="*/ 3521774 w 3886485"/>
                <a:gd name="connsiteY54" fmla="*/ 6568821 h 7314913"/>
                <a:gd name="connsiteX55" fmla="*/ 3423761 w 3886485"/>
                <a:gd name="connsiteY55" fmla="*/ 6484715 h 7314913"/>
                <a:gd name="connsiteX56" fmla="*/ 3323273 w 3886485"/>
                <a:gd name="connsiteY56" fmla="*/ 6403658 h 7314913"/>
                <a:gd name="connsiteX57" fmla="*/ 3260884 w 3886485"/>
                <a:gd name="connsiteY57" fmla="*/ 6209157 h 7314913"/>
                <a:gd name="connsiteX58" fmla="*/ 3255645 w 3886485"/>
                <a:gd name="connsiteY58" fmla="*/ 6181058 h 7314913"/>
                <a:gd name="connsiteX59" fmla="*/ 3206782 w 3886485"/>
                <a:gd name="connsiteY59" fmla="*/ 6075807 h 7314913"/>
                <a:gd name="connsiteX60" fmla="*/ 3165634 w 3886485"/>
                <a:gd name="connsiteY60" fmla="*/ 5995892 h 7314913"/>
                <a:gd name="connsiteX61" fmla="*/ 3160776 w 3886485"/>
                <a:gd name="connsiteY61" fmla="*/ 5892451 h 7314913"/>
                <a:gd name="connsiteX62" fmla="*/ 3161252 w 3886485"/>
                <a:gd name="connsiteY62" fmla="*/ 5783771 h 7314913"/>
                <a:gd name="connsiteX63" fmla="*/ 3118771 w 3886485"/>
                <a:gd name="connsiteY63" fmla="*/ 5650421 h 7314913"/>
                <a:gd name="connsiteX64" fmla="*/ 3092767 w 3886485"/>
                <a:gd name="connsiteY64" fmla="*/ 5593271 h 7314913"/>
                <a:gd name="connsiteX65" fmla="*/ 3090386 w 3886485"/>
                <a:gd name="connsiteY65" fmla="*/ 5456682 h 7314913"/>
                <a:gd name="connsiteX66" fmla="*/ 3099911 w 3886485"/>
                <a:gd name="connsiteY66" fmla="*/ 5326094 h 7314913"/>
                <a:gd name="connsiteX67" fmla="*/ 3098673 w 3886485"/>
                <a:gd name="connsiteY67" fmla="*/ 5220272 h 7314913"/>
                <a:gd name="connsiteX68" fmla="*/ 3101340 w 3886485"/>
                <a:gd name="connsiteY68" fmla="*/ 4865847 h 7314913"/>
                <a:gd name="connsiteX69" fmla="*/ 3256502 w 3886485"/>
                <a:gd name="connsiteY69" fmla="*/ 4329875 h 7314913"/>
                <a:gd name="connsiteX70" fmla="*/ 3324606 w 3886485"/>
                <a:gd name="connsiteY70" fmla="*/ 4153472 h 7314913"/>
                <a:gd name="connsiteX71" fmla="*/ 3336131 w 3886485"/>
                <a:gd name="connsiteY71" fmla="*/ 3475673 h 7314913"/>
                <a:gd name="connsiteX72" fmla="*/ 3236976 w 3886485"/>
                <a:gd name="connsiteY72" fmla="*/ 3399473 h 7314913"/>
                <a:gd name="connsiteX73" fmla="*/ 3132201 w 3886485"/>
                <a:gd name="connsiteY73" fmla="*/ 3343847 h 7314913"/>
                <a:gd name="connsiteX74" fmla="*/ 3067145 w 3886485"/>
                <a:gd name="connsiteY74" fmla="*/ 3266028 h 7314913"/>
                <a:gd name="connsiteX75" fmla="*/ 2997613 w 3886485"/>
                <a:gd name="connsiteY75" fmla="*/ 3175349 h 7314913"/>
                <a:gd name="connsiteX76" fmla="*/ 2881503 w 3886485"/>
                <a:gd name="connsiteY76" fmla="*/ 3106770 h 7314913"/>
                <a:gd name="connsiteX77" fmla="*/ 2814828 w 3886485"/>
                <a:gd name="connsiteY77" fmla="*/ 3088481 h 7314913"/>
                <a:gd name="connsiteX78" fmla="*/ 2756250 w 3886485"/>
                <a:gd name="connsiteY78" fmla="*/ 3060383 h 7314913"/>
                <a:gd name="connsiteX79" fmla="*/ 2492788 w 3886485"/>
                <a:gd name="connsiteY79" fmla="*/ 2917508 h 7314913"/>
                <a:gd name="connsiteX80" fmla="*/ 2283238 w 3886485"/>
                <a:gd name="connsiteY80" fmla="*/ 2621090 h 7314913"/>
                <a:gd name="connsiteX81" fmla="*/ 2252091 w 3886485"/>
                <a:gd name="connsiteY81" fmla="*/ 2565178 h 7314913"/>
                <a:gd name="connsiteX82" fmla="*/ 2129695 w 3886485"/>
                <a:gd name="connsiteY82" fmla="*/ 2265236 h 7314913"/>
                <a:gd name="connsiteX83" fmla="*/ 2077593 w 3886485"/>
                <a:gd name="connsiteY83" fmla="*/ 2135600 h 7314913"/>
                <a:gd name="connsiteX84" fmla="*/ 2031301 w 3886485"/>
                <a:gd name="connsiteY84" fmla="*/ 2061401 h 7314913"/>
                <a:gd name="connsiteX85" fmla="*/ 1952720 w 3886485"/>
                <a:gd name="connsiteY85" fmla="*/ 1820989 h 7314913"/>
                <a:gd name="connsiteX86" fmla="*/ 1925288 w 3886485"/>
                <a:gd name="connsiteY86" fmla="*/ 1707261 h 7314913"/>
                <a:gd name="connsiteX87" fmla="*/ 1797939 w 3886485"/>
                <a:gd name="connsiteY87" fmla="*/ 1509522 h 7314913"/>
                <a:gd name="connsiteX88" fmla="*/ 1686687 w 3886485"/>
                <a:gd name="connsiteY88" fmla="*/ 1349597 h 7314913"/>
                <a:gd name="connsiteX89" fmla="*/ 1520666 w 3886485"/>
                <a:gd name="connsiteY89" fmla="*/ 957263 h 7314913"/>
                <a:gd name="connsiteX90" fmla="*/ 1331595 w 3886485"/>
                <a:gd name="connsiteY90" fmla="*/ 660940 h 7314913"/>
                <a:gd name="connsiteX91" fmla="*/ 1261968 w 3886485"/>
                <a:gd name="connsiteY91" fmla="*/ 563499 h 7314913"/>
                <a:gd name="connsiteX92" fmla="*/ 1234345 w 3886485"/>
                <a:gd name="connsiteY92" fmla="*/ 481108 h 7314913"/>
                <a:gd name="connsiteX93" fmla="*/ 1205770 w 3886485"/>
                <a:gd name="connsiteY93" fmla="*/ 395383 h 7314913"/>
                <a:gd name="connsiteX94" fmla="*/ 1133951 w 3886485"/>
                <a:gd name="connsiteY94" fmla="*/ 346900 h 7314913"/>
                <a:gd name="connsiteX95" fmla="*/ 1089279 w 3886485"/>
                <a:gd name="connsiteY95" fmla="*/ 334518 h 7314913"/>
                <a:gd name="connsiteX96" fmla="*/ 1047369 w 3886485"/>
                <a:gd name="connsiteY96" fmla="*/ 274606 h 7314913"/>
                <a:gd name="connsiteX97" fmla="*/ 1013079 w 3886485"/>
                <a:gd name="connsiteY97" fmla="*/ 216980 h 7314913"/>
                <a:gd name="connsiteX98" fmla="*/ 946404 w 3886485"/>
                <a:gd name="connsiteY98" fmla="*/ 199263 h 7314913"/>
                <a:gd name="connsiteX99" fmla="*/ 867918 w 3886485"/>
                <a:gd name="connsiteY99" fmla="*/ 169640 h 7314913"/>
                <a:gd name="connsiteX100" fmla="*/ 696468 w 3886485"/>
                <a:gd name="connsiteY100" fmla="*/ 106109 h 7314913"/>
                <a:gd name="connsiteX101" fmla="*/ 509492 w 3886485"/>
                <a:gd name="connsiteY101" fmla="*/ 95726 h 7314913"/>
                <a:gd name="connsiteX102" fmla="*/ 179641 w 3886485"/>
                <a:gd name="connsiteY102" fmla="*/ 155543 h 7314913"/>
                <a:gd name="connsiteX103" fmla="*/ 0 w 3886485"/>
                <a:gd name="connsiteY103" fmla="*/ 0 h 7314913"/>
                <a:gd name="connsiteX104" fmla="*/ 5620 w 3886485"/>
                <a:gd name="connsiteY104" fmla="*/ 0 h 7314913"/>
                <a:gd name="connsiteX105" fmla="*/ 179832 w 3886485"/>
                <a:gd name="connsiteY105" fmla="*/ 150781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886485" h="7314913">
                  <a:moveTo>
                    <a:pt x="179832" y="150781"/>
                  </a:moveTo>
                  <a:cubicBezTo>
                    <a:pt x="308705" y="154972"/>
                    <a:pt x="450628" y="113728"/>
                    <a:pt x="507778" y="91345"/>
                  </a:cubicBezTo>
                  <a:cubicBezTo>
                    <a:pt x="560451" y="70676"/>
                    <a:pt x="837247" y="113062"/>
                    <a:pt x="872395" y="166783"/>
                  </a:cubicBezTo>
                  <a:cubicBezTo>
                    <a:pt x="889826" y="193453"/>
                    <a:pt x="917543" y="193834"/>
                    <a:pt x="946976" y="194215"/>
                  </a:cubicBezTo>
                  <a:cubicBezTo>
                    <a:pt x="972026" y="194215"/>
                    <a:pt x="998030" y="194881"/>
                    <a:pt x="1016508" y="213265"/>
                  </a:cubicBezTo>
                  <a:cubicBezTo>
                    <a:pt x="1032232" y="230376"/>
                    <a:pt x="1044261" y="250544"/>
                    <a:pt x="1051846" y="272510"/>
                  </a:cubicBezTo>
                  <a:cubicBezTo>
                    <a:pt x="1061371" y="295275"/>
                    <a:pt x="1070229" y="316801"/>
                    <a:pt x="1091851" y="329660"/>
                  </a:cubicBezTo>
                  <a:cubicBezTo>
                    <a:pt x="1104917" y="336961"/>
                    <a:pt x="1119560" y="340981"/>
                    <a:pt x="1134522" y="341376"/>
                  </a:cubicBezTo>
                  <a:cubicBezTo>
                    <a:pt x="1159192" y="343853"/>
                    <a:pt x="1184719" y="346424"/>
                    <a:pt x="1209961" y="392335"/>
                  </a:cubicBezTo>
                  <a:cubicBezTo>
                    <a:pt x="1224769" y="419516"/>
                    <a:pt x="1234454" y="449187"/>
                    <a:pt x="1238536" y="479869"/>
                  </a:cubicBezTo>
                  <a:cubicBezTo>
                    <a:pt x="1242105" y="508308"/>
                    <a:pt x="1251266" y="535759"/>
                    <a:pt x="1265492" y="560642"/>
                  </a:cubicBezTo>
                  <a:cubicBezTo>
                    <a:pt x="1277398" y="580930"/>
                    <a:pt x="1303592" y="616458"/>
                    <a:pt x="1334833" y="657606"/>
                  </a:cubicBezTo>
                  <a:cubicBezTo>
                    <a:pt x="1401508" y="746951"/>
                    <a:pt x="1493330" y="869347"/>
                    <a:pt x="1524571" y="955167"/>
                  </a:cubicBezTo>
                  <a:cubicBezTo>
                    <a:pt x="1569149" y="1077849"/>
                    <a:pt x="1628394" y="1233202"/>
                    <a:pt x="1690306" y="1346930"/>
                  </a:cubicBezTo>
                  <a:cubicBezTo>
                    <a:pt x="1716881" y="1395793"/>
                    <a:pt x="1759744" y="1451705"/>
                    <a:pt x="1801178" y="1506188"/>
                  </a:cubicBezTo>
                  <a:cubicBezTo>
                    <a:pt x="1854899" y="1576578"/>
                    <a:pt x="1910524" y="1649063"/>
                    <a:pt x="1929289" y="1705261"/>
                  </a:cubicBezTo>
                  <a:cubicBezTo>
                    <a:pt x="1940737" y="1742778"/>
                    <a:pt x="1949929" y="1780946"/>
                    <a:pt x="1956816" y="1819561"/>
                  </a:cubicBezTo>
                  <a:cubicBezTo>
                    <a:pt x="1972151" y="1895285"/>
                    <a:pt x="1989392" y="1981010"/>
                    <a:pt x="2034826" y="2058448"/>
                  </a:cubicBezTo>
                  <a:cubicBezTo>
                    <a:pt x="2055495" y="2093595"/>
                    <a:pt x="2070259" y="2116074"/>
                    <a:pt x="2081022" y="2132457"/>
                  </a:cubicBezTo>
                  <a:cubicBezTo>
                    <a:pt x="2107311" y="2172557"/>
                    <a:pt x="2113502" y="2182082"/>
                    <a:pt x="2133791" y="2263616"/>
                  </a:cubicBezTo>
                  <a:cubicBezTo>
                    <a:pt x="2160823" y="2368691"/>
                    <a:pt x="2202099" y="2469575"/>
                    <a:pt x="2256473" y="2563463"/>
                  </a:cubicBezTo>
                  <a:cubicBezTo>
                    <a:pt x="2264855" y="2577560"/>
                    <a:pt x="2275523" y="2596991"/>
                    <a:pt x="2287715" y="2619566"/>
                  </a:cubicBezTo>
                  <a:cubicBezTo>
                    <a:pt x="2339626" y="2714816"/>
                    <a:pt x="2418207" y="2859691"/>
                    <a:pt x="2496027" y="2914269"/>
                  </a:cubicBezTo>
                  <a:cubicBezTo>
                    <a:pt x="2572227" y="2967609"/>
                    <a:pt x="2680050" y="3019044"/>
                    <a:pt x="2758821" y="3056287"/>
                  </a:cubicBezTo>
                  <a:cubicBezTo>
                    <a:pt x="2780443" y="3066574"/>
                    <a:pt x="2800827" y="3076289"/>
                    <a:pt x="2817495" y="3084862"/>
                  </a:cubicBezTo>
                  <a:cubicBezTo>
                    <a:pt x="2837605" y="3095068"/>
                    <a:pt x="2859573" y="3101094"/>
                    <a:pt x="2882075" y="3102578"/>
                  </a:cubicBezTo>
                  <a:cubicBezTo>
                    <a:pt x="2913126" y="3105817"/>
                    <a:pt x="2939891" y="3108674"/>
                    <a:pt x="3001137" y="3172682"/>
                  </a:cubicBezTo>
                  <a:cubicBezTo>
                    <a:pt x="3048762" y="3222117"/>
                    <a:pt x="3060668" y="3244501"/>
                    <a:pt x="3071432" y="3264313"/>
                  </a:cubicBezTo>
                  <a:cubicBezTo>
                    <a:pt x="3082195" y="3284125"/>
                    <a:pt x="3091434" y="3301079"/>
                    <a:pt x="3135440" y="3340513"/>
                  </a:cubicBezTo>
                  <a:cubicBezTo>
                    <a:pt x="3164871" y="3366745"/>
                    <a:pt x="3200189" y="3385499"/>
                    <a:pt x="3238405" y="3395186"/>
                  </a:cubicBezTo>
                  <a:cubicBezTo>
                    <a:pt x="3277553" y="3407283"/>
                    <a:pt x="3311366" y="3417761"/>
                    <a:pt x="3340513" y="3473291"/>
                  </a:cubicBezTo>
                  <a:cubicBezTo>
                    <a:pt x="3392424" y="3572256"/>
                    <a:pt x="3385757" y="3979926"/>
                    <a:pt x="3329178" y="4154805"/>
                  </a:cubicBezTo>
                  <a:cubicBezTo>
                    <a:pt x="3312985" y="4204812"/>
                    <a:pt x="3287745" y="4266343"/>
                    <a:pt x="3260979" y="4331494"/>
                  </a:cubicBezTo>
                  <a:cubicBezTo>
                    <a:pt x="3194780" y="4492848"/>
                    <a:pt x="3112294" y="4693444"/>
                    <a:pt x="3106198" y="4865847"/>
                  </a:cubicBezTo>
                  <a:cubicBezTo>
                    <a:pt x="3100102" y="5038249"/>
                    <a:pt x="3101912" y="5134356"/>
                    <a:pt x="3103531" y="5219986"/>
                  </a:cubicBezTo>
                  <a:cubicBezTo>
                    <a:pt x="3104198" y="5255800"/>
                    <a:pt x="3104769" y="5289614"/>
                    <a:pt x="3104769" y="5325904"/>
                  </a:cubicBezTo>
                  <a:cubicBezTo>
                    <a:pt x="3104247" y="5369777"/>
                    <a:pt x="3101066" y="5413576"/>
                    <a:pt x="3095244" y="5457064"/>
                  </a:cubicBezTo>
                  <a:cubicBezTo>
                    <a:pt x="3088958" y="5511356"/>
                    <a:pt x="3084005" y="5554123"/>
                    <a:pt x="3097340" y="5591461"/>
                  </a:cubicBezTo>
                  <a:cubicBezTo>
                    <a:pt x="3104633" y="5610815"/>
                    <a:pt x="3113225" y="5629654"/>
                    <a:pt x="3123057" y="5647849"/>
                  </a:cubicBezTo>
                  <a:cubicBezTo>
                    <a:pt x="3146841" y="5689335"/>
                    <a:pt x="3161517" y="5735410"/>
                    <a:pt x="3166111" y="5783009"/>
                  </a:cubicBezTo>
                  <a:cubicBezTo>
                    <a:pt x="3169544" y="5819449"/>
                    <a:pt x="3169384" y="5856138"/>
                    <a:pt x="3165635" y="5892546"/>
                  </a:cubicBezTo>
                  <a:cubicBezTo>
                    <a:pt x="3162777" y="5927694"/>
                    <a:pt x="3160395" y="5958078"/>
                    <a:pt x="3170301" y="5994369"/>
                  </a:cubicBezTo>
                  <a:cubicBezTo>
                    <a:pt x="3179281" y="6022623"/>
                    <a:pt x="3192967" y="6049158"/>
                    <a:pt x="3210782" y="6072855"/>
                  </a:cubicBezTo>
                  <a:cubicBezTo>
                    <a:pt x="3230880" y="6102858"/>
                    <a:pt x="3251740" y="6133910"/>
                    <a:pt x="3260408" y="6179915"/>
                  </a:cubicBezTo>
                  <a:cubicBezTo>
                    <a:pt x="3262218" y="6189440"/>
                    <a:pt x="3263932" y="6198965"/>
                    <a:pt x="3265646" y="6208490"/>
                  </a:cubicBezTo>
                  <a:cubicBezTo>
                    <a:pt x="3279267" y="6282500"/>
                    <a:pt x="3292031" y="6352318"/>
                    <a:pt x="3327273" y="6400991"/>
                  </a:cubicBezTo>
                  <a:cubicBezTo>
                    <a:pt x="3346323" y="6426899"/>
                    <a:pt x="3386899" y="6454331"/>
                    <a:pt x="3426524" y="6481001"/>
                  </a:cubicBezTo>
                  <a:cubicBezTo>
                    <a:pt x="3472244" y="6511671"/>
                    <a:pt x="3515392" y="6540627"/>
                    <a:pt x="3526155" y="6566726"/>
                  </a:cubicBezTo>
                  <a:cubicBezTo>
                    <a:pt x="3527869" y="6569774"/>
                    <a:pt x="3698176" y="6875145"/>
                    <a:pt x="3732181" y="6955251"/>
                  </a:cubicBezTo>
                  <a:cubicBezTo>
                    <a:pt x="3739515" y="6972586"/>
                    <a:pt x="3749421" y="6998303"/>
                    <a:pt x="3760756" y="7028021"/>
                  </a:cubicBezTo>
                  <a:cubicBezTo>
                    <a:pt x="3794189" y="7115271"/>
                    <a:pt x="3840861" y="7236714"/>
                    <a:pt x="3886486" y="7314914"/>
                  </a:cubicBezTo>
                  <a:lnTo>
                    <a:pt x="3881057" y="7314914"/>
                  </a:lnTo>
                  <a:cubicBezTo>
                    <a:pt x="3835527" y="7236143"/>
                    <a:pt x="3789426" y="7116223"/>
                    <a:pt x="3756279" y="7029736"/>
                  </a:cubicBezTo>
                  <a:cubicBezTo>
                    <a:pt x="3744849" y="7000018"/>
                    <a:pt x="3734943" y="6974301"/>
                    <a:pt x="3727704" y="6957155"/>
                  </a:cubicBezTo>
                  <a:cubicBezTo>
                    <a:pt x="3693795" y="6877241"/>
                    <a:pt x="3523584" y="6572155"/>
                    <a:pt x="3521774" y="6568821"/>
                  </a:cubicBezTo>
                  <a:cubicBezTo>
                    <a:pt x="3511487" y="6543580"/>
                    <a:pt x="3466910" y="6513671"/>
                    <a:pt x="3423761" y="6484715"/>
                  </a:cubicBezTo>
                  <a:cubicBezTo>
                    <a:pt x="3383756" y="6457950"/>
                    <a:pt x="3342418" y="6430137"/>
                    <a:pt x="3323273" y="6403658"/>
                  </a:cubicBezTo>
                  <a:cubicBezTo>
                    <a:pt x="3287458" y="6354033"/>
                    <a:pt x="3274505" y="6283643"/>
                    <a:pt x="3260884" y="6209157"/>
                  </a:cubicBezTo>
                  <a:cubicBezTo>
                    <a:pt x="3259170" y="6199632"/>
                    <a:pt x="3257455" y="6190107"/>
                    <a:pt x="3255645" y="6181058"/>
                  </a:cubicBezTo>
                  <a:cubicBezTo>
                    <a:pt x="3247168" y="6136005"/>
                    <a:pt x="3227070" y="6104858"/>
                    <a:pt x="3206782" y="6075807"/>
                  </a:cubicBezTo>
                  <a:cubicBezTo>
                    <a:pt x="3188644" y="6051689"/>
                    <a:pt x="3174730" y="6024667"/>
                    <a:pt x="3165634" y="5995892"/>
                  </a:cubicBezTo>
                  <a:cubicBezTo>
                    <a:pt x="3155537" y="5958840"/>
                    <a:pt x="3157919" y="5928074"/>
                    <a:pt x="3160776" y="5892451"/>
                  </a:cubicBezTo>
                  <a:cubicBezTo>
                    <a:pt x="3164476" y="5856327"/>
                    <a:pt x="3164636" y="5819926"/>
                    <a:pt x="3161252" y="5783771"/>
                  </a:cubicBezTo>
                  <a:cubicBezTo>
                    <a:pt x="3156718" y="5736809"/>
                    <a:pt x="3142237" y="5691352"/>
                    <a:pt x="3118771" y="5650421"/>
                  </a:cubicBezTo>
                  <a:cubicBezTo>
                    <a:pt x="3108778" y="5632002"/>
                    <a:pt x="3100089" y="5612905"/>
                    <a:pt x="3092767" y="5593271"/>
                  </a:cubicBezTo>
                  <a:cubicBezTo>
                    <a:pt x="3079051" y="5555170"/>
                    <a:pt x="3084005" y="5511546"/>
                    <a:pt x="3090386" y="5456682"/>
                  </a:cubicBezTo>
                  <a:cubicBezTo>
                    <a:pt x="3096202" y="5413386"/>
                    <a:pt x="3099383" y="5369777"/>
                    <a:pt x="3099911" y="5326094"/>
                  </a:cubicBezTo>
                  <a:cubicBezTo>
                    <a:pt x="3099911" y="5289804"/>
                    <a:pt x="3099340" y="5256086"/>
                    <a:pt x="3098673" y="5220272"/>
                  </a:cubicBezTo>
                  <a:cubicBezTo>
                    <a:pt x="3097149" y="5134547"/>
                    <a:pt x="3095339" y="5037296"/>
                    <a:pt x="3101340" y="4865847"/>
                  </a:cubicBezTo>
                  <a:cubicBezTo>
                    <a:pt x="3107531" y="4692777"/>
                    <a:pt x="3190113" y="4491514"/>
                    <a:pt x="3256502" y="4329875"/>
                  </a:cubicBezTo>
                  <a:cubicBezTo>
                    <a:pt x="3283267" y="4264819"/>
                    <a:pt x="3308509" y="4203383"/>
                    <a:pt x="3324606" y="4153472"/>
                  </a:cubicBezTo>
                  <a:cubicBezTo>
                    <a:pt x="3380803" y="3979355"/>
                    <a:pt x="3387757" y="3573971"/>
                    <a:pt x="3336131" y="3475673"/>
                  </a:cubicBezTo>
                  <a:cubicBezTo>
                    <a:pt x="3307556" y="3421952"/>
                    <a:pt x="3274981" y="3411665"/>
                    <a:pt x="3236976" y="3399473"/>
                  </a:cubicBezTo>
                  <a:cubicBezTo>
                    <a:pt x="3198060" y="3389693"/>
                    <a:pt x="3162104" y="3370603"/>
                    <a:pt x="3132201" y="3343847"/>
                  </a:cubicBezTo>
                  <a:cubicBezTo>
                    <a:pt x="3087529" y="3303461"/>
                    <a:pt x="3078099" y="3286125"/>
                    <a:pt x="3067145" y="3266028"/>
                  </a:cubicBezTo>
                  <a:cubicBezTo>
                    <a:pt x="3056192" y="3245930"/>
                    <a:pt x="3044476" y="3224403"/>
                    <a:pt x="2997613" y="3175349"/>
                  </a:cubicBezTo>
                  <a:cubicBezTo>
                    <a:pt x="2937605" y="3112580"/>
                    <a:pt x="2911888" y="3109913"/>
                    <a:pt x="2881503" y="3106770"/>
                  </a:cubicBezTo>
                  <a:cubicBezTo>
                    <a:pt x="2858272" y="3105236"/>
                    <a:pt x="2835591" y="3099014"/>
                    <a:pt x="2814828" y="3088481"/>
                  </a:cubicBezTo>
                  <a:cubicBezTo>
                    <a:pt x="2798159" y="3080290"/>
                    <a:pt x="2777776" y="3070574"/>
                    <a:pt x="2756250" y="3060383"/>
                  </a:cubicBezTo>
                  <a:cubicBezTo>
                    <a:pt x="2677287" y="3022854"/>
                    <a:pt x="2569178" y="2971419"/>
                    <a:pt x="2492788" y="2917508"/>
                  </a:cubicBezTo>
                  <a:cubicBezTo>
                    <a:pt x="2414016" y="2862263"/>
                    <a:pt x="2335149" y="2717483"/>
                    <a:pt x="2283238" y="2621090"/>
                  </a:cubicBezTo>
                  <a:cubicBezTo>
                    <a:pt x="2270951" y="2598706"/>
                    <a:pt x="2260473" y="2579275"/>
                    <a:pt x="2252091" y="2565178"/>
                  </a:cubicBezTo>
                  <a:cubicBezTo>
                    <a:pt x="2197847" y="2471226"/>
                    <a:pt x="2156669" y="2370315"/>
                    <a:pt x="2129695" y="2265236"/>
                  </a:cubicBezTo>
                  <a:cubicBezTo>
                    <a:pt x="2109693" y="2184464"/>
                    <a:pt x="2104168" y="2176082"/>
                    <a:pt x="2077593" y="2135600"/>
                  </a:cubicBezTo>
                  <a:cubicBezTo>
                    <a:pt x="2066735" y="2119122"/>
                    <a:pt x="2051971" y="2096548"/>
                    <a:pt x="2031301" y="2061401"/>
                  </a:cubicBezTo>
                  <a:cubicBezTo>
                    <a:pt x="1985486" y="1983296"/>
                    <a:pt x="1968056" y="1896999"/>
                    <a:pt x="1952720" y="1820989"/>
                  </a:cubicBezTo>
                  <a:cubicBezTo>
                    <a:pt x="1945933" y="1782550"/>
                    <a:pt x="1936772" y="1744568"/>
                    <a:pt x="1925288" y="1707261"/>
                  </a:cubicBezTo>
                  <a:cubicBezTo>
                    <a:pt x="1906810" y="1652111"/>
                    <a:pt x="1851469" y="1579626"/>
                    <a:pt x="1797939" y="1509522"/>
                  </a:cubicBezTo>
                  <a:cubicBezTo>
                    <a:pt x="1756410" y="1455134"/>
                    <a:pt x="1713452" y="1398842"/>
                    <a:pt x="1686687" y="1349597"/>
                  </a:cubicBezTo>
                  <a:cubicBezTo>
                    <a:pt x="1624584" y="1235297"/>
                    <a:pt x="1565339" y="1080040"/>
                    <a:pt x="1520666" y="957263"/>
                  </a:cubicBezTo>
                  <a:cubicBezTo>
                    <a:pt x="1489615" y="872109"/>
                    <a:pt x="1398270" y="750094"/>
                    <a:pt x="1331595" y="660940"/>
                  </a:cubicBezTo>
                  <a:cubicBezTo>
                    <a:pt x="1300639" y="619697"/>
                    <a:pt x="1274445" y="583978"/>
                    <a:pt x="1261968" y="563499"/>
                  </a:cubicBezTo>
                  <a:cubicBezTo>
                    <a:pt x="1247402" y="538132"/>
                    <a:pt x="1238014" y="510128"/>
                    <a:pt x="1234345" y="481108"/>
                  </a:cubicBezTo>
                  <a:cubicBezTo>
                    <a:pt x="1230181" y="451017"/>
                    <a:pt x="1220493" y="421954"/>
                    <a:pt x="1205770" y="395383"/>
                  </a:cubicBezTo>
                  <a:cubicBezTo>
                    <a:pt x="1181671" y="351663"/>
                    <a:pt x="1158145" y="349377"/>
                    <a:pt x="1133951" y="346900"/>
                  </a:cubicBezTo>
                  <a:cubicBezTo>
                    <a:pt x="1118279" y="346446"/>
                    <a:pt x="1102950" y="342197"/>
                    <a:pt x="1089279" y="334518"/>
                  </a:cubicBezTo>
                  <a:cubicBezTo>
                    <a:pt x="1066324" y="320326"/>
                    <a:pt x="1057085" y="298133"/>
                    <a:pt x="1047369" y="274606"/>
                  </a:cubicBezTo>
                  <a:cubicBezTo>
                    <a:pt x="1040019" y="253245"/>
                    <a:pt x="1028347" y="233628"/>
                    <a:pt x="1013079" y="216980"/>
                  </a:cubicBezTo>
                  <a:cubicBezTo>
                    <a:pt x="995934" y="199930"/>
                    <a:pt x="972026" y="199549"/>
                    <a:pt x="946404" y="199263"/>
                  </a:cubicBezTo>
                  <a:cubicBezTo>
                    <a:pt x="917067" y="199263"/>
                    <a:pt x="886778" y="198406"/>
                    <a:pt x="867918" y="169640"/>
                  </a:cubicBezTo>
                  <a:cubicBezTo>
                    <a:pt x="853535" y="147542"/>
                    <a:pt x="787717" y="123253"/>
                    <a:pt x="696468" y="106109"/>
                  </a:cubicBezTo>
                  <a:cubicBezTo>
                    <a:pt x="613220" y="90202"/>
                    <a:pt x="534448" y="85725"/>
                    <a:pt x="509492" y="95726"/>
                  </a:cubicBezTo>
                  <a:cubicBezTo>
                    <a:pt x="452342" y="118301"/>
                    <a:pt x="309467" y="159830"/>
                    <a:pt x="179641" y="155543"/>
                  </a:cubicBezTo>
                  <a:cubicBezTo>
                    <a:pt x="94869" y="152400"/>
                    <a:pt x="33338" y="63722"/>
                    <a:pt x="0" y="0"/>
                  </a:cubicBezTo>
                  <a:lnTo>
                    <a:pt x="5620" y="0"/>
                  </a:lnTo>
                  <a:cubicBezTo>
                    <a:pt x="38290" y="62579"/>
                    <a:pt x="98203" y="148114"/>
                    <a:pt x="179832" y="1507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8" name="Freeform: Shape 110">
              <a:extLst>
                <a:ext uri="{FF2B5EF4-FFF2-40B4-BE49-F238E27FC236}">
                  <a16:creationId xmlns:a16="http://schemas.microsoft.com/office/drawing/2014/main" id="{5E35CB36-9F4E-6F4C-BBE0-6BF1373C7FA2}"/>
                </a:ext>
              </a:extLst>
            </p:cNvPr>
            <p:cNvSpPr/>
            <p:nvPr/>
          </p:nvSpPr>
          <p:spPr>
            <a:xfrm>
              <a:off x="3567208" y="-1667293"/>
              <a:ext cx="3970229" cy="8868176"/>
            </a:xfrm>
            <a:custGeom>
              <a:avLst/>
              <a:gdLst>
                <a:gd name="connsiteX0" fmla="*/ 126397 w 3251834"/>
                <a:gd name="connsiteY0" fmla="*/ 42863 h 7314342"/>
                <a:gd name="connsiteX1" fmla="*/ 252698 w 3251834"/>
                <a:gd name="connsiteY1" fmla="*/ 75724 h 7314342"/>
                <a:gd name="connsiteX2" fmla="*/ 294989 w 3251834"/>
                <a:gd name="connsiteY2" fmla="*/ 157353 h 7314342"/>
                <a:gd name="connsiteX3" fmla="*/ 380714 w 3251834"/>
                <a:gd name="connsiteY3" fmla="*/ 282321 h 7314342"/>
                <a:gd name="connsiteX4" fmla="*/ 571119 w 3251834"/>
                <a:gd name="connsiteY4" fmla="*/ 513493 h 7314342"/>
                <a:gd name="connsiteX5" fmla="*/ 683990 w 3251834"/>
                <a:gd name="connsiteY5" fmla="*/ 672751 h 7314342"/>
                <a:gd name="connsiteX6" fmla="*/ 739045 w 3251834"/>
                <a:gd name="connsiteY6" fmla="*/ 723900 h 7314342"/>
                <a:gd name="connsiteX7" fmla="*/ 876776 w 3251834"/>
                <a:gd name="connsiteY7" fmla="*/ 1059371 h 7314342"/>
                <a:gd name="connsiteX8" fmla="*/ 1026414 w 3251834"/>
                <a:gd name="connsiteY8" fmla="*/ 1299401 h 7314342"/>
                <a:gd name="connsiteX9" fmla="*/ 1155477 w 3251834"/>
                <a:gd name="connsiteY9" fmla="*/ 1493615 h 7314342"/>
                <a:gd name="connsiteX10" fmla="*/ 1237964 w 3251834"/>
                <a:gd name="connsiteY10" fmla="*/ 1558100 h 7314342"/>
                <a:gd name="connsiteX11" fmla="*/ 1354455 w 3251834"/>
                <a:gd name="connsiteY11" fmla="*/ 1698593 h 7314342"/>
                <a:gd name="connsiteX12" fmla="*/ 1424845 w 3251834"/>
                <a:gd name="connsiteY12" fmla="*/ 1871948 h 7314342"/>
                <a:gd name="connsiteX13" fmla="*/ 1533239 w 3251834"/>
                <a:gd name="connsiteY13" fmla="*/ 2188845 h 7314342"/>
                <a:gd name="connsiteX14" fmla="*/ 1692974 w 3251834"/>
                <a:gd name="connsiteY14" fmla="*/ 2608993 h 7314342"/>
                <a:gd name="connsiteX15" fmla="*/ 1760887 w 3251834"/>
                <a:gd name="connsiteY15" fmla="*/ 2735485 h 7314342"/>
                <a:gd name="connsiteX16" fmla="*/ 2025682 w 3251834"/>
                <a:gd name="connsiteY16" fmla="*/ 2924175 h 7314342"/>
                <a:gd name="connsiteX17" fmla="*/ 2150459 w 3251834"/>
                <a:gd name="connsiteY17" fmla="*/ 2983897 h 7314342"/>
                <a:gd name="connsiteX18" fmla="*/ 2201895 w 3251834"/>
                <a:gd name="connsiteY18" fmla="*/ 3022759 h 7314342"/>
                <a:gd name="connsiteX19" fmla="*/ 2479834 w 3251834"/>
                <a:gd name="connsiteY19" fmla="*/ 3282696 h 7314342"/>
                <a:gd name="connsiteX20" fmla="*/ 2651284 w 3251834"/>
                <a:gd name="connsiteY20" fmla="*/ 3386900 h 7314342"/>
                <a:gd name="connsiteX21" fmla="*/ 2768727 w 3251834"/>
                <a:gd name="connsiteY21" fmla="*/ 3466433 h 7314342"/>
                <a:gd name="connsiteX22" fmla="*/ 2806541 w 3251834"/>
                <a:gd name="connsiteY22" fmla="*/ 3580543 h 7314342"/>
                <a:gd name="connsiteX23" fmla="*/ 2885694 w 3251834"/>
                <a:gd name="connsiteY23" fmla="*/ 3745611 h 7314342"/>
                <a:gd name="connsiteX24" fmla="*/ 2947607 w 3251834"/>
                <a:gd name="connsiteY24" fmla="*/ 3929158 h 7314342"/>
                <a:gd name="connsiteX25" fmla="*/ 2963323 w 3251834"/>
                <a:gd name="connsiteY25" fmla="*/ 4008311 h 7314342"/>
                <a:gd name="connsiteX26" fmla="*/ 2975039 w 3251834"/>
                <a:gd name="connsiteY26" fmla="*/ 4030599 h 7314342"/>
                <a:gd name="connsiteX27" fmla="*/ 2995612 w 3251834"/>
                <a:gd name="connsiteY27" fmla="*/ 4100608 h 7314342"/>
                <a:gd name="connsiteX28" fmla="*/ 2966466 w 3251834"/>
                <a:gd name="connsiteY28" fmla="*/ 4126611 h 7314342"/>
                <a:gd name="connsiteX29" fmla="*/ 2893409 w 3251834"/>
                <a:gd name="connsiteY29" fmla="*/ 4139660 h 7314342"/>
                <a:gd name="connsiteX30" fmla="*/ 2714053 w 3251834"/>
                <a:gd name="connsiteY30" fmla="*/ 4204907 h 7314342"/>
                <a:gd name="connsiteX31" fmla="*/ 2484501 w 3251834"/>
                <a:gd name="connsiteY31" fmla="*/ 4917377 h 7314342"/>
                <a:gd name="connsiteX32" fmla="*/ 2464499 w 3251834"/>
                <a:gd name="connsiteY32" fmla="*/ 5511165 h 7314342"/>
                <a:gd name="connsiteX33" fmla="*/ 2459546 w 3251834"/>
                <a:gd name="connsiteY33" fmla="*/ 5684710 h 7314342"/>
                <a:gd name="connsiteX34" fmla="*/ 2485549 w 3251834"/>
                <a:gd name="connsiteY34" fmla="*/ 5987415 h 7314342"/>
                <a:gd name="connsiteX35" fmla="*/ 2558415 w 3251834"/>
                <a:gd name="connsiteY35" fmla="*/ 6166294 h 7314342"/>
                <a:gd name="connsiteX36" fmla="*/ 2583085 w 3251834"/>
                <a:gd name="connsiteY36" fmla="*/ 6267260 h 7314342"/>
                <a:gd name="connsiteX37" fmla="*/ 2720816 w 3251834"/>
                <a:gd name="connsiteY37" fmla="*/ 6386989 h 7314342"/>
                <a:gd name="connsiteX38" fmla="*/ 2808065 w 3251834"/>
                <a:gd name="connsiteY38" fmla="*/ 6425756 h 7314342"/>
                <a:gd name="connsiteX39" fmla="*/ 3105055 w 3251834"/>
                <a:gd name="connsiteY39" fmla="*/ 6985254 h 7314342"/>
                <a:gd name="connsiteX40" fmla="*/ 3251835 w 3251834"/>
                <a:gd name="connsiteY40" fmla="*/ 7314343 h 7314342"/>
                <a:gd name="connsiteX41" fmla="*/ 3246406 w 3251834"/>
                <a:gd name="connsiteY41" fmla="*/ 7314343 h 7314342"/>
                <a:gd name="connsiteX42" fmla="*/ 3100483 w 3251834"/>
                <a:gd name="connsiteY42" fmla="*/ 6986111 h 7314342"/>
                <a:gd name="connsiteX43" fmla="*/ 2805208 w 3251834"/>
                <a:gd name="connsiteY43" fmla="*/ 6429185 h 7314342"/>
                <a:gd name="connsiteX44" fmla="*/ 2719007 w 3251834"/>
                <a:gd name="connsiteY44" fmla="*/ 6391085 h 7314342"/>
                <a:gd name="connsiteX45" fmla="*/ 2578322 w 3251834"/>
                <a:gd name="connsiteY45" fmla="*/ 6268117 h 7314342"/>
                <a:gd name="connsiteX46" fmla="*/ 2553462 w 3251834"/>
                <a:gd name="connsiteY46" fmla="*/ 6166771 h 7314342"/>
                <a:gd name="connsiteX47" fmla="*/ 2481358 w 3251834"/>
                <a:gd name="connsiteY47" fmla="*/ 5989701 h 7314342"/>
                <a:gd name="connsiteX48" fmla="*/ 2454592 w 3251834"/>
                <a:gd name="connsiteY48" fmla="*/ 5683758 h 7314342"/>
                <a:gd name="connsiteX49" fmla="*/ 2459546 w 3251834"/>
                <a:gd name="connsiteY49" fmla="*/ 5511356 h 7314342"/>
                <a:gd name="connsiteX50" fmla="*/ 2479548 w 3251834"/>
                <a:gd name="connsiteY50" fmla="*/ 4916234 h 7314342"/>
                <a:gd name="connsiteX51" fmla="*/ 2710720 w 3251834"/>
                <a:gd name="connsiteY51" fmla="*/ 4201097 h 7314342"/>
                <a:gd name="connsiteX52" fmla="*/ 2892933 w 3251834"/>
                <a:gd name="connsiteY52" fmla="*/ 4134422 h 7314342"/>
                <a:gd name="connsiteX53" fmla="*/ 2964561 w 3251834"/>
                <a:gd name="connsiteY53" fmla="*/ 4121753 h 7314342"/>
                <a:gd name="connsiteX54" fmla="*/ 2991136 w 3251834"/>
                <a:gd name="connsiteY54" fmla="*/ 4098512 h 7314342"/>
                <a:gd name="connsiteX55" fmla="*/ 2970943 w 3251834"/>
                <a:gd name="connsiteY55" fmla="*/ 4032314 h 7314342"/>
                <a:gd name="connsiteX56" fmla="*/ 2959132 w 3251834"/>
                <a:gd name="connsiteY56" fmla="*/ 4009930 h 7314342"/>
                <a:gd name="connsiteX57" fmla="*/ 2942939 w 3251834"/>
                <a:gd name="connsiteY57" fmla="*/ 3929253 h 7314342"/>
                <a:gd name="connsiteX58" fmla="*/ 2882361 w 3251834"/>
                <a:gd name="connsiteY58" fmla="*/ 3748278 h 7314342"/>
                <a:gd name="connsiteX59" fmla="*/ 2801970 w 3251834"/>
                <a:gd name="connsiteY59" fmla="*/ 3581210 h 7314342"/>
                <a:gd name="connsiteX60" fmla="*/ 2764536 w 3251834"/>
                <a:gd name="connsiteY60" fmla="*/ 3468434 h 7314342"/>
                <a:gd name="connsiteX61" fmla="*/ 2650236 w 3251834"/>
                <a:gd name="connsiteY61" fmla="*/ 3391757 h 7314342"/>
                <a:gd name="connsiteX62" fmla="*/ 2475928 w 3251834"/>
                <a:gd name="connsiteY62" fmla="*/ 3285649 h 7314342"/>
                <a:gd name="connsiteX63" fmla="*/ 2199037 w 3251834"/>
                <a:gd name="connsiteY63" fmla="*/ 3026759 h 7314342"/>
                <a:gd name="connsiteX64" fmla="*/ 2147507 w 3251834"/>
                <a:gd name="connsiteY64" fmla="*/ 2987802 h 7314342"/>
                <a:gd name="connsiteX65" fmla="*/ 2023681 w 3251834"/>
                <a:gd name="connsiteY65" fmla="*/ 2928842 h 7314342"/>
                <a:gd name="connsiteX66" fmla="*/ 1756315 w 3251834"/>
                <a:gd name="connsiteY66" fmla="*/ 2737676 h 7314342"/>
                <a:gd name="connsiteX67" fmla="*/ 1688592 w 3251834"/>
                <a:gd name="connsiteY67" fmla="*/ 2611565 h 7314342"/>
                <a:gd name="connsiteX68" fmla="*/ 1528668 w 3251834"/>
                <a:gd name="connsiteY68" fmla="*/ 2189512 h 7314342"/>
                <a:gd name="connsiteX69" fmla="*/ 1420749 w 3251834"/>
                <a:gd name="connsiteY69" fmla="*/ 1874044 h 7314342"/>
                <a:gd name="connsiteX70" fmla="*/ 1349883 w 3251834"/>
                <a:gd name="connsiteY70" fmla="*/ 1699641 h 7314342"/>
                <a:gd name="connsiteX71" fmla="*/ 1236821 w 3251834"/>
                <a:gd name="connsiteY71" fmla="*/ 1562481 h 7314342"/>
                <a:gd name="connsiteX72" fmla="*/ 1151096 w 3251834"/>
                <a:gd name="connsiteY72" fmla="*/ 1495806 h 7314342"/>
                <a:gd name="connsiteX73" fmla="*/ 1022509 w 3251834"/>
                <a:gd name="connsiteY73" fmla="*/ 1302449 h 7314342"/>
                <a:gd name="connsiteX74" fmla="*/ 872109 w 3251834"/>
                <a:gd name="connsiteY74" fmla="*/ 1060799 h 7314342"/>
                <a:gd name="connsiteX75" fmla="*/ 735330 w 3251834"/>
                <a:gd name="connsiteY75" fmla="*/ 727424 h 7314342"/>
                <a:gd name="connsiteX76" fmla="*/ 680561 w 3251834"/>
                <a:gd name="connsiteY76" fmla="*/ 677037 h 7314342"/>
                <a:gd name="connsiteX77" fmla="*/ 566261 w 3251834"/>
                <a:gd name="connsiteY77" fmla="*/ 515684 h 7314342"/>
                <a:gd name="connsiteX78" fmla="*/ 378618 w 3251834"/>
                <a:gd name="connsiteY78" fmla="*/ 287084 h 7314342"/>
                <a:gd name="connsiteX79" fmla="*/ 290036 w 3251834"/>
                <a:gd name="connsiteY79" fmla="*/ 158972 h 7314342"/>
                <a:gd name="connsiteX80" fmla="*/ 249746 w 3251834"/>
                <a:gd name="connsiteY80" fmla="*/ 80296 h 7314342"/>
                <a:gd name="connsiteX81" fmla="*/ 125349 w 3251834"/>
                <a:gd name="connsiteY81" fmla="*/ 48197 h 7314342"/>
                <a:gd name="connsiteX82" fmla="*/ 0 w 3251834"/>
                <a:gd name="connsiteY82" fmla="*/ 572 h 7314342"/>
                <a:gd name="connsiteX83" fmla="*/ 1619 w 3251834"/>
                <a:gd name="connsiteY83" fmla="*/ 0 h 7314342"/>
                <a:gd name="connsiteX84" fmla="*/ 5620 w 3251834"/>
                <a:gd name="connsiteY84" fmla="*/ 0 h 7314342"/>
                <a:gd name="connsiteX85" fmla="*/ 126397 w 3251834"/>
                <a:gd name="connsiteY85" fmla="*/ 42863 h 7314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251834" h="7314342">
                  <a:moveTo>
                    <a:pt x="126397" y="42863"/>
                  </a:moveTo>
                  <a:cubicBezTo>
                    <a:pt x="173450" y="49054"/>
                    <a:pt x="222218" y="55436"/>
                    <a:pt x="252698" y="75724"/>
                  </a:cubicBezTo>
                  <a:cubicBezTo>
                    <a:pt x="283178" y="96012"/>
                    <a:pt x="288417" y="125444"/>
                    <a:pt x="294989" y="157353"/>
                  </a:cubicBezTo>
                  <a:cubicBezTo>
                    <a:pt x="303847" y="199739"/>
                    <a:pt x="314039" y="247841"/>
                    <a:pt x="380714" y="282321"/>
                  </a:cubicBezTo>
                  <a:cubicBezTo>
                    <a:pt x="502920" y="344615"/>
                    <a:pt x="519970" y="371856"/>
                    <a:pt x="571119" y="513493"/>
                  </a:cubicBezTo>
                  <a:cubicBezTo>
                    <a:pt x="606171" y="610743"/>
                    <a:pt x="643985" y="640842"/>
                    <a:pt x="683990" y="672751"/>
                  </a:cubicBezTo>
                  <a:cubicBezTo>
                    <a:pt x="703997" y="687926"/>
                    <a:pt x="722441" y="705061"/>
                    <a:pt x="739045" y="723900"/>
                  </a:cubicBezTo>
                  <a:cubicBezTo>
                    <a:pt x="783717" y="775907"/>
                    <a:pt x="828770" y="885825"/>
                    <a:pt x="876776" y="1059371"/>
                  </a:cubicBezTo>
                  <a:cubicBezTo>
                    <a:pt x="893350" y="1119283"/>
                    <a:pt x="960977" y="1210818"/>
                    <a:pt x="1026414" y="1299401"/>
                  </a:cubicBezTo>
                  <a:cubicBezTo>
                    <a:pt x="1080326" y="1372362"/>
                    <a:pt x="1131189" y="1441323"/>
                    <a:pt x="1155477" y="1493615"/>
                  </a:cubicBezTo>
                  <a:cubicBezTo>
                    <a:pt x="1178147" y="1542383"/>
                    <a:pt x="1207199" y="1550003"/>
                    <a:pt x="1237964" y="1558100"/>
                  </a:cubicBezTo>
                  <a:cubicBezTo>
                    <a:pt x="1280446" y="1569244"/>
                    <a:pt x="1324451" y="1580769"/>
                    <a:pt x="1354455" y="1698593"/>
                  </a:cubicBezTo>
                  <a:cubicBezTo>
                    <a:pt x="1369229" y="1759537"/>
                    <a:pt x="1392950" y="1817956"/>
                    <a:pt x="1424845" y="1871948"/>
                  </a:cubicBezTo>
                  <a:cubicBezTo>
                    <a:pt x="1460183" y="1935861"/>
                    <a:pt x="1496663" y="2001965"/>
                    <a:pt x="1533239" y="2188845"/>
                  </a:cubicBezTo>
                  <a:cubicBezTo>
                    <a:pt x="1577245" y="2414207"/>
                    <a:pt x="1636300" y="2513743"/>
                    <a:pt x="1692974" y="2608993"/>
                  </a:cubicBezTo>
                  <a:cubicBezTo>
                    <a:pt x="1718178" y="2649728"/>
                    <a:pt x="1740859" y="2691971"/>
                    <a:pt x="1760887" y="2735485"/>
                  </a:cubicBezTo>
                  <a:cubicBezTo>
                    <a:pt x="1807178" y="2839403"/>
                    <a:pt x="1928336" y="2886361"/>
                    <a:pt x="2025682" y="2924175"/>
                  </a:cubicBezTo>
                  <a:cubicBezTo>
                    <a:pt x="2077307" y="2944178"/>
                    <a:pt x="2121884" y="2961513"/>
                    <a:pt x="2150459" y="2983897"/>
                  </a:cubicBezTo>
                  <a:cubicBezTo>
                    <a:pt x="2165985" y="2996089"/>
                    <a:pt x="2183416" y="3009043"/>
                    <a:pt x="2201895" y="3022759"/>
                  </a:cubicBezTo>
                  <a:cubicBezTo>
                    <a:pt x="2282190" y="3082385"/>
                    <a:pt x="2392395" y="3164205"/>
                    <a:pt x="2479834" y="3282696"/>
                  </a:cubicBezTo>
                  <a:cubicBezTo>
                    <a:pt x="2534983" y="3357182"/>
                    <a:pt x="2596896" y="3372993"/>
                    <a:pt x="2651284" y="3386900"/>
                  </a:cubicBezTo>
                  <a:cubicBezTo>
                    <a:pt x="2701862" y="3399854"/>
                    <a:pt x="2745581" y="3410998"/>
                    <a:pt x="2768727" y="3466433"/>
                  </a:cubicBezTo>
                  <a:cubicBezTo>
                    <a:pt x="2783675" y="3503653"/>
                    <a:pt x="2796304" y="3541762"/>
                    <a:pt x="2806541" y="3580543"/>
                  </a:cubicBezTo>
                  <a:cubicBezTo>
                    <a:pt x="2824924" y="3644932"/>
                    <a:pt x="2840831" y="3700558"/>
                    <a:pt x="2885694" y="3745611"/>
                  </a:cubicBezTo>
                  <a:cubicBezTo>
                    <a:pt x="2930557" y="3790664"/>
                    <a:pt x="2940463" y="3867912"/>
                    <a:pt x="2947607" y="3929158"/>
                  </a:cubicBezTo>
                  <a:cubicBezTo>
                    <a:pt x="2951512" y="3962495"/>
                    <a:pt x="2954941" y="3991356"/>
                    <a:pt x="2963323" y="4008311"/>
                  </a:cubicBezTo>
                  <a:cubicBezTo>
                    <a:pt x="2967133" y="4015835"/>
                    <a:pt x="2971134" y="4023360"/>
                    <a:pt x="2975039" y="4030599"/>
                  </a:cubicBezTo>
                  <a:cubicBezTo>
                    <a:pt x="2989802" y="4057650"/>
                    <a:pt x="3002471" y="4080986"/>
                    <a:pt x="2995612" y="4100608"/>
                  </a:cubicBezTo>
                  <a:cubicBezTo>
                    <a:pt x="2990062" y="4113044"/>
                    <a:pt x="2979452" y="4122510"/>
                    <a:pt x="2966466" y="4126611"/>
                  </a:cubicBezTo>
                  <a:cubicBezTo>
                    <a:pt x="2947416" y="4134517"/>
                    <a:pt x="2922460" y="4136898"/>
                    <a:pt x="2893409" y="4139660"/>
                  </a:cubicBezTo>
                  <a:cubicBezTo>
                    <a:pt x="2837021" y="4144899"/>
                    <a:pt x="2766918" y="4151471"/>
                    <a:pt x="2714053" y="4204907"/>
                  </a:cubicBezTo>
                  <a:cubicBezTo>
                    <a:pt x="2635758" y="4284059"/>
                    <a:pt x="2508885" y="4742688"/>
                    <a:pt x="2484501" y="4917377"/>
                  </a:cubicBezTo>
                  <a:cubicBezTo>
                    <a:pt x="2462118" y="5077873"/>
                    <a:pt x="2448496" y="5383435"/>
                    <a:pt x="2464499" y="5511165"/>
                  </a:cubicBezTo>
                  <a:cubicBezTo>
                    <a:pt x="2470214" y="5556980"/>
                    <a:pt x="2465070" y="5618988"/>
                    <a:pt x="2459546" y="5684710"/>
                  </a:cubicBezTo>
                  <a:cubicBezTo>
                    <a:pt x="2450021" y="5796915"/>
                    <a:pt x="2439543" y="5924264"/>
                    <a:pt x="2485549" y="5987415"/>
                  </a:cubicBezTo>
                  <a:cubicBezTo>
                    <a:pt x="2535460" y="6055995"/>
                    <a:pt x="2545651" y="6104668"/>
                    <a:pt x="2558415" y="6166294"/>
                  </a:cubicBezTo>
                  <a:cubicBezTo>
                    <a:pt x="2564511" y="6194869"/>
                    <a:pt x="2571274" y="6227922"/>
                    <a:pt x="2583085" y="6267260"/>
                  </a:cubicBezTo>
                  <a:cubicBezTo>
                    <a:pt x="2607659" y="6348698"/>
                    <a:pt x="2662619" y="6367272"/>
                    <a:pt x="2720816" y="6386989"/>
                  </a:cubicBezTo>
                  <a:cubicBezTo>
                    <a:pt x="2751503" y="6395950"/>
                    <a:pt x="2780848" y="6408988"/>
                    <a:pt x="2808065" y="6425756"/>
                  </a:cubicBezTo>
                  <a:cubicBezTo>
                    <a:pt x="2891028" y="6481096"/>
                    <a:pt x="3040856" y="6763512"/>
                    <a:pt x="3105055" y="6985254"/>
                  </a:cubicBezTo>
                  <a:cubicBezTo>
                    <a:pt x="3139345" y="7104793"/>
                    <a:pt x="3196495" y="7219951"/>
                    <a:pt x="3251835" y="7314343"/>
                  </a:cubicBezTo>
                  <a:lnTo>
                    <a:pt x="3246406" y="7314343"/>
                  </a:lnTo>
                  <a:cubicBezTo>
                    <a:pt x="3191542" y="7220141"/>
                    <a:pt x="3134963" y="7105364"/>
                    <a:pt x="3100483" y="6986111"/>
                  </a:cubicBezTo>
                  <a:cubicBezTo>
                    <a:pt x="3036570" y="6765132"/>
                    <a:pt x="2887599" y="6484144"/>
                    <a:pt x="2805208" y="6429185"/>
                  </a:cubicBezTo>
                  <a:cubicBezTo>
                    <a:pt x="2778291" y="6412717"/>
                    <a:pt x="2749303" y="6399905"/>
                    <a:pt x="2719007" y="6391085"/>
                  </a:cubicBezTo>
                  <a:cubicBezTo>
                    <a:pt x="2659571" y="6370892"/>
                    <a:pt x="2603468" y="6351937"/>
                    <a:pt x="2578322" y="6268117"/>
                  </a:cubicBezTo>
                  <a:cubicBezTo>
                    <a:pt x="2566416" y="6228588"/>
                    <a:pt x="2559272" y="6195727"/>
                    <a:pt x="2553462" y="6166771"/>
                  </a:cubicBezTo>
                  <a:cubicBezTo>
                    <a:pt x="2540794" y="6105716"/>
                    <a:pt x="2530792" y="6057519"/>
                    <a:pt x="2481358" y="5989701"/>
                  </a:cubicBezTo>
                  <a:cubicBezTo>
                    <a:pt x="2434399" y="5925122"/>
                    <a:pt x="2445067" y="5796915"/>
                    <a:pt x="2454592" y="5683758"/>
                  </a:cubicBezTo>
                  <a:cubicBezTo>
                    <a:pt x="2460022" y="5618417"/>
                    <a:pt x="2465165" y="5556600"/>
                    <a:pt x="2459546" y="5511356"/>
                  </a:cubicBezTo>
                  <a:cubicBezTo>
                    <a:pt x="2443448" y="5383149"/>
                    <a:pt x="2457164" y="5077016"/>
                    <a:pt x="2479548" y="4916234"/>
                  </a:cubicBezTo>
                  <a:cubicBezTo>
                    <a:pt x="2501170" y="4762596"/>
                    <a:pt x="2627376" y="4285393"/>
                    <a:pt x="2710720" y="4201097"/>
                  </a:cubicBezTo>
                  <a:cubicBezTo>
                    <a:pt x="2764822" y="4146423"/>
                    <a:pt x="2835878" y="4139756"/>
                    <a:pt x="2892933" y="4134422"/>
                  </a:cubicBezTo>
                  <a:cubicBezTo>
                    <a:pt x="2917282" y="4133551"/>
                    <a:pt x="2941391" y="4129287"/>
                    <a:pt x="2964561" y="4121753"/>
                  </a:cubicBezTo>
                  <a:cubicBezTo>
                    <a:pt x="2976329" y="4118151"/>
                    <a:pt x="2985997" y="4109695"/>
                    <a:pt x="2991136" y="4098512"/>
                  </a:cubicBezTo>
                  <a:cubicBezTo>
                    <a:pt x="2997327" y="4080891"/>
                    <a:pt x="2985040" y="4058412"/>
                    <a:pt x="2970943" y="4032314"/>
                  </a:cubicBezTo>
                  <a:cubicBezTo>
                    <a:pt x="2966943" y="4025075"/>
                    <a:pt x="2962846" y="4017550"/>
                    <a:pt x="2959132" y="4009930"/>
                  </a:cubicBezTo>
                  <a:cubicBezTo>
                    <a:pt x="2950274" y="3992213"/>
                    <a:pt x="2946844" y="3963067"/>
                    <a:pt x="2942939" y="3929253"/>
                  </a:cubicBezTo>
                  <a:cubicBezTo>
                    <a:pt x="2935796" y="3868674"/>
                    <a:pt x="2927033" y="3793331"/>
                    <a:pt x="2882361" y="3748278"/>
                  </a:cubicBezTo>
                  <a:cubicBezTo>
                    <a:pt x="2837688" y="3703225"/>
                    <a:pt x="2820543" y="3646265"/>
                    <a:pt x="2801970" y="3581210"/>
                  </a:cubicBezTo>
                  <a:cubicBezTo>
                    <a:pt x="2791840" y="3542879"/>
                    <a:pt x="2779338" y="3505214"/>
                    <a:pt x="2764536" y="3468434"/>
                  </a:cubicBezTo>
                  <a:cubicBezTo>
                    <a:pt x="2742343" y="3415189"/>
                    <a:pt x="2699671" y="3404330"/>
                    <a:pt x="2650236" y="3391757"/>
                  </a:cubicBezTo>
                  <a:cubicBezTo>
                    <a:pt x="2594896" y="3377565"/>
                    <a:pt x="2532126" y="3361563"/>
                    <a:pt x="2475928" y="3285649"/>
                  </a:cubicBezTo>
                  <a:cubicBezTo>
                    <a:pt x="2388680" y="3167729"/>
                    <a:pt x="2283524" y="3089624"/>
                    <a:pt x="2199037" y="3026759"/>
                  </a:cubicBezTo>
                  <a:cubicBezTo>
                    <a:pt x="2180559" y="3013044"/>
                    <a:pt x="2163128" y="2999994"/>
                    <a:pt x="2147507" y="2987802"/>
                  </a:cubicBezTo>
                  <a:cubicBezTo>
                    <a:pt x="2119503" y="2965895"/>
                    <a:pt x="2075212" y="2948750"/>
                    <a:pt x="2023681" y="2928842"/>
                  </a:cubicBezTo>
                  <a:cubicBezTo>
                    <a:pt x="1925479" y="2890742"/>
                    <a:pt x="1803368" y="2843117"/>
                    <a:pt x="1756315" y="2737676"/>
                  </a:cubicBezTo>
                  <a:cubicBezTo>
                    <a:pt x="1736272" y="2694328"/>
                    <a:pt x="1713657" y="2652216"/>
                    <a:pt x="1688592" y="2611565"/>
                  </a:cubicBezTo>
                  <a:cubicBezTo>
                    <a:pt x="1631442" y="2515267"/>
                    <a:pt x="1572863" y="2415731"/>
                    <a:pt x="1528668" y="2189512"/>
                  </a:cubicBezTo>
                  <a:cubicBezTo>
                    <a:pt x="1492187" y="2003393"/>
                    <a:pt x="1455896" y="1937576"/>
                    <a:pt x="1420749" y="1874044"/>
                  </a:cubicBezTo>
                  <a:cubicBezTo>
                    <a:pt x="1388682" y="1819709"/>
                    <a:pt x="1364803" y="1760943"/>
                    <a:pt x="1349883" y="1699641"/>
                  </a:cubicBezTo>
                  <a:cubicBezTo>
                    <a:pt x="1320641" y="1584484"/>
                    <a:pt x="1278065" y="1573340"/>
                    <a:pt x="1236821" y="1562481"/>
                  </a:cubicBezTo>
                  <a:cubicBezTo>
                    <a:pt x="1206341" y="1554480"/>
                    <a:pt x="1174814" y="1546288"/>
                    <a:pt x="1151096" y="1495806"/>
                  </a:cubicBezTo>
                  <a:cubicBezTo>
                    <a:pt x="1127379" y="1445324"/>
                    <a:pt x="1076230" y="1375220"/>
                    <a:pt x="1022509" y="1302449"/>
                  </a:cubicBezTo>
                  <a:cubicBezTo>
                    <a:pt x="956786" y="1213485"/>
                    <a:pt x="889159" y="1121474"/>
                    <a:pt x="872109" y="1060799"/>
                  </a:cubicBezTo>
                  <a:cubicBezTo>
                    <a:pt x="824484" y="887825"/>
                    <a:pt x="779526" y="778669"/>
                    <a:pt x="735330" y="727424"/>
                  </a:cubicBezTo>
                  <a:cubicBezTo>
                    <a:pt x="718792" y="708852"/>
                    <a:pt x="700445" y="691973"/>
                    <a:pt x="680561" y="677037"/>
                  </a:cubicBezTo>
                  <a:cubicBezTo>
                    <a:pt x="639985" y="644747"/>
                    <a:pt x="601694" y="614172"/>
                    <a:pt x="566261" y="515684"/>
                  </a:cubicBezTo>
                  <a:cubicBezTo>
                    <a:pt x="515683" y="375380"/>
                    <a:pt x="498825" y="348424"/>
                    <a:pt x="378618" y="287084"/>
                  </a:cubicBezTo>
                  <a:cubicBezTo>
                    <a:pt x="309277" y="251651"/>
                    <a:pt x="298990" y="202406"/>
                    <a:pt x="290036" y="158972"/>
                  </a:cubicBezTo>
                  <a:cubicBezTo>
                    <a:pt x="283274" y="126683"/>
                    <a:pt x="277463" y="98774"/>
                    <a:pt x="249746" y="80296"/>
                  </a:cubicBezTo>
                  <a:cubicBezTo>
                    <a:pt x="220123" y="60579"/>
                    <a:pt x="171926" y="54293"/>
                    <a:pt x="125349" y="48197"/>
                  </a:cubicBezTo>
                  <a:cubicBezTo>
                    <a:pt x="67246" y="40577"/>
                    <a:pt x="12382" y="33433"/>
                    <a:pt x="0" y="572"/>
                  </a:cubicBezTo>
                  <a:lnTo>
                    <a:pt x="1619" y="0"/>
                  </a:lnTo>
                  <a:lnTo>
                    <a:pt x="5620" y="0"/>
                  </a:lnTo>
                  <a:cubicBezTo>
                    <a:pt x="17526" y="28670"/>
                    <a:pt x="70390" y="35624"/>
                    <a:pt x="126397" y="4286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9" name="Freeform: Shape 113">
              <a:extLst>
                <a:ext uri="{FF2B5EF4-FFF2-40B4-BE49-F238E27FC236}">
                  <a16:creationId xmlns:a16="http://schemas.microsoft.com/office/drawing/2014/main" id="{051ABAC3-ACA1-764F-A94D-182CB12A7EBC}"/>
                </a:ext>
              </a:extLst>
            </p:cNvPr>
            <p:cNvSpPr/>
            <p:nvPr/>
          </p:nvSpPr>
          <p:spPr>
            <a:xfrm>
              <a:off x="4011214" y="-1668102"/>
              <a:ext cx="3973572" cy="8868984"/>
            </a:xfrm>
            <a:custGeom>
              <a:avLst/>
              <a:gdLst>
                <a:gd name="connsiteX0" fmla="*/ 102870 w 3254572"/>
                <a:gd name="connsiteY0" fmla="*/ 207740 h 7315009"/>
                <a:gd name="connsiteX1" fmla="*/ 200406 w 3254572"/>
                <a:gd name="connsiteY1" fmla="*/ 269462 h 7315009"/>
                <a:gd name="connsiteX2" fmla="*/ 267081 w 3254572"/>
                <a:gd name="connsiteY2" fmla="*/ 389001 h 7315009"/>
                <a:gd name="connsiteX3" fmla="*/ 282987 w 3254572"/>
                <a:gd name="connsiteY3" fmla="*/ 449580 h 7315009"/>
                <a:gd name="connsiteX4" fmla="*/ 377285 w 3254572"/>
                <a:gd name="connsiteY4" fmla="*/ 557308 h 7315009"/>
                <a:gd name="connsiteX5" fmla="*/ 431578 w 3254572"/>
                <a:gd name="connsiteY5" fmla="*/ 591122 h 7315009"/>
                <a:gd name="connsiteX6" fmla="*/ 544735 w 3254572"/>
                <a:gd name="connsiteY6" fmla="*/ 768477 h 7315009"/>
                <a:gd name="connsiteX7" fmla="*/ 590073 w 3254572"/>
                <a:gd name="connsiteY7" fmla="*/ 930402 h 7315009"/>
                <a:gd name="connsiteX8" fmla="*/ 644651 w 3254572"/>
                <a:gd name="connsiteY8" fmla="*/ 988981 h 7315009"/>
                <a:gd name="connsiteX9" fmla="*/ 750950 w 3254572"/>
                <a:gd name="connsiteY9" fmla="*/ 1107186 h 7315009"/>
                <a:gd name="connsiteX10" fmla="*/ 872871 w 3254572"/>
                <a:gd name="connsiteY10" fmla="*/ 1235678 h 7315009"/>
                <a:gd name="connsiteX11" fmla="*/ 1022699 w 3254572"/>
                <a:gd name="connsiteY11" fmla="*/ 1399127 h 7315009"/>
                <a:gd name="connsiteX12" fmla="*/ 1091946 w 3254572"/>
                <a:gd name="connsiteY12" fmla="*/ 1475327 h 7315009"/>
                <a:gd name="connsiteX13" fmla="*/ 1137570 w 3254572"/>
                <a:gd name="connsiteY13" fmla="*/ 1492377 h 7315009"/>
                <a:gd name="connsiteX14" fmla="*/ 1329594 w 3254572"/>
                <a:gd name="connsiteY14" fmla="*/ 1733360 h 7315009"/>
                <a:gd name="connsiteX15" fmla="*/ 1411319 w 3254572"/>
                <a:gd name="connsiteY15" fmla="*/ 2092833 h 7315009"/>
                <a:gd name="connsiteX16" fmla="*/ 1443418 w 3254572"/>
                <a:gd name="connsiteY16" fmla="*/ 2257330 h 7315009"/>
                <a:gd name="connsiteX17" fmla="*/ 1592675 w 3254572"/>
                <a:gd name="connsiteY17" fmla="*/ 2522887 h 7315009"/>
                <a:gd name="connsiteX18" fmla="*/ 1732407 w 3254572"/>
                <a:gd name="connsiteY18" fmla="*/ 2657666 h 7315009"/>
                <a:gd name="connsiteX19" fmla="*/ 1829848 w 3254572"/>
                <a:gd name="connsiteY19" fmla="*/ 2754630 h 7315009"/>
                <a:gd name="connsiteX20" fmla="*/ 1894237 w 3254572"/>
                <a:gd name="connsiteY20" fmla="*/ 2804541 h 7315009"/>
                <a:gd name="connsiteX21" fmla="*/ 2050256 w 3254572"/>
                <a:gd name="connsiteY21" fmla="*/ 2958465 h 7315009"/>
                <a:gd name="connsiteX22" fmla="*/ 2304479 w 3254572"/>
                <a:gd name="connsiteY22" fmla="*/ 3183350 h 7315009"/>
                <a:gd name="connsiteX23" fmla="*/ 2371154 w 3254572"/>
                <a:gd name="connsiteY23" fmla="*/ 3232404 h 7315009"/>
                <a:gd name="connsiteX24" fmla="*/ 2418779 w 3254572"/>
                <a:gd name="connsiteY24" fmla="*/ 3268409 h 7315009"/>
                <a:gd name="connsiteX25" fmla="*/ 2809304 w 3254572"/>
                <a:gd name="connsiteY25" fmla="*/ 3620071 h 7315009"/>
                <a:gd name="connsiteX26" fmla="*/ 3005138 w 3254572"/>
                <a:gd name="connsiteY26" fmla="*/ 3801046 h 7315009"/>
                <a:gd name="connsiteX27" fmla="*/ 3244786 w 3254572"/>
                <a:gd name="connsiteY27" fmla="*/ 4023075 h 7315009"/>
                <a:gd name="connsiteX28" fmla="*/ 3170301 w 3254572"/>
                <a:gd name="connsiteY28" fmla="*/ 4322826 h 7315009"/>
                <a:gd name="connsiteX29" fmla="*/ 3088195 w 3254572"/>
                <a:gd name="connsiteY29" fmla="*/ 4510469 h 7315009"/>
                <a:gd name="connsiteX30" fmla="*/ 2794349 w 3254572"/>
                <a:gd name="connsiteY30" fmla="*/ 4770978 h 7315009"/>
                <a:gd name="connsiteX31" fmla="*/ 2696147 w 3254572"/>
                <a:gd name="connsiteY31" fmla="*/ 4704303 h 7315009"/>
                <a:gd name="connsiteX32" fmla="*/ 2569559 w 3254572"/>
                <a:gd name="connsiteY32" fmla="*/ 4627150 h 7315009"/>
                <a:gd name="connsiteX33" fmla="*/ 2496026 w 3254572"/>
                <a:gd name="connsiteY33" fmla="*/ 4692682 h 7315009"/>
                <a:gd name="connsiteX34" fmla="*/ 2359533 w 3254572"/>
                <a:gd name="connsiteY34" fmla="*/ 5159407 h 7315009"/>
                <a:gd name="connsiteX35" fmla="*/ 2352580 w 3254572"/>
                <a:gd name="connsiteY35" fmla="*/ 5212652 h 7315009"/>
                <a:gd name="connsiteX36" fmla="*/ 2344007 w 3254572"/>
                <a:gd name="connsiteY36" fmla="*/ 5883116 h 7315009"/>
                <a:gd name="connsiteX37" fmla="*/ 2601182 w 3254572"/>
                <a:gd name="connsiteY37" fmla="*/ 6272308 h 7315009"/>
                <a:gd name="connsiteX38" fmla="*/ 2684621 w 3254572"/>
                <a:gd name="connsiteY38" fmla="*/ 6351651 h 7315009"/>
                <a:gd name="connsiteX39" fmla="*/ 2874550 w 3254572"/>
                <a:gd name="connsiteY39" fmla="*/ 6784943 h 7315009"/>
                <a:gd name="connsiteX40" fmla="*/ 2899505 w 3254572"/>
                <a:gd name="connsiteY40" fmla="*/ 6912007 h 7315009"/>
                <a:gd name="connsiteX41" fmla="*/ 3047047 w 3254572"/>
                <a:gd name="connsiteY41" fmla="*/ 7240239 h 7315009"/>
                <a:gd name="connsiteX42" fmla="*/ 3086481 w 3254572"/>
                <a:gd name="connsiteY42" fmla="*/ 7315010 h 7315009"/>
                <a:gd name="connsiteX43" fmla="*/ 3081052 w 3254572"/>
                <a:gd name="connsiteY43" fmla="*/ 7315010 h 7315009"/>
                <a:gd name="connsiteX44" fmla="*/ 3042952 w 3254572"/>
                <a:gd name="connsiteY44" fmla="*/ 7242525 h 7315009"/>
                <a:gd name="connsiteX45" fmla="*/ 2895029 w 3254572"/>
                <a:gd name="connsiteY45" fmla="*/ 6913245 h 7315009"/>
                <a:gd name="connsiteX46" fmla="*/ 2869787 w 3254572"/>
                <a:gd name="connsiteY46" fmla="*/ 6785705 h 7315009"/>
                <a:gd name="connsiteX47" fmla="*/ 2681192 w 3254572"/>
                <a:gd name="connsiteY47" fmla="*/ 6355080 h 7315009"/>
                <a:gd name="connsiteX48" fmla="*/ 2597849 w 3254572"/>
                <a:gd name="connsiteY48" fmla="*/ 6275832 h 7315009"/>
                <a:gd name="connsiteX49" fmla="*/ 2339435 w 3254572"/>
                <a:gd name="connsiteY49" fmla="*/ 5883879 h 7315009"/>
                <a:gd name="connsiteX50" fmla="*/ 2348007 w 3254572"/>
                <a:gd name="connsiteY50" fmla="*/ 5211985 h 7315009"/>
                <a:gd name="connsiteX51" fmla="*/ 2354866 w 3254572"/>
                <a:gd name="connsiteY51" fmla="*/ 5158740 h 7315009"/>
                <a:gd name="connsiteX52" fmla="*/ 2492025 w 3254572"/>
                <a:gd name="connsiteY52" fmla="*/ 4690205 h 7315009"/>
                <a:gd name="connsiteX53" fmla="*/ 2569083 w 3254572"/>
                <a:gd name="connsiteY53" fmla="*/ 4622387 h 7315009"/>
                <a:gd name="connsiteX54" fmla="*/ 2699671 w 3254572"/>
                <a:gd name="connsiteY54" fmla="*/ 4700873 h 7315009"/>
                <a:gd name="connsiteX55" fmla="*/ 2794254 w 3254572"/>
                <a:gd name="connsiteY55" fmla="*/ 4765739 h 7315009"/>
                <a:gd name="connsiteX56" fmla="*/ 3083814 w 3254572"/>
                <a:gd name="connsiteY56" fmla="*/ 4508564 h 7315009"/>
                <a:gd name="connsiteX57" fmla="*/ 3166205 w 3254572"/>
                <a:gd name="connsiteY57" fmla="*/ 4320254 h 7315009"/>
                <a:gd name="connsiteX58" fmla="*/ 3240405 w 3254572"/>
                <a:gd name="connsiteY58" fmla="*/ 4024217 h 7315009"/>
                <a:gd name="connsiteX59" fmla="*/ 3003899 w 3254572"/>
                <a:gd name="connsiteY59" fmla="*/ 3805142 h 7315009"/>
                <a:gd name="connsiteX60" fmla="*/ 2805017 w 3254572"/>
                <a:gd name="connsiteY60" fmla="*/ 3621691 h 7315009"/>
                <a:gd name="connsiteX61" fmla="*/ 2415921 w 3254572"/>
                <a:gd name="connsiteY61" fmla="*/ 3271933 h 7315009"/>
                <a:gd name="connsiteX62" fmla="*/ 2368296 w 3254572"/>
                <a:gd name="connsiteY62" fmla="*/ 3235833 h 7315009"/>
                <a:gd name="connsiteX63" fmla="*/ 2301621 w 3254572"/>
                <a:gd name="connsiteY63" fmla="*/ 3186970 h 7315009"/>
                <a:gd name="connsiteX64" fmla="*/ 2045779 w 3254572"/>
                <a:gd name="connsiteY64" fmla="*/ 2960084 h 7315009"/>
                <a:gd name="connsiteX65" fmla="*/ 1891379 w 3254572"/>
                <a:gd name="connsiteY65" fmla="*/ 2807684 h 7315009"/>
                <a:gd name="connsiteX66" fmla="*/ 1826609 w 3254572"/>
                <a:gd name="connsiteY66" fmla="*/ 2757488 h 7315009"/>
                <a:gd name="connsiteX67" fmla="*/ 1728882 w 3254572"/>
                <a:gd name="connsiteY67" fmla="*/ 2660237 h 7315009"/>
                <a:gd name="connsiteX68" fmla="*/ 1589722 w 3254572"/>
                <a:gd name="connsiteY68" fmla="*/ 2525840 h 7315009"/>
                <a:gd name="connsiteX69" fmla="*/ 1438656 w 3254572"/>
                <a:gd name="connsiteY69" fmla="*/ 2257616 h 7315009"/>
                <a:gd name="connsiteX70" fmla="*/ 1406557 w 3254572"/>
                <a:gd name="connsiteY70" fmla="*/ 2092928 h 7315009"/>
                <a:gd name="connsiteX71" fmla="*/ 1325118 w 3254572"/>
                <a:gd name="connsiteY71" fmla="*/ 1734407 h 7315009"/>
                <a:gd name="connsiteX72" fmla="*/ 1135380 w 3254572"/>
                <a:gd name="connsiteY72" fmla="*/ 1496282 h 7315009"/>
                <a:gd name="connsiteX73" fmla="*/ 1090612 w 3254572"/>
                <a:gd name="connsiteY73" fmla="*/ 1479518 h 7315009"/>
                <a:gd name="connsiteX74" fmla="*/ 1018604 w 3254572"/>
                <a:gd name="connsiteY74" fmla="*/ 1401699 h 7315009"/>
                <a:gd name="connsiteX75" fmla="*/ 869537 w 3254572"/>
                <a:gd name="connsiteY75" fmla="*/ 1239203 h 7315009"/>
                <a:gd name="connsiteX76" fmla="*/ 746950 w 3254572"/>
                <a:gd name="connsiteY76" fmla="*/ 1109853 h 7315009"/>
                <a:gd name="connsiteX77" fmla="*/ 641318 w 3254572"/>
                <a:gd name="connsiteY77" fmla="*/ 992410 h 7315009"/>
                <a:gd name="connsiteX78" fmla="*/ 585692 w 3254572"/>
                <a:gd name="connsiteY78" fmla="*/ 933260 h 7315009"/>
                <a:gd name="connsiteX79" fmla="*/ 539591 w 3254572"/>
                <a:gd name="connsiteY79" fmla="*/ 769239 h 7315009"/>
                <a:gd name="connsiteX80" fmla="*/ 428244 w 3254572"/>
                <a:gd name="connsiteY80" fmla="*/ 595027 h 7315009"/>
                <a:gd name="connsiteX81" fmla="*/ 374618 w 3254572"/>
                <a:gd name="connsiteY81" fmla="*/ 561689 h 7315009"/>
                <a:gd name="connsiteX82" fmla="*/ 278035 w 3254572"/>
                <a:gd name="connsiteY82" fmla="*/ 451104 h 7315009"/>
                <a:gd name="connsiteX83" fmla="*/ 262032 w 3254572"/>
                <a:gd name="connsiteY83" fmla="*/ 390239 h 7315009"/>
                <a:gd name="connsiteX84" fmla="*/ 197167 w 3254572"/>
                <a:gd name="connsiteY84" fmla="*/ 273177 h 7315009"/>
                <a:gd name="connsiteX85" fmla="*/ 100679 w 3254572"/>
                <a:gd name="connsiteY85" fmla="*/ 212217 h 7315009"/>
                <a:gd name="connsiteX86" fmla="*/ 31432 w 3254572"/>
                <a:gd name="connsiteY86" fmla="*/ 160496 h 7315009"/>
                <a:gd name="connsiteX87" fmla="*/ 0 w 3254572"/>
                <a:gd name="connsiteY87" fmla="*/ 0 h 7315009"/>
                <a:gd name="connsiteX88" fmla="*/ 4857 w 3254572"/>
                <a:gd name="connsiteY88" fmla="*/ 0 h 7315009"/>
                <a:gd name="connsiteX89" fmla="*/ 35814 w 3254572"/>
                <a:gd name="connsiteY89" fmla="*/ 158687 h 7315009"/>
                <a:gd name="connsiteX90" fmla="*/ 102870 w 3254572"/>
                <a:gd name="connsiteY90" fmla="*/ 20774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254572" h="7315009">
                  <a:moveTo>
                    <a:pt x="102870" y="207740"/>
                  </a:moveTo>
                  <a:cubicBezTo>
                    <a:pt x="138260" y="223369"/>
                    <a:pt x="171131" y="244171"/>
                    <a:pt x="200406" y="269462"/>
                  </a:cubicBezTo>
                  <a:cubicBezTo>
                    <a:pt x="248983" y="314516"/>
                    <a:pt x="254889" y="339376"/>
                    <a:pt x="267081" y="389001"/>
                  </a:cubicBezTo>
                  <a:cubicBezTo>
                    <a:pt x="271081" y="406051"/>
                    <a:pt x="275748" y="425291"/>
                    <a:pt x="282987" y="449580"/>
                  </a:cubicBezTo>
                  <a:cubicBezTo>
                    <a:pt x="302895" y="516255"/>
                    <a:pt x="335756" y="534448"/>
                    <a:pt x="377285" y="557308"/>
                  </a:cubicBezTo>
                  <a:cubicBezTo>
                    <a:pt x="396242" y="567137"/>
                    <a:pt x="414395" y="578444"/>
                    <a:pt x="431578" y="591122"/>
                  </a:cubicBezTo>
                  <a:cubicBezTo>
                    <a:pt x="494633" y="638747"/>
                    <a:pt x="537972" y="707041"/>
                    <a:pt x="544735" y="768477"/>
                  </a:cubicBezTo>
                  <a:cubicBezTo>
                    <a:pt x="552926" y="843344"/>
                    <a:pt x="567785" y="896303"/>
                    <a:pt x="590073" y="930402"/>
                  </a:cubicBezTo>
                  <a:cubicBezTo>
                    <a:pt x="606221" y="951738"/>
                    <a:pt x="624510" y="971366"/>
                    <a:pt x="644651" y="988981"/>
                  </a:cubicBezTo>
                  <a:cubicBezTo>
                    <a:pt x="684100" y="1024577"/>
                    <a:pt x="719726" y="1064193"/>
                    <a:pt x="750950" y="1107186"/>
                  </a:cubicBezTo>
                  <a:cubicBezTo>
                    <a:pt x="778478" y="1146620"/>
                    <a:pt x="824293" y="1189958"/>
                    <a:pt x="872871" y="1235678"/>
                  </a:cubicBezTo>
                  <a:cubicBezTo>
                    <a:pt x="930021" y="1289399"/>
                    <a:pt x="988600" y="1344835"/>
                    <a:pt x="1022699" y="1399127"/>
                  </a:cubicBezTo>
                  <a:cubicBezTo>
                    <a:pt x="1065943" y="1467993"/>
                    <a:pt x="1070324" y="1469041"/>
                    <a:pt x="1091946" y="1475327"/>
                  </a:cubicBezTo>
                  <a:cubicBezTo>
                    <a:pt x="1107743" y="1479286"/>
                    <a:pt x="1123048" y="1485005"/>
                    <a:pt x="1137570" y="1492377"/>
                  </a:cubicBezTo>
                  <a:cubicBezTo>
                    <a:pt x="1209484" y="1527810"/>
                    <a:pt x="1286732" y="1624584"/>
                    <a:pt x="1329594" y="1733360"/>
                  </a:cubicBezTo>
                  <a:cubicBezTo>
                    <a:pt x="1358169" y="1806702"/>
                    <a:pt x="1386744" y="1958721"/>
                    <a:pt x="1411319" y="2092833"/>
                  </a:cubicBezTo>
                  <a:cubicBezTo>
                    <a:pt x="1422939" y="2155984"/>
                    <a:pt x="1433989" y="2215610"/>
                    <a:pt x="1443418" y="2257330"/>
                  </a:cubicBezTo>
                  <a:cubicBezTo>
                    <a:pt x="1470850" y="2378488"/>
                    <a:pt x="1521047" y="2467832"/>
                    <a:pt x="1592675" y="2522887"/>
                  </a:cubicBezTo>
                  <a:cubicBezTo>
                    <a:pt x="1632109" y="2553176"/>
                    <a:pt x="1683162" y="2606326"/>
                    <a:pt x="1732407" y="2657666"/>
                  </a:cubicBezTo>
                  <a:cubicBezTo>
                    <a:pt x="1768887" y="2695766"/>
                    <a:pt x="1803273" y="2731484"/>
                    <a:pt x="1829848" y="2754630"/>
                  </a:cubicBezTo>
                  <a:cubicBezTo>
                    <a:pt x="1847469" y="2770061"/>
                    <a:pt x="1870138" y="2786825"/>
                    <a:pt x="1894237" y="2804541"/>
                  </a:cubicBezTo>
                  <a:cubicBezTo>
                    <a:pt x="1956149" y="2850166"/>
                    <a:pt x="2026253" y="2901792"/>
                    <a:pt x="2050256" y="2958465"/>
                  </a:cubicBezTo>
                  <a:cubicBezTo>
                    <a:pt x="2075973" y="3018949"/>
                    <a:pt x="2213514" y="3117913"/>
                    <a:pt x="2304479" y="3183350"/>
                  </a:cubicBezTo>
                  <a:cubicBezTo>
                    <a:pt x="2331339" y="3202400"/>
                    <a:pt x="2354485" y="3219355"/>
                    <a:pt x="2371154" y="3232404"/>
                  </a:cubicBezTo>
                  <a:cubicBezTo>
                    <a:pt x="2382298" y="3241072"/>
                    <a:pt x="2398395" y="3253169"/>
                    <a:pt x="2418779" y="3268409"/>
                  </a:cubicBezTo>
                  <a:cubicBezTo>
                    <a:pt x="2533079" y="3354134"/>
                    <a:pt x="2771204" y="3532251"/>
                    <a:pt x="2809304" y="3620071"/>
                  </a:cubicBezTo>
                  <a:cubicBezTo>
                    <a:pt x="2855404" y="3724846"/>
                    <a:pt x="2904554" y="3770376"/>
                    <a:pt x="3005138" y="3801046"/>
                  </a:cubicBezTo>
                  <a:cubicBezTo>
                    <a:pt x="3126391" y="3837908"/>
                    <a:pt x="3202495" y="3908488"/>
                    <a:pt x="3244786" y="4023075"/>
                  </a:cubicBezTo>
                  <a:cubicBezTo>
                    <a:pt x="3276123" y="4107942"/>
                    <a:pt x="3227070" y="4207574"/>
                    <a:pt x="3170301" y="4322826"/>
                  </a:cubicBezTo>
                  <a:cubicBezTo>
                    <a:pt x="3138778" y="4383472"/>
                    <a:pt x="3111348" y="4446160"/>
                    <a:pt x="3088195" y="4510469"/>
                  </a:cubicBezTo>
                  <a:cubicBezTo>
                    <a:pt x="3021520" y="4709732"/>
                    <a:pt x="2872073" y="4767644"/>
                    <a:pt x="2794349" y="4770978"/>
                  </a:cubicBezTo>
                  <a:cubicBezTo>
                    <a:pt x="2763869" y="4772120"/>
                    <a:pt x="2731008" y="4739354"/>
                    <a:pt x="2696147" y="4704303"/>
                  </a:cubicBezTo>
                  <a:cubicBezTo>
                    <a:pt x="2655189" y="4663536"/>
                    <a:pt x="2612708" y="4621340"/>
                    <a:pt x="2569559" y="4627150"/>
                  </a:cubicBezTo>
                  <a:cubicBezTo>
                    <a:pt x="2543080" y="4630770"/>
                    <a:pt x="2519077" y="4652201"/>
                    <a:pt x="2496026" y="4692682"/>
                  </a:cubicBezTo>
                  <a:cubicBezTo>
                    <a:pt x="2397157" y="4866513"/>
                    <a:pt x="2386107" y="4952334"/>
                    <a:pt x="2359533" y="5159407"/>
                  </a:cubicBezTo>
                  <a:cubicBezTo>
                    <a:pt x="2357374" y="5176234"/>
                    <a:pt x="2355056" y="5193983"/>
                    <a:pt x="2352580" y="5212652"/>
                  </a:cubicBezTo>
                  <a:cubicBezTo>
                    <a:pt x="2316194" y="5491544"/>
                    <a:pt x="2313527" y="5698427"/>
                    <a:pt x="2344007" y="5883116"/>
                  </a:cubicBezTo>
                  <a:cubicBezTo>
                    <a:pt x="2372582" y="6057900"/>
                    <a:pt x="2458783" y="6138577"/>
                    <a:pt x="2601182" y="6272308"/>
                  </a:cubicBezTo>
                  <a:cubicBezTo>
                    <a:pt x="2627662" y="6297168"/>
                    <a:pt x="2654999" y="6322886"/>
                    <a:pt x="2684621" y="6351651"/>
                  </a:cubicBezTo>
                  <a:cubicBezTo>
                    <a:pt x="2827496" y="6490335"/>
                    <a:pt x="2853595" y="6653689"/>
                    <a:pt x="2874550" y="6784943"/>
                  </a:cubicBezTo>
                  <a:cubicBezTo>
                    <a:pt x="2880446" y="6827738"/>
                    <a:pt x="2888778" y="6870161"/>
                    <a:pt x="2899505" y="6912007"/>
                  </a:cubicBezTo>
                  <a:cubicBezTo>
                    <a:pt x="2931224" y="7022878"/>
                    <a:pt x="2992755" y="7138416"/>
                    <a:pt x="3047047" y="7240239"/>
                  </a:cubicBezTo>
                  <a:cubicBezTo>
                    <a:pt x="3060859" y="7266146"/>
                    <a:pt x="3074099" y="7291007"/>
                    <a:pt x="3086481" y="7315010"/>
                  </a:cubicBezTo>
                  <a:lnTo>
                    <a:pt x="3081052" y="7315010"/>
                  </a:lnTo>
                  <a:cubicBezTo>
                    <a:pt x="3069050" y="7291769"/>
                    <a:pt x="3056191" y="7267385"/>
                    <a:pt x="3042952" y="7242525"/>
                  </a:cubicBezTo>
                  <a:cubicBezTo>
                    <a:pt x="2988564" y="7140416"/>
                    <a:pt x="2926842" y="7024688"/>
                    <a:pt x="2895029" y="6913245"/>
                  </a:cubicBezTo>
                  <a:cubicBezTo>
                    <a:pt x="2884161" y="6871255"/>
                    <a:pt x="2875733" y="6828670"/>
                    <a:pt x="2869787" y="6785705"/>
                  </a:cubicBezTo>
                  <a:cubicBezTo>
                    <a:pt x="2847784" y="6648355"/>
                    <a:pt x="2822829" y="6492621"/>
                    <a:pt x="2681192" y="6355080"/>
                  </a:cubicBezTo>
                  <a:cubicBezTo>
                    <a:pt x="2651569" y="6326505"/>
                    <a:pt x="2624042" y="6300597"/>
                    <a:pt x="2597849" y="6275832"/>
                  </a:cubicBezTo>
                  <a:cubicBezTo>
                    <a:pt x="2454974" y="6141340"/>
                    <a:pt x="2368582" y="6060186"/>
                    <a:pt x="2339435" y="5883879"/>
                  </a:cubicBezTo>
                  <a:cubicBezTo>
                    <a:pt x="2308860" y="5698617"/>
                    <a:pt x="2311432" y="5491448"/>
                    <a:pt x="2348007" y="5211985"/>
                  </a:cubicBezTo>
                  <a:lnTo>
                    <a:pt x="2354866" y="5158740"/>
                  </a:lnTo>
                  <a:cubicBezTo>
                    <a:pt x="2381631" y="4950905"/>
                    <a:pt x="2392966" y="4864894"/>
                    <a:pt x="2492025" y="4690205"/>
                  </a:cubicBezTo>
                  <a:cubicBezTo>
                    <a:pt x="2515743" y="4648391"/>
                    <a:pt x="2540984" y="4626197"/>
                    <a:pt x="2569083" y="4622387"/>
                  </a:cubicBezTo>
                  <a:cubicBezTo>
                    <a:pt x="2614517" y="4616101"/>
                    <a:pt x="2657761" y="4659249"/>
                    <a:pt x="2699671" y="4700873"/>
                  </a:cubicBezTo>
                  <a:cubicBezTo>
                    <a:pt x="2733770" y="4734782"/>
                    <a:pt x="2766346" y="4766882"/>
                    <a:pt x="2794254" y="4765739"/>
                  </a:cubicBezTo>
                  <a:cubicBezTo>
                    <a:pt x="2870454" y="4762786"/>
                    <a:pt x="3017805" y="4705350"/>
                    <a:pt x="3083814" y="4508564"/>
                  </a:cubicBezTo>
                  <a:cubicBezTo>
                    <a:pt x="3107040" y="4444024"/>
                    <a:pt x="3134566" y="4381113"/>
                    <a:pt x="3166205" y="4320254"/>
                  </a:cubicBezTo>
                  <a:cubicBezTo>
                    <a:pt x="3222498" y="4205954"/>
                    <a:pt x="3270980" y="4107275"/>
                    <a:pt x="3240405" y="4024217"/>
                  </a:cubicBezTo>
                  <a:cubicBezTo>
                    <a:pt x="3198685" y="3911156"/>
                    <a:pt x="3123533" y="3841528"/>
                    <a:pt x="3003899" y="3805142"/>
                  </a:cubicBezTo>
                  <a:cubicBezTo>
                    <a:pt x="2901982" y="3774186"/>
                    <a:pt x="2851499" y="3727895"/>
                    <a:pt x="2805017" y="3621691"/>
                  </a:cubicBezTo>
                  <a:cubicBezTo>
                    <a:pt x="2766917" y="3535013"/>
                    <a:pt x="2529840" y="3357372"/>
                    <a:pt x="2415921" y="3271933"/>
                  </a:cubicBezTo>
                  <a:cubicBezTo>
                    <a:pt x="2395538" y="3256693"/>
                    <a:pt x="2379440" y="3244596"/>
                    <a:pt x="2368296" y="3235833"/>
                  </a:cubicBezTo>
                  <a:cubicBezTo>
                    <a:pt x="2351532" y="3222879"/>
                    <a:pt x="2328386" y="3206210"/>
                    <a:pt x="2301621" y="3186970"/>
                  </a:cubicBezTo>
                  <a:cubicBezTo>
                    <a:pt x="2204752" y="3117247"/>
                    <a:pt x="2071973" y="3021711"/>
                    <a:pt x="2045779" y="2960084"/>
                  </a:cubicBezTo>
                  <a:cubicBezTo>
                    <a:pt x="2022253" y="2904649"/>
                    <a:pt x="1952720" y="2853309"/>
                    <a:pt x="1891379" y="2807684"/>
                  </a:cubicBezTo>
                  <a:cubicBezTo>
                    <a:pt x="1867186" y="2789777"/>
                    <a:pt x="1844325" y="2773013"/>
                    <a:pt x="1826609" y="2757488"/>
                  </a:cubicBezTo>
                  <a:cubicBezTo>
                    <a:pt x="1799939" y="2734151"/>
                    <a:pt x="1765459" y="2698242"/>
                    <a:pt x="1728882" y="2660237"/>
                  </a:cubicBezTo>
                  <a:cubicBezTo>
                    <a:pt x="1679734" y="2608993"/>
                    <a:pt x="1628870" y="2555938"/>
                    <a:pt x="1589722" y="2525840"/>
                  </a:cubicBezTo>
                  <a:cubicBezTo>
                    <a:pt x="1517142" y="2470118"/>
                    <a:pt x="1465897" y="2379917"/>
                    <a:pt x="1438656" y="2257616"/>
                  </a:cubicBezTo>
                  <a:cubicBezTo>
                    <a:pt x="1429131" y="2215801"/>
                    <a:pt x="1418177" y="2156174"/>
                    <a:pt x="1406557" y="2092928"/>
                  </a:cubicBezTo>
                  <a:cubicBezTo>
                    <a:pt x="1381887" y="1959007"/>
                    <a:pt x="1353883" y="1807178"/>
                    <a:pt x="1325118" y="1734407"/>
                  </a:cubicBezTo>
                  <a:cubicBezTo>
                    <a:pt x="1282541" y="1626680"/>
                    <a:pt x="1206341" y="1530858"/>
                    <a:pt x="1135380" y="1496282"/>
                  </a:cubicBezTo>
                  <a:cubicBezTo>
                    <a:pt x="1121119" y="1489065"/>
                    <a:pt x="1106106" y="1483443"/>
                    <a:pt x="1090612" y="1479518"/>
                  </a:cubicBezTo>
                  <a:cubicBezTo>
                    <a:pt x="1067562" y="1473327"/>
                    <a:pt x="1062799" y="1472089"/>
                    <a:pt x="1018604" y="1401699"/>
                  </a:cubicBezTo>
                  <a:cubicBezTo>
                    <a:pt x="984789" y="1347883"/>
                    <a:pt x="926211" y="1292638"/>
                    <a:pt x="869537" y="1239203"/>
                  </a:cubicBezTo>
                  <a:cubicBezTo>
                    <a:pt x="820769" y="1193197"/>
                    <a:pt x="774287" y="1149763"/>
                    <a:pt x="746950" y="1109853"/>
                  </a:cubicBezTo>
                  <a:cubicBezTo>
                    <a:pt x="715877" y="1067173"/>
                    <a:pt x="680479" y="1027816"/>
                    <a:pt x="641318" y="992410"/>
                  </a:cubicBezTo>
                  <a:cubicBezTo>
                    <a:pt x="620792" y="974658"/>
                    <a:pt x="602151" y="954836"/>
                    <a:pt x="585692" y="933260"/>
                  </a:cubicBezTo>
                  <a:cubicBezTo>
                    <a:pt x="563023" y="898493"/>
                    <a:pt x="547592" y="844772"/>
                    <a:pt x="539591" y="769239"/>
                  </a:cubicBezTo>
                  <a:cubicBezTo>
                    <a:pt x="533019" y="709041"/>
                    <a:pt x="490347" y="642366"/>
                    <a:pt x="428244" y="595027"/>
                  </a:cubicBezTo>
                  <a:cubicBezTo>
                    <a:pt x="411266" y="582531"/>
                    <a:pt x="393336" y="571385"/>
                    <a:pt x="374618" y="561689"/>
                  </a:cubicBezTo>
                  <a:cubicBezTo>
                    <a:pt x="333756" y="539210"/>
                    <a:pt x="298418" y="519875"/>
                    <a:pt x="278035" y="451104"/>
                  </a:cubicBezTo>
                  <a:cubicBezTo>
                    <a:pt x="270700" y="426720"/>
                    <a:pt x="266129" y="407384"/>
                    <a:pt x="262032" y="390239"/>
                  </a:cubicBezTo>
                  <a:cubicBezTo>
                    <a:pt x="250507" y="341662"/>
                    <a:pt x="244697" y="317278"/>
                    <a:pt x="197167" y="273177"/>
                  </a:cubicBezTo>
                  <a:cubicBezTo>
                    <a:pt x="168190" y="248206"/>
                    <a:pt x="135674" y="227663"/>
                    <a:pt x="100679" y="212217"/>
                  </a:cubicBezTo>
                  <a:cubicBezTo>
                    <a:pt x="66960" y="195453"/>
                    <a:pt x="40291" y="182309"/>
                    <a:pt x="31432" y="160496"/>
                  </a:cubicBezTo>
                  <a:cubicBezTo>
                    <a:pt x="19335" y="130683"/>
                    <a:pt x="6382" y="45244"/>
                    <a:pt x="0" y="0"/>
                  </a:cubicBezTo>
                  <a:lnTo>
                    <a:pt x="4857" y="0"/>
                  </a:lnTo>
                  <a:cubicBezTo>
                    <a:pt x="11239" y="45244"/>
                    <a:pt x="23907" y="129921"/>
                    <a:pt x="35814" y="158687"/>
                  </a:cubicBezTo>
                  <a:cubicBezTo>
                    <a:pt x="44005" y="178689"/>
                    <a:pt x="70009" y="191453"/>
                    <a:pt x="102870"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0" name="Freeform: Shape 114">
              <a:extLst>
                <a:ext uri="{FF2B5EF4-FFF2-40B4-BE49-F238E27FC236}">
                  <a16:creationId xmlns:a16="http://schemas.microsoft.com/office/drawing/2014/main" id="{4D338584-D6B0-2346-9AE9-74544F15CA37}"/>
                </a:ext>
              </a:extLst>
            </p:cNvPr>
            <p:cNvSpPr/>
            <p:nvPr/>
          </p:nvSpPr>
          <p:spPr>
            <a:xfrm>
              <a:off x="4172395" y="-1668332"/>
              <a:ext cx="4242283" cy="8869216"/>
            </a:xfrm>
            <a:custGeom>
              <a:avLst/>
              <a:gdLst>
                <a:gd name="connsiteX0" fmla="*/ 49149 w 3474661"/>
                <a:gd name="connsiteY0" fmla="*/ 166402 h 7315200"/>
                <a:gd name="connsiteX1" fmla="*/ 158305 w 3474661"/>
                <a:gd name="connsiteY1" fmla="*/ 304610 h 7315200"/>
                <a:gd name="connsiteX2" fmla="*/ 175546 w 3474661"/>
                <a:gd name="connsiteY2" fmla="*/ 381000 h 7315200"/>
                <a:gd name="connsiteX3" fmla="*/ 197739 w 3474661"/>
                <a:gd name="connsiteY3" fmla="*/ 442913 h 7315200"/>
                <a:gd name="connsiteX4" fmla="*/ 412909 w 3474661"/>
                <a:gd name="connsiteY4" fmla="*/ 660083 h 7315200"/>
                <a:gd name="connsiteX5" fmla="*/ 428244 w 3474661"/>
                <a:gd name="connsiteY5" fmla="*/ 733425 h 7315200"/>
                <a:gd name="connsiteX6" fmla="*/ 452056 w 3474661"/>
                <a:gd name="connsiteY6" fmla="*/ 828008 h 7315200"/>
                <a:gd name="connsiteX7" fmla="*/ 602266 w 3474661"/>
                <a:gd name="connsiteY7" fmla="*/ 969359 h 7315200"/>
                <a:gd name="connsiteX8" fmla="*/ 723519 w 3474661"/>
                <a:gd name="connsiteY8" fmla="*/ 1077849 h 7315200"/>
                <a:gd name="connsiteX9" fmla="*/ 790860 w 3474661"/>
                <a:gd name="connsiteY9" fmla="*/ 1161002 h 7315200"/>
                <a:gd name="connsiteX10" fmla="*/ 963168 w 3474661"/>
                <a:gd name="connsiteY10" fmla="*/ 1358646 h 7315200"/>
                <a:gd name="connsiteX11" fmla="*/ 1025937 w 3474661"/>
                <a:gd name="connsiteY11" fmla="*/ 1372838 h 7315200"/>
                <a:gd name="connsiteX12" fmla="*/ 1094613 w 3474661"/>
                <a:gd name="connsiteY12" fmla="*/ 1395413 h 7315200"/>
                <a:gd name="connsiteX13" fmla="*/ 1274350 w 3474661"/>
                <a:gd name="connsiteY13" fmla="*/ 1629251 h 7315200"/>
                <a:gd name="connsiteX14" fmla="*/ 1300448 w 3474661"/>
                <a:gd name="connsiteY14" fmla="*/ 1737551 h 7315200"/>
                <a:gd name="connsiteX15" fmla="*/ 1320260 w 3474661"/>
                <a:gd name="connsiteY15" fmla="*/ 1831848 h 7315200"/>
                <a:gd name="connsiteX16" fmla="*/ 1352169 w 3474661"/>
                <a:gd name="connsiteY16" fmla="*/ 1880521 h 7315200"/>
                <a:gd name="connsiteX17" fmla="*/ 1392555 w 3474661"/>
                <a:gd name="connsiteY17" fmla="*/ 1959959 h 7315200"/>
                <a:gd name="connsiteX18" fmla="*/ 1409795 w 3474661"/>
                <a:gd name="connsiteY18" fmla="*/ 2110359 h 7315200"/>
                <a:gd name="connsiteX19" fmla="*/ 1432370 w 3474661"/>
                <a:gd name="connsiteY19" fmla="*/ 2261997 h 7315200"/>
                <a:gd name="connsiteX20" fmla="*/ 1643539 w 3474661"/>
                <a:gd name="connsiteY20" fmla="*/ 2506409 h 7315200"/>
                <a:gd name="connsiteX21" fmla="*/ 1723739 w 3474661"/>
                <a:gd name="connsiteY21" fmla="*/ 2626233 h 7315200"/>
                <a:gd name="connsiteX22" fmla="*/ 1758315 w 3474661"/>
                <a:gd name="connsiteY22" fmla="*/ 2696528 h 7315200"/>
                <a:gd name="connsiteX23" fmla="*/ 1878711 w 3474661"/>
                <a:gd name="connsiteY23" fmla="*/ 2818829 h 7315200"/>
                <a:gd name="connsiteX24" fmla="*/ 1988344 w 3474661"/>
                <a:gd name="connsiteY24" fmla="*/ 2922080 h 7315200"/>
                <a:gd name="connsiteX25" fmla="*/ 2283619 w 3474661"/>
                <a:gd name="connsiteY25" fmla="*/ 3185922 h 7315200"/>
                <a:gd name="connsiteX26" fmla="*/ 2597944 w 3474661"/>
                <a:gd name="connsiteY26" fmla="*/ 3390234 h 7315200"/>
                <a:gd name="connsiteX27" fmla="*/ 2684240 w 3474661"/>
                <a:gd name="connsiteY27" fmla="*/ 3439763 h 7315200"/>
                <a:gd name="connsiteX28" fmla="*/ 2947892 w 3474661"/>
                <a:gd name="connsiteY28" fmla="*/ 3577590 h 7315200"/>
                <a:gd name="connsiteX29" fmla="*/ 2996946 w 3474661"/>
                <a:gd name="connsiteY29" fmla="*/ 3593306 h 7315200"/>
                <a:gd name="connsiteX30" fmla="*/ 3146108 w 3474661"/>
                <a:gd name="connsiteY30" fmla="*/ 3678270 h 7315200"/>
                <a:gd name="connsiteX31" fmla="*/ 3306318 w 3474661"/>
                <a:gd name="connsiteY31" fmla="*/ 3757232 h 7315200"/>
                <a:gd name="connsiteX32" fmla="*/ 3375565 w 3474661"/>
                <a:gd name="connsiteY32" fmla="*/ 3777901 h 7315200"/>
                <a:gd name="connsiteX33" fmla="*/ 3464243 w 3474661"/>
                <a:gd name="connsiteY33" fmla="*/ 4000214 h 7315200"/>
                <a:gd name="connsiteX34" fmla="*/ 3285554 w 3474661"/>
                <a:gd name="connsiteY34" fmla="*/ 4263866 h 7315200"/>
                <a:gd name="connsiteX35" fmla="*/ 3143726 w 3474661"/>
                <a:gd name="connsiteY35" fmla="*/ 4424648 h 7315200"/>
                <a:gd name="connsiteX36" fmla="*/ 3141059 w 3474661"/>
                <a:gd name="connsiteY36" fmla="*/ 4429982 h 7315200"/>
                <a:gd name="connsiteX37" fmla="*/ 2894838 w 3474661"/>
                <a:gd name="connsiteY37" fmla="*/ 4836795 h 7315200"/>
                <a:gd name="connsiteX38" fmla="*/ 2484691 w 3474661"/>
                <a:gd name="connsiteY38" fmla="*/ 5283042 h 7315200"/>
                <a:gd name="connsiteX39" fmla="*/ 2470404 w 3474661"/>
                <a:gd name="connsiteY39" fmla="*/ 5807488 h 7315200"/>
                <a:gd name="connsiteX40" fmla="*/ 2496979 w 3474661"/>
                <a:gd name="connsiteY40" fmla="*/ 5880830 h 7315200"/>
                <a:gd name="connsiteX41" fmla="*/ 2529364 w 3474661"/>
                <a:gd name="connsiteY41" fmla="*/ 5988749 h 7315200"/>
                <a:gd name="connsiteX42" fmla="*/ 2644807 w 3474661"/>
                <a:gd name="connsiteY42" fmla="*/ 6307455 h 7315200"/>
                <a:gd name="connsiteX43" fmla="*/ 2855404 w 3474661"/>
                <a:gd name="connsiteY43" fmla="*/ 6770561 h 7315200"/>
                <a:gd name="connsiteX44" fmla="*/ 2998279 w 3474661"/>
                <a:gd name="connsiteY44" fmla="*/ 7170611 h 7315200"/>
                <a:gd name="connsiteX45" fmla="*/ 3080480 w 3474661"/>
                <a:gd name="connsiteY45" fmla="*/ 7315200 h 7315200"/>
                <a:gd name="connsiteX46" fmla="*/ 3075241 w 3474661"/>
                <a:gd name="connsiteY46" fmla="*/ 7315200 h 7315200"/>
                <a:gd name="connsiteX47" fmla="*/ 2994184 w 3474661"/>
                <a:gd name="connsiteY47" fmla="*/ 7173183 h 7315200"/>
                <a:gd name="connsiteX48" fmla="*/ 2850737 w 3474661"/>
                <a:gd name="connsiteY48" fmla="*/ 6771704 h 7315200"/>
                <a:gd name="connsiteX49" fmla="*/ 2641187 w 3474661"/>
                <a:gd name="connsiteY49" fmla="*/ 6310122 h 7315200"/>
                <a:gd name="connsiteX50" fmla="*/ 2524982 w 3474661"/>
                <a:gd name="connsiteY50" fmla="*/ 5989511 h 7315200"/>
                <a:gd name="connsiteX51" fmla="*/ 2493168 w 3474661"/>
                <a:gd name="connsiteY51" fmla="*/ 5882069 h 7315200"/>
                <a:gd name="connsiteX52" fmla="*/ 2466404 w 3474661"/>
                <a:gd name="connsiteY52" fmla="*/ 5808440 h 7315200"/>
                <a:gd name="connsiteX53" fmla="*/ 2480786 w 3474661"/>
                <a:gd name="connsiteY53" fmla="*/ 5280946 h 7315200"/>
                <a:gd name="connsiteX54" fmla="*/ 2892647 w 3474661"/>
                <a:gd name="connsiteY54" fmla="*/ 4832414 h 7315200"/>
                <a:gd name="connsiteX55" fmla="*/ 3137440 w 3474661"/>
                <a:gd name="connsiteY55" fmla="*/ 4427411 h 7315200"/>
                <a:gd name="connsiteX56" fmla="*/ 3140107 w 3474661"/>
                <a:gd name="connsiteY56" fmla="*/ 4422077 h 7315200"/>
                <a:gd name="connsiteX57" fmla="*/ 3284315 w 3474661"/>
                <a:gd name="connsiteY57" fmla="*/ 4259009 h 7315200"/>
                <a:gd name="connsiteX58" fmla="*/ 3460242 w 3474661"/>
                <a:gd name="connsiteY58" fmla="*/ 3998405 h 7315200"/>
                <a:gd name="connsiteX59" fmla="*/ 3374517 w 3474661"/>
                <a:gd name="connsiteY59" fmla="*/ 3781901 h 7315200"/>
                <a:gd name="connsiteX60" fmla="*/ 3305747 w 3474661"/>
                <a:gd name="connsiteY60" fmla="*/ 3761327 h 7315200"/>
                <a:gd name="connsiteX61" fmla="*/ 3143822 w 3474661"/>
                <a:gd name="connsiteY61" fmla="*/ 3681222 h 7315200"/>
                <a:gd name="connsiteX62" fmla="*/ 2996470 w 3474661"/>
                <a:gd name="connsiteY62" fmla="*/ 3597402 h 7315200"/>
                <a:gd name="connsiteX63" fmla="*/ 2947321 w 3474661"/>
                <a:gd name="connsiteY63" fmla="*/ 3581591 h 7315200"/>
                <a:gd name="connsiteX64" fmla="*/ 2682811 w 3474661"/>
                <a:gd name="connsiteY64" fmla="*/ 3443383 h 7315200"/>
                <a:gd name="connsiteX65" fmla="*/ 2597086 w 3474661"/>
                <a:gd name="connsiteY65" fmla="*/ 3393948 h 7315200"/>
                <a:gd name="connsiteX66" fmla="*/ 2282190 w 3474661"/>
                <a:gd name="connsiteY66" fmla="*/ 3189161 h 7315200"/>
                <a:gd name="connsiteX67" fmla="*/ 1984629 w 3474661"/>
                <a:gd name="connsiteY67" fmla="*/ 2924175 h 7315200"/>
                <a:gd name="connsiteX68" fmla="*/ 1875758 w 3474661"/>
                <a:gd name="connsiteY68" fmla="*/ 2821686 h 7315200"/>
                <a:gd name="connsiteX69" fmla="*/ 1754219 w 3474661"/>
                <a:gd name="connsiteY69" fmla="*/ 2697861 h 7315200"/>
                <a:gd name="connsiteX70" fmla="*/ 1719453 w 3474661"/>
                <a:gd name="connsiteY70" fmla="*/ 2627090 h 7315200"/>
                <a:gd name="connsiteX71" fmla="*/ 1640205 w 3474661"/>
                <a:gd name="connsiteY71" fmla="*/ 2508695 h 7315200"/>
                <a:gd name="connsiteX72" fmla="*/ 1428083 w 3474661"/>
                <a:gd name="connsiteY72" fmla="*/ 2263045 h 7315200"/>
                <a:gd name="connsiteX73" fmla="*/ 1405033 w 3474661"/>
                <a:gd name="connsiteY73" fmla="*/ 2109597 h 7315200"/>
                <a:gd name="connsiteX74" fmla="*/ 1387887 w 3474661"/>
                <a:gd name="connsiteY74" fmla="*/ 1959959 h 7315200"/>
                <a:gd name="connsiteX75" fmla="*/ 1348931 w 3474661"/>
                <a:gd name="connsiteY75" fmla="*/ 1882902 h 7315200"/>
                <a:gd name="connsiteX76" fmla="*/ 1315784 w 3474661"/>
                <a:gd name="connsiteY76" fmla="*/ 1832419 h 7315200"/>
                <a:gd name="connsiteX77" fmla="*/ 1295686 w 3474661"/>
                <a:gd name="connsiteY77" fmla="*/ 1737169 h 7315200"/>
                <a:gd name="connsiteX78" fmla="*/ 1270063 w 3474661"/>
                <a:gd name="connsiteY78" fmla="*/ 1630204 h 7315200"/>
                <a:gd name="connsiteX79" fmla="*/ 1090993 w 3474661"/>
                <a:gd name="connsiteY79" fmla="*/ 1397413 h 7315200"/>
                <a:gd name="connsiteX80" fmla="*/ 1025652 w 3474661"/>
                <a:gd name="connsiteY80" fmla="*/ 1376553 h 7315200"/>
                <a:gd name="connsiteX81" fmla="*/ 960691 w 3474661"/>
                <a:gd name="connsiteY81" fmla="*/ 1361694 h 7315200"/>
                <a:gd name="connsiteX82" fmla="*/ 787146 w 3474661"/>
                <a:gd name="connsiteY82" fmla="*/ 1162907 h 7315200"/>
                <a:gd name="connsiteX83" fmla="*/ 719900 w 3474661"/>
                <a:gd name="connsiteY83" fmla="*/ 1079945 h 7315200"/>
                <a:gd name="connsiteX84" fmla="*/ 599218 w 3474661"/>
                <a:gd name="connsiteY84" fmla="*/ 972026 h 7315200"/>
                <a:gd name="connsiteX85" fmla="*/ 447865 w 3474661"/>
                <a:gd name="connsiteY85" fmla="*/ 829151 h 7315200"/>
                <a:gd name="connsiteX86" fmla="*/ 423576 w 3474661"/>
                <a:gd name="connsiteY86" fmla="*/ 732949 h 7315200"/>
                <a:gd name="connsiteX87" fmla="*/ 408431 w 3474661"/>
                <a:gd name="connsiteY87" fmla="*/ 661702 h 7315200"/>
                <a:gd name="connsiteX88" fmla="*/ 194596 w 3474661"/>
                <a:gd name="connsiteY88" fmla="*/ 446342 h 7315200"/>
                <a:gd name="connsiteX89" fmla="*/ 170879 w 3474661"/>
                <a:gd name="connsiteY89" fmla="*/ 381953 h 7315200"/>
                <a:gd name="connsiteX90" fmla="*/ 153924 w 3474661"/>
                <a:gd name="connsiteY90" fmla="*/ 306419 h 7315200"/>
                <a:gd name="connsiteX91" fmla="*/ 46006 w 3474661"/>
                <a:gd name="connsiteY91" fmla="*/ 169926 h 7315200"/>
                <a:gd name="connsiteX92" fmla="*/ 40100 w 3474661"/>
                <a:gd name="connsiteY92" fmla="*/ 164497 h 7315200"/>
                <a:gd name="connsiteX93" fmla="*/ 0 w 3474661"/>
                <a:gd name="connsiteY93" fmla="*/ 0 h 7315200"/>
                <a:gd name="connsiteX94" fmla="*/ 5239 w 3474661"/>
                <a:gd name="connsiteY94" fmla="*/ 0 h 7315200"/>
                <a:gd name="connsiteX95" fmla="*/ 43339 w 3474661"/>
                <a:gd name="connsiteY95" fmla="*/ 160973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3474661" h="7315200">
                  <a:moveTo>
                    <a:pt x="49149" y="166402"/>
                  </a:moveTo>
                  <a:cubicBezTo>
                    <a:pt x="86487" y="200692"/>
                    <a:pt x="132969" y="243364"/>
                    <a:pt x="158305" y="304610"/>
                  </a:cubicBezTo>
                  <a:cubicBezTo>
                    <a:pt x="167918" y="329044"/>
                    <a:pt x="173732" y="354806"/>
                    <a:pt x="175546" y="381000"/>
                  </a:cubicBezTo>
                  <a:cubicBezTo>
                    <a:pt x="178498" y="407384"/>
                    <a:pt x="180784" y="428625"/>
                    <a:pt x="197739" y="442913"/>
                  </a:cubicBezTo>
                  <a:cubicBezTo>
                    <a:pt x="256604" y="493586"/>
                    <a:pt x="395478" y="616268"/>
                    <a:pt x="412909" y="660083"/>
                  </a:cubicBezTo>
                  <a:cubicBezTo>
                    <a:pt x="420877" y="683845"/>
                    <a:pt x="426024" y="708461"/>
                    <a:pt x="428244" y="733425"/>
                  </a:cubicBezTo>
                  <a:cubicBezTo>
                    <a:pt x="432816" y="766286"/>
                    <a:pt x="437769" y="800100"/>
                    <a:pt x="452056" y="828008"/>
                  </a:cubicBezTo>
                  <a:cubicBezTo>
                    <a:pt x="466344" y="855917"/>
                    <a:pt x="535686" y="913733"/>
                    <a:pt x="602266" y="969359"/>
                  </a:cubicBezTo>
                  <a:cubicBezTo>
                    <a:pt x="653319" y="1012127"/>
                    <a:pt x="701421" y="1052417"/>
                    <a:pt x="723519" y="1077849"/>
                  </a:cubicBezTo>
                  <a:cubicBezTo>
                    <a:pt x="738950" y="1095756"/>
                    <a:pt x="762952" y="1125474"/>
                    <a:pt x="790860" y="1161002"/>
                  </a:cubicBezTo>
                  <a:cubicBezTo>
                    <a:pt x="854678" y="1241203"/>
                    <a:pt x="933735" y="1341120"/>
                    <a:pt x="963168" y="1358646"/>
                  </a:cubicBezTo>
                  <a:cubicBezTo>
                    <a:pt x="982218" y="1370076"/>
                    <a:pt x="1004316" y="1371505"/>
                    <a:pt x="1025937" y="1372838"/>
                  </a:cubicBezTo>
                  <a:cubicBezTo>
                    <a:pt x="1052513" y="1374553"/>
                    <a:pt x="1077563" y="1376077"/>
                    <a:pt x="1094613" y="1395413"/>
                  </a:cubicBezTo>
                  <a:cubicBezTo>
                    <a:pt x="1218438" y="1536478"/>
                    <a:pt x="1260920" y="1600391"/>
                    <a:pt x="1274350" y="1629251"/>
                  </a:cubicBezTo>
                  <a:cubicBezTo>
                    <a:pt x="1290352" y="1663446"/>
                    <a:pt x="1295495" y="1701165"/>
                    <a:pt x="1300448" y="1737551"/>
                  </a:cubicBezTo>
                  <a:cubicBezTo>
                    <a:pt x="1303691" y="1769596"/>
                    <a:pt x="1310333" y="1801207"/>
                    <a:pt x="1320260" y="1831848"/>
                  </a:cubicBezTo>
                  <a:cubicBezTo>
                    <a:pt x="1326087" y="1850760"/>
                    <a:pt x="1337150" y="1867635"/>
                    <a:pt x="1352169" y="1880521"/>
                  </a:cubicBezTo>
                  <a:cubicBezTo>
                    <a:pt x="1365980" y="1893284"/>
                    <a:pt x="1380744" y="1906524"/>
                    <a:pt x="1392555" y="1959959"/>
                  </a:cubicBezTo>
                  <a:cubicBezTo>
                    <a:pt x="1401821" y="2009626"/>
                    <a:pt x="1407582" y="2059884"/>
                    <a:pt x="1409795" y="2110359"/>
                  </a:cubicBezTo>
                  <a:cubicBezTo>
                    <a:pt x="1414272" y="2174081"/>
                    <a:pt x="1418463" y="2234184"/>
                    <a:pt x="1432370" y="2261997"/>
                  </a:cubicBezTo>
                  <a:cubicBezTo>
                    <a:pt x="1457897" y="2312765"/>
                    <a:pt x="1572673" y="2436019"/>
                    <a:pt x="1643539" y="2506409"/>
                  </a:cubicBezTo>
                  <a:cubicBezTo>
                    <a:pt x="1678907" y="2539841"/>
                    <a:pt x="1706315" y="2580791"/>
                    <a:pt x="1723739" y="2626233"/>
                  </a:cubicBezTo>
                  <a:cubicBezTo>
                    <a:pt x="1734010" y="2650261"/>
                    <a:pt x="1745552" y="2673725"/>
                    <a:pt x="1758315" y="2696528"/>
                  </a:cubicBezTo>
                  <a:cubicBezTo>
                    <a:pt x="1783937" y="2741581"/>
                    <a:pt x="1829943" y="2779109"/>
                    <a:pt x="1878711" y="2818829"/>
                  </a:cubicBezTo>
                  <a:cubicBezTo>
                    <a:pt x="1918240" y="2850928"/>
                    <a:pt x="1959007" y="2884265"/>
                    <a:pt x="1988344" y="2922080"/>
                  </a:cubicBezTo>
                  <a:cubicBezTo>
                    <a:pt x="2055019" y="3007805"/>
                    <a:pt x="2227326" y="3142012"/>
                    <a:pt x="2283619" y="3185922"/>
                  </a:cubicBezTo>
                  <a:cubicBezTo>
                    <a:pt x="2384089" y="3260431"/>
                    <a:pt x="2489063" y="3328664"/>
                    <a:pt x="2597944" y="3390234"/>
                  </a:cubicBezTo>
                  <a:cubicBezTo>
                    <a:pt x="2624709" y="3405188"/>
                    <a:pt x="2653570" y="3421952"/>
                    <a:pt x="2684240" y="3439763"/>
                  </a:cubicBezTo>
                  <a:cubicBezTo>
                    <a:pt x="2777490" y="3493770"/>
                    <a:pt x="2883122" y="3555016"/>
                    <a:pt x="2947892" y="3577590"/>
                  </a:cubicBezTo>
                  <a:cubicBezTo>
                    <a:pt x="2966180" y="3583877"/>
                    <a:pt x="2982468" y="3588925"/>
                    <a:pt x="2996946" y="3593306"/>
                  </a:cubicBezTo>
                  <a:cubicBezTo>
                    <a:pt x="3051334" y="3609880"/>
                    <a:pt x="3087243" y="3620834"/>
                    <a:pt x="3146108" y="3678270"/>
                  </a:cubicBezTo>
                  <a:cubicBezTo>
                    <a:pt x="3198400" y="3729133"/>
                    <a:pt x="3250883" y="3742754"/>
                    <a:pt x="3306318" y="3757232"/>
                  </a:cubicBezTo>
                  <a:cubicBezTo>
                    <a:pt x="3329746" y="3762904"/>
                    <a:pt x="3352861" y="3769803"/>
                    <a:pt x="3375565" y="3777901"/>
                  </a:cubicBezTo>
                  <a:cubicBezTo>
                    <a:pt x="3457861" y="3808476"/>
                    <a:pt x="3494246" y="3900011"/>
                    <a:pt x="3464243" y="4000214"/>
                  </a:cubicBezTo>
                  <a:cubicBezTo>
                    <a:pt x="3433667" y="4102037"/>
                    <a:pt x="3350800" y="4236339"/>
                    <a:pt x="3285554" y="4263866"/>
                  </a:cubicBezTo>
                  <a:cubicBezTo>
                    <a:pt x="3220307" y="4291394"/>
                    <a:pt x="3190304" y="4330541"/>
                    <a:pt x="3143726" y="4424648"/>
                  </a:cubicBezTo>
                  <a:lnTo>
                    <a:pt x="3141059" y="4429982"/>
                  </a:lnTo>
                  <a:cubicBezTo>
                    <a:pt x="3087910" y="4537234"/>
                    <a:pt x="2963418" y="4788218"/>
                    <a:pt x="2894838" y="4836795"/>
                  </a:cubicBezTo>
                  <a:cubicBezTo>
                    <a:pt x="2823591" y="4887087"/>
                    <a:pt x="2533936" y="5148834"/>
                    <a:pt x="2484691" y="5283042"/>
                  </a:cubicBezTo>
                  <a:cubicBezTo>
                    <a:pt x="2435447" y="5417249"/>
                    <a:pt x="2445068" y="5724906"/>
                    <a:pt x="2470404" y="5807488"/>
                  </a:cubicBezTo>
                  <a:cubicBezTo>
                    <a:pt x="2479929" y="5838158"/>
                    <a:pt x="2488978" y="5860828"/>
                    <a:pt x="2496979" y="5880830"/>
                  </a:cubicBezTo>
                  <a:cubicBezTo>
                    <a:pt x="2512275" y="5915296"/>
                    <a:pt x="2523157" y="5951556"/>
                    <a:pt x="2529364" y="5988749"/>
                  </a:cubicBezTo>
                  <a:cubicBezTo>
                    <a:pt x="2542699" y="6070569"/>
                    <a:pt x="2614517" y="6262212"/>
                    <a:pt x="2644807" y="6307455"/>
                  </a:cubicBezTo>
                  <a:cubicBezTo>
                    <a:pt x="2676906" y="6355080"/>
                    <a:pt x="2835307" y="6686264"/>
                    <a:pt x="2855404" y="6770561"/>
                  </a:cubicBezTo>
                  <a:cubicBezTo>
                    <a:pt x="2883218" y="6886194"/>
                    <a:pt x="2944559" y="7100507"/>
                    <a:pt x="2998279" y="7170611"/>
                  </a:cubicBezTo>
                  <a:cubicBezTo>
                    <a:pt x="3030374" y="7215982"/>
                    <a:pt x="3057908" y="7264414"/>
                    <a:pt x="3080480" y="7315200"/>
                  </a:cubicBezTo>
                  <a:lnTo>
                    <a:pt x="3075241" y="7315200"/>
                  </a:lnTo>
                  <a:cubicBezTo>
                    <a:pt x="3052950" y="7265315"/>
                    <a:pt x="3025800" y="7217746"/>
                    <a:pt x="2994184" y="7173183"/>
                  </a:cubicBezTo>
                  <a:cubicBezTo>
                    <a:pt x="2926746" y="7084981"/>
                    <a:pt x="2853785" y="6784468"/>
                    <a:pt x="2850737" y="6771704"/>
                  </a:cubicBezTo>
                  <a:cubicBezTo>
                    <a:pt x="2831687" y="6690646"/>
                    <a:pt x="2672048" y="6356509"/>
                    <a:pt x="2641187" y="6310122"/>
                  </a:cubicBezTo>
                  <a:cubicBezTo>
                    <a:pt x="2610326" y="6263735"/>
                    <a:pt x="2538413" y="6071997"/>
                    <a:pt x="2524982" y="5989511"/>
                  </a:cubicBezTo>
                  <a:cubicBezTo>
                    <a:pt x="2518958" y="5952497"/>
                    <a:pt x="2508269" y="5916396"/>
                    <a:pt x="2493168" y="5882069"/>
                  </a:cubicBezTo>
                  <a:cubicBezTo>
                    <a:pt x="2485072" y="5862066"/>
                    <a:pt x="2475833" y="5839206"/>
                    <a:pt x="2466404" y="5808440"/>
                  </a:cubicBezTo>
                  <a:cubicBezTo>
                    <a:pt x="2440877" y="5725383"/>
                    <a:pt x="2431161" y="5416106"/>
                    <a:pt x="2480786" y="5280946"/>
                  </a:cubicBezTo>
                  <a:cubicBezTo>
                    <a:pt x="2530411" y="5145786"/>
                    <a:pt x="2821210" y="4882896"/>
                    <a:pt x="2892647" y="4832414"/>
                  </a:cubicBezTo>
                  <a:cubicBezTo>
                    <a:pt x="2960275" y="4784789"/>
                    <a:pt x="3088958" y="4525137"/>
                    <a:pt x="3137440" y="4427411"/>
                  </a:cubicBezTo>
                  <a:lnTo>
                    <a:pt x="3140107" y="4422077"/>
                  </a:lnTo>
                  <a:cubicBezTo>
                    <a:pt x="3187732" y="4326827"/>
                    <a:pt x="3216307" y="4287584"/>
                    <a:pt x="3284315" y="4259009"/>
                  </a:cubicBezTo>
                  <a:cubicBezTo>
                    <a:pt x="3348323" y="4231958"/>
                    <a:pt x="3430048" y="4099179"/>
                    <a:pt x="3460242" y="3998405"/>
                  </a:cubicBezTo>
                  <a:cubicBezTo>
                    <a:pt x="3489579" y="3900678"/>
                    <a:pt x="3454241" y="3811620"/>
                    <a:pt x="3374517" y="3781901"/>
                  </a:cubicBezTo>
                  <a:cubicBezTo>
                    <a:pt x="3351966" y="3773854"/>
                    <a:pt x="3329011" y="3766986"/>
                    <a:pt x="3305747" y="3761327"/>
                  </a:cubicBezTo>
                  <a:cubicBezTo>
                    <a:pt x="3249644" y="3746754"/>
                    <a:pt x="3196590" y="3732753"/>
                    <a:pt x="3143822" y="3681222"/>
                  </a:cubicBezTo>
                  <a:cubicBezTo>
                    <a:pt x="3085719" y="3624072"/>
                    <a:pt x="3050191" y="3613785"/>
                    <a:pt x="2996470" y="3597402"/>
                  </a:cubicBezTo>
                  <a:cubicBezTo>
                    <a:pt x="2981992" y="3592925"/>
                    <a:pt x="2965609" y="3587877"/>
                    <a:pt x="2947321" y="3581591"/>
                  </a:cubicBezTo>
                  <a:cubicBezTo>
                    <a:pt x="2882075" y="3558921"/>
                    <a:pt x="2775871" y="3497580"/>
                    <a:pt x="2682811" y="3443383"/>
                  </a:cubicBezTo>
                  <a:cubicBezTo>
                    <a:pt x="2652141" y="3425666"/>
                    <a:pt x="2623280" y="3408903"/>
                    <a:pt x="2597086" y="3393948"/>
                  </a:cubicBezTo>
                  <a:cubicBezTo>
                    <a:pt x="2487966" y="3332298"/>
                    <a:pt x="2382797" y="3263903"/>
                    <a:pt x="2282190" y="3189161"/>
                  </a:cubicBezTo>
                  <a:cubicBezTo>
                    <a:pt x="2224564" y="3145155"/>
                    <a:pt x="2051780" y="3011234"/>
                    <a:pt x="1984629" y="2924175"/>
                  </a:cubicBezTo>
                  <a:cubicBezTo>
                    <a:pt x="1956054" y="2886742"/>
                    <a:pt x="1915001" y="2853595"/>
                    <a:pt x="1875758" y="2821686"/>
                  </a:cubicBezTo>
                  <a:cubicBezTo>
                    <a:pt x="1826609" y="2781681"/>
                    <a:pt x="1780508" y="2743867"/>
                    <a:pt x="1754219" y="2697861"/>
                  </a:cubicBezTo>
                  <a:cubicBezTo>
                    <a:pt x="1741351" y="2674921"/>
                    <a:pt x="1729745" y="2651296"/>
                    <a:pt x="1719453" y="2627090"/>
                  </a:cubicBezTo>
                  <a:cubicBezTo>
                    <a:pt x="1702153" y="2582232"/>
                    <a:pt x="1675082" y="2541788"/>
                    <a:pt x="1640205" y="2508695"/>
                  </a:cubicBezTo>
                  <a:cubicBezTo>
                    <a:pt x="1579054" y="2447925"/>
                    <a:pt x="1455991" y="2318195"/>
                    <a:pt x="1428083" y="2263045"/>
                  </a:cubicBezTo>
                  <a:cubicBezTo>
                    <a:pt x="1413796" y="2234470"/>
                    <a:pt x="1409033" y="2173891"/>
                    <a:pt x="1405033" y="2109597"/>
                  </a:cubicBezTo>
                  <a:cubicBezTo>
                    <a:pt x="1401318" y="2056733"/>
                    <a:pt x="1397508" y="2002060"/>
                    <a:pt x="1387887" y="1959959"/>
                  </a:cubicBezTo>
                  <a:cubicBezTo>
                    <a:pt x="1375981" y="1907953"/>
                    <a:pt x="1362837" y="1895761"/>
                    <a:pt x="1348931" y="1882902"/>
                  </a:cubicBezTo>
                  <a:cubicBezTo>
                    <a:pt x="1333270" y="1869600"/>
                    <a:pt x="1321764" y="1852077"/>
                    <a:pt x="1315784" y="1832419"/>
                  </a:cubicBezTo>
                  <a:cubicBezTo>
                    <a:pt x="1305691" y="1801481"/>
                    <a:pt x="1298953" y="1769548"/>
                    <a:pt x="1295686" y="1737169"/>
                  </a:cubicBezTo>
                  <a:cubicBezTo>
                    <a:pt x="1290542" y="1699070"/>
                    <a:pt x="1285684" y="1663732"/>
                    <a:pt x="1270063" y="1630204"/>
                  </a:cubicBezTo>
                  <a:cubicBezTo>
                    <a:pt x="1256729" y="1601629"/>
                    <a:pt x="1214914" y="1538097"/>
                    <a:pt x="1090993" y="1397413"/>
                  </a:cubicBezTo>
                  <a:cubicBezTo>
                    <a:pt x="1075372" y="1379696"/>
                    <a:pt x="1051179" y="1378363"/>
                    <a:pt x="1025652" y="1376553"/>
                  </a:cubicBezTo>
                  <a:cubicBezTo>
                    <a:pt x="1003459" y="1375124"/>
                    <a:pt x="980504" y="1373696"/>
                    <a:pt x="960691" y="1361694"/>
                  </a:cubicBezTo>
                  <a:cubicBezTo>
                    <a:pt x="930973" y="1343692"/>
                    <a:pt x="851249" y="1243393"/>
                    <a:pt x="787146" y="1162907"/>
                  </a:cubicBezTo>
                  <a:cubicBezTo>
                    <a:pt x="759333" y="1127951"/>
                    <a:pt x="735235" y="1097756"/>
                    <a:pt x="719900" y="1079945"/>
                  </a:cubicBezTo>
                  <a:cubicBezTo>
                    <a:pt x="698087" y="1054799"/>
                    <a:pt x="650081" y="1014603"/>
                    <a:pt x="599218" y="972026"/>
                  </a:cubicBezTo>
                  <a:cubicBezTo>
                    <a:pt x="532543" y="915924"/>
                    <a:pt x="463105" y="857726"/>
                    <a:pt x="447865" y="829151"/>
                  </a:cubicBezTo>
                  <a:cubicBezTo>
                    <a:pt x="432625" y="800576"/>
                    <a:pt x="428149" y="766286"/>
                    <a:pt x="423576" y="732949"/>
                  </a:cubicBezTo>
                  <a:cubicBezTo>
                    <a:pt x="421284" y="708696"/>
                    <a:pt x="416203" y="684789"/>
                    <a:pt x="408431" y="661702"/>
                  </a:cubicBezTo>
                  <a:cubicBezTo>
                    <a:pt x="391001" y="617696"/>
                    <a:pt x="240411" y="485680"/>
                    <a:pt x="194596" y="446342"/>
                  </a:cubicBezTo>
                  <a:cubicBezTo>
                    <a:pt x="176689" y="431006"/>
                    <a:pt x="173831" y="409575"/>
                    <a:pt x="170879" y="381953"/>
                  </a:cubicBezTo>
                  <a:cubicBezTo>
                    <a:pt x="169044" y="356067"/>
                    <a:pt x="163329" y="330605"/>
                    <a:pt x="153924" y="306419"/>
                  </a:cubicBezTo>
                  <a:cubicBezTo>
                    <a:pt x="128968" y="246126"/>
                    <a:pt x="84867" y="205645"/>
                    <a:pt x="46006" y="169926"/>
                  </a:cubicBezTo>
                  <a:lnTo>
                    <a:pt x="40100" y="164497"/>
                  </a:lnTo>
                  <a:cubicBezTo>
                    <a:pt x="15430" y="141732"/>
                    <a:pt x="4572" y="61627"/>
                    <a:pt x="0" y="0"/>
                  </a:cubicBezTo>
                  <a:lnTo>
                    <a:pt x="5239" y="0"/>
                  </a:lnTo>
                  <a:cubicBezTo>
                    <a:pt x="9715" y="60770"/>
                    <a:pt x="20288" y="139446"/>
                    <a:pt x="43339" y="160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1" name="Freeform: Shape 116">
              <a:extLst>
                <a:ext uri="{FF2B5EF4-FFF2-40B4-BE49-F238E27FC236}">
                  <a16:creationId xmlns:a16="http://schemas.microsoft.com/office/drawing/2014/main" id="{C7B1F085-7D2D-BF48-BCB6-D27FE4B9CADA}"/>
                </a:ext>
              </a:extLst>
            </p:cNvPr>
            <p:cNvSpPr/>
            <p:nvPr/>
          </p:nvSpPr>
          <p:spPr>
            <a:xfrm>
              <a:off x="4324279" y="-1667410"/>
              <a:ext cx="4401107" cy="8868292"/>
            </a:xfrm>
            <a:custGeom>
              <a:avLst/>
              <a:gdLst>
                <a:gd name="connsiteX0" fmla="*/ 40191 w 3604746"/>
                <a:gd name="connsiteY0" fmla="*/ 176689 h 7314438"/>
                <a:gd name="connsiteX1" fmla="*/ 100770 w 3604746"/>
                <a:gd name="connsiteY1" fmla="*/ 323564 h 7314438"/>
                <a:gd name="connsiteX2" fmla="*/ 122678 w 3604746"/>
                <a:gd name="connsiteY2" fmla="*/ 388144 h 7314438"/>
                <a:gd name="connsiteX3" fmla="*/ 176208 w 3604746"/>
                <a:gd name="connsiteY3" fmla="*/ 459010 h 7314438"/>
                <a:gd name="connsiteX4" fmla="*/ 250694 w 3604746"/>
                <a:gd name="connsiteY4" fmla="*/ 518255 h 7314438"/>
                <a:gd name="connsiteX5" fmla="*/ 348325 w 3604746"/>
                <a:gd name="connsiteY5" fmla="*/ 721233 h 7314438"/>
                <a:gd name="connsiteX6" fmla="*/ 357183 w 3604746"/>
                <a:gd name="connsiteY6" fmla="*/ 762191 h 7314438"/>
                <a:gd name="connsiteX7" fmla="*/ 481008 w 3604746"/>
                <a:gd name="connsiteY7" fmla="*/ 878967 h 7314438"/>
                <a:gd name="connsiteX8" fmla="*/ 734183 w 3604746"/>
                <a:gd name="connsiteY8" fmla="*/ 1114997 h 7314438"/>
                <a:gd name="connsiteX9" fmla="*/ 936494 w 3604746"/>
                <a:gd name="connsiteY9" fmla="*/ 1236345 h 7314438"/>
                <a:gd name="connsiteX10" fmla="*/ 948209 w 3604746"/>
                <a:gd name="connsiteY10" fmla="*/ 1239965 h 7314438"/>
                <a:gd name="connsiteX11" fmla="*/ 1063652 w 3604746"/>
                <a:gd name="connsiteY11" fmla="*/ 1338929 h 7314438"/>
                <a:gd name="connsiteX12" fmla="*/ 1095275 w 3604746"/>
                <a:gd name="connsiteY12" fmla="*/ 1381411 h 7314438"/>
                <a:gd name="connsiteX13" fmla="*/ 1289966 w 3604746"/>
                <a:gd name="connsiteY13" fmla="*/ 1813084 h 7314438"/>
                <a:gd name="connsiteX14" fmla="*/ 1299491 w 3604746"/>
                <a:gd name="connsiteY14" fmla="*/ 1836896 h 7314438"/>
                <a:gd name="connsiteX15" fmla="*/ 1322446 w 3604746"/>
                <a:gd name="connsiteY15" fmla="*/ 1990820 h 7314438"/>
                <a:gd name="connsiteX16" fmla="*/ 1344640 w 3604746"/>
                <a:gd name="connsiteY16" fmla="*/ 2188940 h 7314438"/>
                <a:gd name="connsiteX17" fmla="*/ 1506565 w 3604746"/>
                <a:gd name="connsiteY17" fmla="*/ 2401634 h 7314438"/>
                <a:gd name="connsiteX18" fmla="*/ 1545522 w 3604746"/>
                <a:gd name="connsiteY18" fmla="*/ 2427161 h 7314438"/>
                <a:gd name="connsiteX19" fmla="*/ 1636677 w 3604746"/>
                <a:gd name="connsiteY19" fmla="*/ 2544890 h 7314438"/>
                <a:gd name="connsiteX20" fmla="*/ 1671252 w 3604746"/>
                <a:gd name="connsiteY20" fmla="*/ 2604611 h 7314438"/>
                <a:gd name="connsiteX21" fmla="*/ 1759358 w 3604746"/>
                <a:gd name="connsiteY21" fmla="*/ 2705481 h 7314438"/>
                <a:gd name="connsiteX22" fmla="*/ 1832034 w 3604746"/>
                <a:gd name="connsiteY22" fmla="*/ 2784538 h 7314438"/>
                <a:gd name="connsiteX23" fmla="*/ 2089209 w 3604746"/>
                <a:gd name="connsiteY23" fmla="*/ 2994089 h 7314438"/>
                <a:gd name="connsiteX24" fmla="*/ 2255420 w 3604746"/>
                <a:gd name="connsiteY24" fmla="*/ 3121724 h 7314438"/>
                <a:gd name="connsiteX25" fmla="*/ 2542313 w 3604746"/>
                <a:gd name="connsiteY25" fmla="*/ 3286983 h 7314438"/>
                <a:gd name="connsiteX26" fmla="*/ 2745482 w 3604746"/>
                <a:gd name="connsiteY26" fmla="*/ 3398901 h 7314438"/>
                <a:gd name="connsiteX27" fmla="*/ 2896929 w 3604746"/>
                <a:gd name="connsiteY27" fmla="*/ 3433001 h 7314438"/>
                <a:gd name="connsiteX28" fmla="*/ 3103145 w 3604746"/>
                <a:gd name="connsiteY28" fmla="*/ 3511391 h 7314438"/>
                <a:gd name="connsiteX29" fmla="*/ 3303170 w 3604746"/>
                <a:gd name="connsiteY29" fmla="*/ 3681889 h 7314438"/>
                <a:gd name="connsiteX30" fmla="*/ 3309647 w 3604746"/>
                <a:gd name="connsiteY30" fmla="*/ 3684651 h 7314438"/>
                <a:gd name="connsiteX31" fmla="*/ 3435473 w 3604746"/>
                <a:gd name="connsiteY31" fmla="*/ 3695224 h 7314438"/>
                <a:gd name="connsiteX32" fmla="*/ 3572156 w 3604746"/>
                <a:gd name="connsiteY32" fmla="*/ 3726847 h 7314438"/>
                <a:gd name="connsiteX33" fmla="*/ 3566537 w 3604746"/>
                <a:gd name="connsiteY33" fmla="*/ 3988879 h 7314438"/>
                <a:gd name="connsiteX34" fmla="*/ 3547487 w 3604746"/>
                <a:gd name="connsiteY34" fmla="*/ 4050316 h 7314438"/>
                <a:gd name="connsiteX35" fmla="*/ 3363940 w 3604746"/>
                <a:gd name="connsiteY35" fmla="*/ 4320921 h 7314438"/>
                <a:gd name="connsiteX36" fmla="*/ 3260784 w 3604746"/>
                <a:gd name="connsiteY36" fmla="*/ 4444079 h 7314438"/>
                <a:gd name="connsiteX37" fmla="*/ 3158772 w 3604746"/>
                <a:gd name="connsiteY37" fmla="*/ 4553712 h 7314438"/>
                <a:gd name="connsiteX38" fmla="*/ 2922075 w 3604746"/>
                <a:gd name="connsiteY38" fmla="*/ 4872038 h 7314438"/>
                <a:gd name="connsiteX39" fmla="*/ 2707477 w 3604746"/>
                <a:gd name="connsiteY39" fmla="*/ 5145596 h 7314438"/>
                <a:gd name="connsiteX40" fmla="*/ 2562888 w 3604746"/>
                <a:gd name="connsiteY40" fmla="*/ 5327333 h 7314438"/>
                <a:gd name="connsiteX41" fmla="*/ 2560792 w 3604746"/>
                <a:gd name="connsiteY41" fmla="*/ 5841683 h 7314438"/>
                <a:gd name="connsiteX42" fmla="*/ 2592129 w 3604746"/>
                <a:gd name="connsiteY42" fmla="*/ 6035898 h 7314438"/>
                <a:gd name="connsiteX43" fmla="*/ 2622895 w 3604746"/>
                <a:gd name="connsiteY43" fmla="*/ 6212300 h 7314438"/>
                <a:gd name="connsiteX44" fmla="*/ 2660995 w 3604746"/>
                <a:gd name="connsiteY44" fmla="*/ 6292024 h 7314438"/>
                <a:gd name="connsiteX45" fmla="*/ 2749197 w 3604746"/>
                <a:gd name="connsiteY45" fmla="*/ 6514529 h 7314438"/>
                <a:gd name="connsiteX46" fmla="*/ 2853972 w 3604746"/>
                <a:gd name="connsiteY46" fmla="*/ 6813995 h 7314438"/>
                <a:gd name="connsiteX47" fmla="*/ 2961128 w 3604746"/>
                <a:gd name="connsiteY47" fmla="*/ 7120223 h 7314438"/>
                <a:gd name="connsiteX48" fmla="*/ 3033613 w 3604746"/>
                <a:gd name="connsiteY48" fmla="*/ 7314438 h 7314438"/>
                <a:gd name="connsiteX49" fmla="*/ 3028470 w 3604746"/>
                <a:gd name="connsiteY49" fmla="*/ 7314438 h 7314438"/>
                <a:gd name="connsiteX50" fmla="*/ 2957413 w 3604746"/>
                <a:gd name="connsiteY50" fmla="*/ 7122033 h 7314438"/>
                <a:gd name="connsiteX51" fmla="*/ 2850352 w 3604746"/>
                <a:gd name="connsiteY51" fmla="*/ 6816186 h 7314438"/>
                <a:gd name="connsiteX52" fmla="*/ 2745101 w 3604746"/>
                <a:gd name="connsiteY52" fmla="*/ 6516433 h 7314438"/>
                <a:gd name="connsiteX53" fmla="*/ 2657280 w 3604746"/>
                <a:gd name="connsiteY53" fmla="*/ 6294882 h 7314438"/>
                <a:gd name="connsiteX54" fmla="*/ 2618609 w 3604746"/>
                <a:gd name="connsiteY54" fmla="*/ 6214587 h 7314438"/>
                <a:gd name="connsiteX55" fmla="*/ 2587557 w 3604746"/>
                <a:gd name="connsiteY55" fmla="*/ 6036850 h 7314438"/>
                <a:gd name="connsiteX56" fmla="*/ 2556315 w 3604746"/>
                <a:gd name="connsiteY56" fmla="*/ 5843683 h 7314438"/>
                <a:gd name="connsiteX57" fmla="*/ 2558506 w 3604746"/>
                <a:gd name="connsiteY57" fmla="*/ 5325999 h 7314438"/>
                <a:gd name="connsiteX58" fmla="*/ 2704429 w 3604746"/>
                <a:gd name="connsiteY58" fmla="*/ 5142452 h 7314438"/>
                <a:gd name="connsiteX59" fmla="*/ 2917884 w 3604746"/>
                <a:gd name="connsiteY59" fmla="*/ 4870419 h 7314438"/>
                <a:gd name="connsiteX60" fmla="*/ 3156009 w 3604746"/>
                <a:gd name="connsiteY60" fmla="*/ 4550664 h 7314438"/>
                <a:gd name="connsiteX61" fmla="*/ 3257355 w 3604746"/>
                <a:gd name="connsiteY61" fmla="*/ 4441794 h 7314438"/>
                <a:gd name="connsiteX62" fmla="*/ 3360796 w 3604746"/>
                <a:gd name="connsiteY62" fmla="*/ 4317969 h 7314438"/>
                <a:gd name="connsiteX63" fmla="*/ 3543391 w 3604746"/>
                <a:gd name="connsiteY63" fmla="*/ 4049268 h 7314438"/>
                <a:gd name="connsiteX64" fmla="*/ 3562441 w 3604746"/>
                <a:gd name="connsiteY64" fmla="*/ 3987832 h 7314438"/>
                <a:gd name="connsiteX65" fmla="*/ 3568918 w 3604746"/>
                <a:gd name="connsiteY65" fmla="*/ 3730657 h 7314438"/>
                <a:gd name="connsiteX66" fmla="*/ 3436330 w 3604746"/>
                <a:gd name="connsiteY66" fmla="*/ 3700653 h 7314438"/>
                <a:gd name="connsiteX67" fmla="*/ 3308123 w 3604746"/>
                <a:gd name="connsiteY67" fmla="*/ 3689699 h 7314438"/>
                <a:gd name="connsiteX68" fmla="*/ 3301647 w 3604746"/>
                <a:gd name="connsiteY68" fmla="*/ 3686842 h 7314438"/>
                <a:gd name="connsiteX69" fmla="*/ 3100097 w 3604746"/>
                <a:gd name="connsiteY69" fmla="*/ 3514725 h 7314438"/>
                <a:gd name="connsiteX70" fmla="*/ 2897596 w 3604746"/>
                <a:gd name="connsiteY70" fmla="*/ 3438525 h 7314438"/>
                <a:gd name="connsiteX71" fmla="*/ 2743481 w 3604746"/>
                <a:gd name="connsiteY71" fmla="*/ 3403473 h 7314438"/>
                <a:gd name="connsiteX72" fmla="*/ 2540980 w 3604746"/>
                <a:gd name="connsiteY72" fmla="*/ 3291935 h 7314438"/>
                <a:gd name="connsiteX73" fmla="*/ 2253230 w 3604746"/>
                <a:gd name="connsiteY73" fmla="*/ 3126200 h 7314438"/>
                <a:gd name="connsiteX74" fmla="*/ 2087209 w 3604746"/>
                <a:gd name="connsiteY74" fmla="*/ 2998661 h 7314438"/>
                <a:gd name="connsiteX75" fmla="*/ 1829272 w 3604746"/>
                <a:gd name="connsiteY75" fmla="*/ 2787777 h 7314438"/>
                <a:gd name="connsiteX76" fmla="*/ 1757072 w 3604746"/>
                <a:gd name="connsiteY76" fmla="*/ 2709291 h 7314438"/>
                <a:gd name="connsiteX77" fmla="*/ 1668299 w 3604746"/>
                <a:gd name="connsiteY77" fmla="*/ 2607564 h 7314438"/>
                <a:gd name="connsiteX78" fmla="*/ 1633533 w 3604746"/>
                <a:gd name="connsiteY78" fmla="*/ 2547557 h 7314438"/>
                <a:gd name="connsiteX79" fmla="*/ 1543712 w 3604746"/>
                <a:gd name="connsiteY79" fmla="*/ 2431352 h 7314438"/>
                <a:gd name="connsiteX80" fmla="*/ 1505041 w 3604746"/>
                <a:gd name="connsiteY80" fmla="*/ 2406110 h 7314438"/>
                <a:gd name="connsiteX81" fmla="*/ 1341211 w 3604746"/>
                <a:gd name="connsiteY81" fmla="*/ 2190179 h 7314438"/>
                <a:gd name="connsiteX82" fmla="*/ 1318922 w 3604746"/>
                <a:gd name="connsiteY82" fmla="*/ 1991487 h 7314438"/>
                <a:gd name="connsiteX83" fmla="*/ 1296253 w 3604746"/>
                <a:gd name="connsiteY83" fmla="*/ 1839087 h 7314438"/>
                <a:gd name="connsiteX84" fmla="*/ 1286728 w 3604746"/>
                <a:gd name="connsiteY84" fmla="*/ 1815275 h 7314438"/>
                <a:gd name="connsiteX85" fmla="*/ 1092703 w 3604746"/>
                <a:gd name="connsiteY85" fmla="*/ 1384745 h 7314438"/>
                <a:gd name="connsiteX86" fmla="*/ 1060890 w 3604746"/>
                <a:gd name="connsiteY86" fmla="*/ 1342073 h 7314438"/>
                <a:gd name="connsiteX87" fmla="*/ 948019 w 3604746"/>
                <a:gd name="connsiteY87" fmla="*/ 1244918 h 7314438"/>
                <a:gd name="connsiteX88" fmla="*/ 936208 w 3604746"/>
                <a:gd name="connsiteY88" fmla="*/ 1241298 h 7314438"/>
                <a:gd name="connsiteX89" fmla="*/ 731611 w 3604746"/>
                <a:gd name="connsiteY89" fmla="*/ 1118426 h 7314438"/>
                <a:gd name="connsiteX90" fmla="*/ 480055 w 3604746"/>
                <a:gd name="connsiteY90" fmla="*/ 883634 h 7314438"/>
                <a:gd name="connsiteX91" fmla="*/ 353659 w 3604746"/>
                <a:gd name="connsiteY91" fmla="*/ 763905 h 7314438"/>
                <a:gd name="connsiteX92" fmla="*/ 344705 w 3604746"/>
                <a:gd name="connsiteY92" fmla="*/ 722471 h 7314438"/>
                <a:gd name="connsiteX93" fmla="*/ 248503 w 3604746"/>
                <a:gd name="connsiteY93" fmla="*/ 522446 h 7314438"/>
                <a:gd name="connsiteX94" fmla="*/ 174588 w 3604746"/>
                <a:gd name="connsiteY94" fmla="*/ 463677 h 7314438"/>
                <a:gd name="connsiteX95" fmla="*/ 119153 w 3604746"/>
                <a:gd name="connsiteY95" fmla="*/ 390525 h 7314438"/>
                <a:gd name="connsiteX96" fmla="*/ 97341 w 3604746"/>
                <a:gd name="connsiteY96" fmla="*/ 325850 h 7314438"/>
                <a:gd name="connsiteX97" fmla="*/ 37143 w 3604746"/>
                <a:gd name="connsiteY97" fmla="*/ 179927 h 7314438"/>
                <a:gd name="connsiteX98" fmla="*/ 1139 w 3604746"/>
                <a:gd name="connsiteY98" fmla="*/ 0 h 7314438"/>
                <a:gd name="connsiteX99" fmla="*/ 5901 w 3604746"/>
                <a:gd name="connsiteY99" fmla="*/ 0 h 7314438"/>
                <a:gd name="connsiteX100" fmla="*/ 40191 w 3604746"/>
                <a:gd name="connsiteY100" fmla="*/ 176689 h 73144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3604746" h="7314438">
                  <a:moveTo>
                    <a:pt x="40191" y="176689"/>
                  </a:moveTo>
                  <a:cubicBezTo>
                    <a:pt x="67814" y="222504"/>
                    <a:pt x="83815" y="271939"/>
                    <a:pt x="100770" y="323564"/>
                  </a:cubicBezTo>
                  <a:cubicBezTo>
                    <a:pt x="107628" y="344519"/>
                    <a:pt x="114581" y="366046"/>
                    <a:pt x="122678" y="388144"/>
                  </a:cubicBezTo>
                  <a:cubicBezTo>
                    <a:pt x="139346" y="434245"/>
                    <a:pt x="150205" y="441484"/>
                    <a:pt x="176208" y="459010"/>
                  </a:cubicBezTo>
                  <a:cubicBezTo>
                    <a:pt x="202808" y="476423"/>
                    <a:pt x="227742" y="496255"/>
                    <a:pt x="250694" y="518255"/>
                  </a:cubicBezTo>
                  <a:cubicBezTo>
                    <a:pt x="321941" y="584930"/>
                    <a:pt x="336419" y="660559"/>
                    <a:pt x="348325" y="721233"/>
                  </a:cubicBezTo>
                  <a:cubicBezTo>
                    <a:pt x="351182" y="735997"/>
                    <a:pt x="353849" y="749808"/>
                    <a:pt x="357183" y="762191"/>
                  </a:cubicBezTo>
                  <a:cubicBezTo>
                    <a:pt x="373280" y="821722"/>
                    <a:pt x="390711" y="834485"/>
                    <a:pt x="481008" y="878967"/>
                  </a:cubicBezTo>
                  <a:cubicBezTo>
                    <a:pt x="571305" y="923449"/>
                    <a:pt x="661983" y="1029843"/>
                    <a:pt x="734183" y="1114997"/>
                  </a:cubicBezTo>
                  <a:cubicBezTo>
                    <a:pt x="802001" y="1195102"/>
                    <a:pt x="867533" y="1215104"/>
                    <a:pt x="936494" y="1236345"/>
                  </a:cubicBezTo>
                  <a:lnTo>
                    <a:pt x="948209" y="1239965"/>
                  </a:lnTo>
                  <a:cubicBezTo>
                    <a:pt x="1005359" y="1257681"/>
                    <a:pt x="1029743" y="1291685"/>
                    <a:pt x="1063652" y="1338929"/>
                  </a:cubicBezTo>
                  <a:cubicBezTo>
                    <a:pt x="1073177" y="1352360"/>
                    <a:pt x="1083369" y="1366361"/>
                    <a:pt x="1095275" y="1381411"/>
                  </a:cubicBezTo>
                  <a:cubicBezTo>
                    <a:pt x="1144615" y="1444181"/>
                    <a:pt x="1250247" y="1712214"/>
                    <a:pt x="1289966" y="1813084"/>
                  </a:cubicBezTo>
                  <a:cubicBezTo>
                    <a:pt x="1293681" y="1822609"/>
                    <a:pt x="1296824" y="1830515"/>
                    <a:pt x="1299491" y="1836896"/>
                  </a:cubicBezTo>
                  <a:cubicBezTo>
                    <a:pt x="1315303" y="1876901"/>
                    <a:pt x="1318541" y="1927193"/>
                    <a:pt x="1322446" y="1990820"/>
                  </a:cubicBezTo>
                  <a:cubicBezTo>
                    <a:pt x="1325347" y="2057287"/>
                    <a:pt x="1332762" y="2123479"/>
                    <a:pt x="1344640" y="2188940"/>
                  </a:cubicBezTo>
                  <a:cubicBezTo>
                    <a:pt x="1369405" y="2317052"/>
                    <a:pt x="1445319" y="2363915"/>
                    <a:pt x="1506565" y="2401634"/>
                  </a:cubicBezTo>
                  <a:cubicBezTo>
                    <a:pt x="1520567" y="2410301"/>
                    <a:pt x="1533806" y="2418588"/>
                    <a:pt x="1545522" y="2427161"/>
                  </a:cubicBezTo>
                  <a:cubicBezTo>
                    <a:pt x="1590195" y="2460022"/>
                    <a:pt x="1612197" y="2499360"/>
                    <a:pt x="1636677" y="2544890"/>
                  </a:cubicBezTo>
                  <a:cubicBezTo>
                    <a:pt x="1647059" y="2563940"/>
                    <a:pt x="1657822" y="2583466"/>
                    <a:pt x="1671252" y="2604611"/>
                  </a:cubicBezTo>
                  <a:cubicBezTo>
                    <a:pt x="1696421" y="2641683"/>
                    <a:pt x="1726007" y="2675555"/>
                    <a:pt x="1759358" y="2705481"/>
                  </a:cubicBezTo>
                  <a:cubicBezTo>
                    <a:pt x="1785827" y="2729679"/>
                    <a:pt x="1810144" y="2756131"/>
                    <a:pt x="1832034" y="2784538"/>
                  </a:cubicBezTo>
                  <a:cubicBezTo>
                    <a:pt x="1861466" y="2825115"/>
                    <a:pt x="1982339" y="2915126"/>
                    <a:pt x="2089209" y="2994089"/>
                  </a:cubicBezTo>
                  <a:cubicBezTo>
                    <a:pt x="2154551" y="3042761"/>
                    <a:pt x="2216368" y="3088767"/>
                    <a:pt x="2255420" y="3121724"/>
                  </a:cubicBezTo>
                  <a:cubicBezTo>
                    <a:pt x="2314666" y="3171730"/>
                    <a:pt x="2435633" y="3232976"/>
                    <a:pt x="2542313" y="3286983"/>
                  </a:cubicBezTo>
                  <a:cubicBezTo>
                    <a:pt x="2625562" y="3329083"/>
                    <a:pt x="2704238" y="3368897"/>
                    <a:pt x="2745482" y="3398901"/>
                  </a:cubicBezTo>
                  <a:cubicBezTo>
                    <a:pt x="2785011" y="3427476"/>
                    <a:pt x="2839398" y="3430238"/>
                    <a:pt x="2896929" y="3433001"/>
                  </a:cubicBezTo>
                  <a:cubicBezTo>
                    <a:pt x="2974653" y="3436716"/>
                    <a:pt x="3055044" y="3440525"/>
                    <a:pt x="3103145" y="3511391"/>
                  </a:cubicBezTo>
                  <a:cubicBezTo>
                    <a:pt x="3183441" y="3629406"/>
                    <a:pt x="3213445" y="3642646"/>
                    <a:pt x="3303170" y="3681889"/>
                  </a:cubicBezTo>
                  <a:lnTo>
                    <a:pt x="3309647" y="3684651"/>
                  </a:lnTo>
                  <a:cubicBezTo>
                    <a:pt x="3351081" y="3702939"/>
                    <a:pt x="3394039" y="3699034"/>
                    <a:pt x="3435473" y="3695224"/>
                  </a:cubicBezTo>
                  <a:cubicBezTo>
                    <a:pt x="3487003" y="3690557"/>
                    <a:pt x="3535676" y="3685699"/>
                    <a:pt x="3572156" y="3726847"/>
                  </a:cubicBezTo>
                  <a:cubicBezTo>
                    <a:pt x="3628163" y="3789426"/>
                    <a:pt x="3602351" y="3873151"/>
                    <a:pt x="3566537" y="3988879"/>
                  </a:cubicBezTo>
                  <a:cubicBezTo>
                    <a:pt x="3560536" y="4008501"/>
                    <a:pt x="3554249" y="4028789"/>
                    <a:pt x="3547487" y="4050316"/>
                  </a:cubicBezTo>
                  <a:cubicBezTo>
                    <a:pt x="3518245" y="4150043"/>
                    <a:pt x="3439759" y="4236911"/>
                    <a:pt x="3363940" y="4320921"/>
                  </a:cubicBezTo>
                  <a:cubicBezTo>
                    <a:pt x="3327126" y="4359877"/>
                    <a:pt x="3292679" y="4401004"/>
                    <a:pt x="3260784" y="4444079"/>
                  </a:cubicBezTo>
                  <a:cubicBezTo>
                    <a:pt x="3232209" y="4485037"/>
                    <a:pt x="3196586" y="4518470"/>
                    <a:pt x="3158772" y="4553712"/>
                  </a:cubicBezTo>
                  <a:cubicBezTo>
                    <a:pt x="3084667" y="4623150"/>
                    <a:pt x="3000656" y="4701731"/>
                    <a:pt x="2922075" y="4872038"/>
                  </a:cubicBezTo>
                  <a:cubicBezTo>
                    <a:pt x="2857496" y="5012056"/>
                    <a:pt x="2777772" y="5083016"/>
                    <a:pt x="2707477" y="5145596"/>
                  </a:cubicBezTo>
                  <a:cubicBezTo>
                    <a:pt x="2646327" y="5199984"/>
                    <a:pt x="2593177" y="5247037"/>
                    <a:pt x="2562888" y="5327333"/>
                  </a:cubicBezTo>
                  <a:cubicBezTo>
                    <a:pt x="2500784" y="5489925"/>
                    <a:pt x="2517072" y="5702903"/>
                    <a:pt x="2560792" y="5841683"/>
                  </a:cubicBezTo>
                  <a:cubicBezTo>
                    <a:pt x="2580413" y="5904262"/>
                    <a:pt x="2586414" y="5971127"/>
                    <a:pt x="2592129" y="6035898"/>
                  </a:cubicBezTo>
                  <a:cubicBezTo>
                    <a:pt x="2597844" y="6100668"/>
                    <a:pt x="2603464" y="6163247"/>
                    <a:pt x="2622895" y="6212300"/>
                  </a:cubicBezTo>
                  <a:cubicBezTo>
                    <a:pt x="2633809" y="6239692"/>
                    <a:pt x="2646538" y="6266325"/>
                    <a:pt x="2660995" y="6292024"/>
                  </a:cubicBezTo>
                  <a:cubicBezTo>
                    <a:pt x="2685379" y="6336792"/>
                    <a:pt x="2710715" y="6383083"/>
                    <a:pt x="2749197" y="6514529"/>
                  </a:cubicBezTo>
                  <a:cubicBezTo>
                    <a:pt x="2778438" y="6614255"/>
                    <a:pt x="2817014" y="6715792"/>
                    <a:pt x="2853972" y="6813995"/>
                  </a:cubicBezTo>
                  <a:cubicBezTo>
                    <a:pt x="2892072" y="6914102"/>
                    <a:pt x="2931410" y="7017734"/>
                    <a:pt x="2961128" y="7120223"/>
                  </a:cubicBezTo>
                  <a:cubicBezTo>
                    <a:pt x="2981189" y="7186419"/>
                    <a:pt x="3005399" y="7251285"/>
                    <a:pt x="3033613" y="7314438"/>
                  </a:cubicBezTo>
                  <a:lnTo>
                    <a:pt x="3028470" y="7314438"/>
                  </a:lnTo>
                  <a:cubicBezTo>
                    <a:pt x="3000771" y="7251857"/>
                    <a:pt x="2977038" y="7187595"/>
                    <a:pt x="2957413" y="7122033"/>
                  </a:cubicBezTo>
                  <a:cubicBezTo>
                    <a:pt x="2927695" y="7019830"/>
                    <a:pt x="2888357" y="6916293"/>
                    <a:pt x="2850352" y="6816186"/>
                  </a:cubicBezTo>
                  <a:cubicBezTo>
                    <a:pt x="2813014" y="6717983"/>
                    <a:pt x="2774152" y="6616161"/>
                    <a:pt x="2745101" y="6516433"/>
                  </a:cubicBezTo>
                  <a:cubicBezTo>
                    <a:pt x="2707001" y="6385560"/>
                    <a:pt x="2681569" y="6339459"/>
                    <a:pt x="2657280" y="6294882"/>
                  </a:cubicBezTo>
                  <a:cubicBezTo>
                    <a:pt x="2642595" y="6269019"/>
                    <a:pt x="2629675" y="6242193"/>
                    <a:pt x="2618609" y="6214587"/>
                  </a:cubicBezTo>
                  <a:cubicBezTo>
                    <a:pt x="2598892" y="6164961"/>
                    <a:pt x="2593368" y="6102763"/>
                    <a:pt x="2587557" y="6036850"/>
                  </a:cubicBezTo>
                  <a:cubicBezTo>
                    <a:pt x="2581747" y="5972461"/>
                    <a:pt x="2575841" y="5905786"/>
                    <a:pt x="2556315" y="5843683"/>
                  </a:cubicBezTo>
                  <a:cubicBezTo>
                    <a:pt x="2512405" y="5703951"/>
                    <a:pt x="2496022" y="5489639"/>
                    <a:pt x="2558506" y="5325999"/>
                  </a:cubicBezTo>
                  <a:cubicBezTo>
                    <a:pt x="2589557" y="5244656"/>
                    <a:pt x="2642802" y="5197221"/>
                    <a:pt x="2704429" y="5142452"/>
                  </a:cubicBezTo>
                  <a:cubicBezTo>
                    <a:pt x="2774343" y="5080159"/>
                    <a:pt x="2853686" y="5009102"/>
                    <a:pt x="2917884" y="4870419"/>
                  </a:cubicBezTo>
                  <a:cubicBezTo>
                    <a:pt x="2996751" y="4698969"/>
                    <a:pt x="3081143" y="4620292"/>
                    <a:pt x="3156009" y="4550664"/>
                  </a:cubicBezTo>
                  <a:cubicBezTo>
                    <a:pt x="3193537" y="4515517"/>
                    <a:pt x="3229066" y="4482275"/>
                    <a:pt x="3257355" y="4441794"/>
                  </a:cubicBezTo>
                  <a:cubicBezTo>
                    <a:pt x="3289318" y="4398479"/>
                    <a:pt x="3323861" y="4357129"/>
                    <a:pt x="3360796" y="4317969"/>
                  </a:cubicBezTo>
                  <a:cubicBezTo>
                    <a:pt x="3436425" y="4234339"/>
                    <a:pt x="3514530" y="4147947"/>
                    <a:pt x="3543391" y="4049268"/>
                  </a:cubicBezTo>
                  <a:cubicBezTo>
                    <a:pt x="3549677" y="4027742"/>
                    <a:pt x="3555964" y="4007453"/>
                    <a:pt x="3562441" y="3987832"/>
                  </a:cubicBezTo>
                  <a:cubicBezTo>
                    <a:pt x="3597683" y="3873532"/>
                    <a:pt x="3623211" y="3790950"/>
                    <a:pt x="3568918" y="3730657"/>
                  </a:cubicBezTo>
                  <a:cubicBezTo>
                    <a:pt x="3534056" y="3691700"/>
                    <a:pt x="3486527" y="3695986"/>
                    <a:pt x="3436330" y="3700653"/>
                  </a:cubicBezTo>
                  <a:cubicBezTo>
                    <a:pt x="3394229" y="3704463"/>
                    <a:pt x="3350605" y="3708464"/>
                    <a:pt x="3308123" y="3689699"/>
                  </a:cubicBezTo>
                  <a:lnTo>
                    <a:pt x="3301647" y="3686842"/>
                  </a:lnTo>
                  <a:cubicBezTo>
                    <a:pt x="3211540" y="3647218"/>
                    <a:pt x="3181155" y="3633883"/>
                    <a:pt x="3100097" y="3514725"/>
                  </a:cubicBezTo>
                  <a:cubicBezTo>
                    <a:pt x="3053234" y="3445859"/>
                    <a:pt x="2974082" y="3442049"/>
                    <a:pt x="2897596" y="3438525"/>
                  </a:cubicBezTo>
                  <a:cubicBezTo>
                    <a:pt x="2839303" y="3435763"/>
                    <a:pt x="2784153" y="3433096"/>
                    <a:pt x="2743481" y="3403473"/>
                  </a:cubicBezTo>
                  <a:cubicBezTo>
                    <a:pt x="2702810" y="3373850"/>
                    <a:pt x="2624133" y="3334036"/>
                    <a:pt x="2540980" y="3291935"/>
                  </a:cubicBezTo>
                  <a:cubicBezTo>
                    <a:pt x="2434109" y="3237833"/>
                    <a:pt x="2312856" y="3176492"/>
                    <a:pt x="2253230" y="3126200"/>
                  </a:cubicBezTo>
                  <a:cubicBezTo>
                    <a:pt x="2214272" y="3093244"/>
                    <a:pt x="2152550" y="3047333"/>
                    <a:pt x="2087209" y="2998661"/>
                  </a:cubicBezTo>
                  <a:cubicBezTo>
                    <a:pt x="1975100" y="2915222"/>
                    <a:pt x="1858609" y="2828830"/>
                    <a:pt x="1829272" y="2787777"/>
                  </a:cubicBezTo>
                  <a:cubicBezTo>
                    <a:pt x="1807567" y="2759538"/>
                    <a:pt x="1783406" y="2733273"/>
                    <a:pt x="1757072" y="2709291"/>
                  </a:cubicBezTo>
                  <a:cubicBezTo>
                    <a:pt x="1723452" y="2679120"/>
                    <a:pt x="1693641" y="2644959"/>
                    <a:pt x="1668299" y="2607564"/>
                  </a:cubicBezTo>
                  <a:cubicBezTo>
                    <a:pt x="1654774" y="2586228"/>
                    <a:pt x="1644010" y="2566511"/>
                    <a:pt x="1633533" y="2547557"/>
                  </a:cubicBezTo>
                  <a:cubicBezTo>
                    <a:pt x="1608863" y="2502503"/>
                    <a:pt x="1587527" y="2463641"/>
                    <a:pt x="1543712" y="2431352"/>
                  </a:cubicBezTo>
                  <a:cubicBezTo>
                    <a:pt x="1532187" y="2422874"/>
                    <a:pt x="1519042" y="2414683"/>
                    <a:pt x="1505041" y="2406110"/>
                  </a:cubicBezTo>
                  <a:cubicBezTo>
                    <a:pt x="1443319" y="2368010"/>
                    <a:pt x="1366452" y="2320385"/>
                    <a:pt x="1341211" y="2190179"/>
                  </a:cubicBezTo>
                  <a:cubicBezTo>
                    <a:pt x="1329266" y="2124533"/>
                    <a:pt x="1321819" y="2058148"/>
                    <a:pt x="1318922" y="1991487"/>
                  </a:cubicBezTo>
                  <a:cubicBezTo>
                    <a:pt x="1315017" y="1928241"/>
                    <a:pt x="1311874" y="1878330"/>
                    <a:pt x="1296253" y="1839087"/>
                  </a:cubicBezTo>
                  <a:cubicBezTo>
                    <a:pt x="1293777" y="1832705"/>
                    <a:pt x="1290633" y="1824609"/>
                    <a:pt x="1286728" y="1815275"/>
                  </a:cubicBezTo>
                  <a:cubicBezTo>
                    <a:pt x="1247009" y="1714500"/>
                    <a:pt x="1141567" y="1446943"/>
                    <a:pt x="1092703" y="1384745"/>
                  </a:cubicBezTo>
                  <a:cubicBezTo>
                    <a:pt x="1080702" y="1369600"/>
                    <a:pt x="1070701" y="1355598"/>
                    <a:pt x="1060890" y="1342073"/>
                  </a:cubicBezTo>
                  <a:cubicBezTo>
                    <a:pt x="1027553" y="1295591"/>
                    <a:pt x="1003740" y="1262063"/>
                    <a:pt x="948019" y="1244918"/>
                  </a:cubicBezTo>
                  <a:lnTo>
                    <a:pt x="936208" y="1241298"/>
                  </a:lnTo>
                  <a:cubicBezTo>
                    <a:pt x="869533" y="1220819"/>
                    <a:pt x="800381" y="1199579"/>
                    <a:pt x="731611" y="1118426"/>
                  </a:cubicBezTo>
                  <a:cubicBezTo>
                    <a:pt x="659793" y="1033653"/>
                    <a:pt x="570353" y="927926"/>
                    <a:pt x="480055" y="883634"/>
                  </a:cubicBezTo>
                  <a:cubicBezTo>
                    <a:pt x="388044" y="838295"/>
                    <a:pt x="370328" y="825341"/>
                    <a:pt x="353659" y="763905"/>
                  </a:cubicBezTo>
                  <a:cubicBezTo>
                    <a:pt x="350325" y="751427"/>
                    <a:pt x="347563" y="737426"/>
                    <a:pt x="344705" y="722471"/>
                  </a:cubicBezTo>
                  <a:cubicBezTo>
                    <a:pt x="333085" y="662464"/>
                    <a:pt x="318607" y="587788"/>
                    <a:pt x="248503" y="522446"/>
                  </a:cubicBezTo>
                  <a:cubicBezTo>
                    <a:pt x="225667" y="500691"/>
                    <a:pt x="200930" y="481023"/>
                    <a:pt x="174588" y="463677"/>
                  </a:cubicBezTo>
                  <a:cubicBezTo>
                    <a:pt x="148490" y="446151"/>
                    <a:pt x="136489" y="438055"/>
                    <a:pt x="119153" y="390525"/>
                  </a:cubicBezTo>
                  <a:cubicBezTo>
                    <a:pt x="111152" y="368427"/>
                    <a:pt x="104104" y="346710"/>
                    <a:pt x="97341" y="325850"/>
                  </a:cubicBezTo>
                  <a:cubicBezTo>
                    <a:pt x="80482" y="274130"/>
                    <a:pt x="64575" y="225266"/>
                    <a:pt x="37143" y="179927"/>
                  </a:cubicBezTo>
                  <a:cubicBezTo>
                    <a:pt x="-386" y="117729"/>
                    <a:pt x="-2195" y="69437"/>
                    <a:pt x="1139" y="0"/>
                  </a:cubicBezTo>
                  <a:lnTo>
                    <a:pt x="5901" y="0"/>
                  </a:lnTo>
                  <a:cubicBezTo>
                    <a:pt x="1329" y="75914"/>
                    <a:pt x="4663" y="118205"/>
                    <a:pt x="40191" y="17668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2" name="Freeform: Shape 118">
              <a:extLst>
                <a:ext uri="{FF2B5EF4-FFF2-40B4-BE49-F238E27FC236}">
                  <a16:creationId xmlns:a16="http://schemas.microsoft.com/office/drawing/2014/main" id="{BABA2FC8-86B2-8248-A727-8C154D303692}"/>
                </a:ext>
              </a:extLst>
            </p:cNvPr>
            <p:cNvSpPr/>
            <p:nvPr/>
          </p:nvSpPr>
          <p:spPr>
            <a:xfrm>
              <a:off x="4461175" y="-1666948"/>
              <a:ext cx="4496964" cy="8867830"/>
            </a:xfrm>
            <a:custGeom>
              <a:avLst/>
              <a:gdLst>
                <a:gd name="connsiteX0" fmla="*/ 14362 w 3683258"/>
                <a:gd name="connsiteY0" fmla="*/ 176022 h 7314057"/>
                <a:gd name="connsiteX1" fmla="*/ 37412 w 3683258"/>
                <a:gd name="connsiteY1" fmla="*/ 203264 h 7314057"/>
                <a:gd name="connsiteX2" fmla="*/ 62082 w 3683258"/>
                <a:gd name="connsiteY2" fmla="*/ 232886 h 7314057"/>
                <a:gd name="connsiteX3" fmla="*/ 223340 w 3683258"/>
                <a:gd name="connsiteY3" fmla="*/ 558260 h 7314057"/>
                <a:gd name="connsiteX4" fmla="*/ 280490 w 3683258"/>
                <a:gd name="connsiteY4" fmla="*/ 694563 h 7314057"/>
                <a:gd name="connsiteX5" fmla="*/ 416412 w 3683258"/>
                <a:gd name="connsiteY5" fmla="*/ 824865 h 7314057"/>
                <a:gd name="connsiteX6" fmla="*/ 512805 w 3683258"/>
                <a:gd name="connsiteY6" fmla="*/ 880777 h 7314057"/>
                <a:gd name="connsiteX7" fmla="*/ 555572 w 3683258"/>
                <a:gd name="connsiteY7" fmla="*/ 913257 h 7314057"/>
                <a:gd name="connsiteX8" fmla="*/ 627010 w 3683258"/>
                <a:gd name="connsiteY8" fmla="*/ 989457 h 7314057"/>
                <a:gd name="connsiteX9" fmla="*/ 661490 w 3683258"/>
                <a:gd name="connsiteY9" fmla="*/ 1041083 h 7314057"/>
                <a:gd name="connsiteX10" fmla="*/ 735595 w 3683258"/>
                <a:gd name="connsiteY10" fmla="*/ 1066895 h 7314057"/>
                <a:gd name="connsiteX11" fmla="*/ 787982 w 3683258"/>
                <a:gd name="connsiteY11" fmla="*/ 1077278 h 7314057"/>
                <a:gd name="connsiteX12" fmla="*/ 870469 w 3683258"/>
                <a:gd name="connsiteY12" fmla="*/ 1136142 h 7314057"/>
                <a:gd name="connsiteX13" fmla="*/ 959813 w 3683258"/>
                <a:gd name="connsiteY13" fmla="*/ 1190625 h 7314057"/>
                <a:gd name="connsiteX14" fmla="*/ 1021250 w 3683258"/>
                <a:gd name="connsiteY14" fmla="*/ 1271778 h 7314057"/>
                <a:gd name="connsiteX15" fmla="*/ 1040300 w 3683258"/>
                <a:gd name="connsiteY15" fmla="*/ 1312736 h 7314057"/>
                <a:gd name="connsiteX16" fmla="*/ 1056873 w 3683258"/>
                <a:gd name="connsiteY16" fmla="*/ 1347311 h 7314057"/>
                <a:gd name="connsiteX17" fmla="*/ 1111737 w 3683258"/>
                <a:gd name="connsiteY17" fmla="*/ 1456849 h 7314057"/>
                <a:gd name="connsiteX18" fmla="*/ 1252612 w 3683258"/>
                <a:gd name="connsiteY18" fmla="*/ 1923574 h 7314057"/>
                <a:gd name="connsiteX19" fmla="*/ 1300237 w 3683258"/>
                <a:gd name="connsiteY19" fmla="*/ 2177034 h 7314057"/>
                <a:gd name="connsiteX20" fmla="*/ 1337670 w 3683258"/>
                <a:gd name="connsiteY20" fmla="*/ 2247043 h 7314057"/>
                <a:gd name="connsiteX21" fmla="*/ 1604370 w 3683258"/>
                <a:gd name="connsiteY21" fmla="*/ 2559558 h 7314057"/>
                <a:gd name="connsiteX22" fmla="*/ 1898883 w 3683258"/>
                <a:gd name="connsiteY22" fmla="*/ 2814352 h 7314057"/>
                <a:gd name="connsiteX23" fmla="*/ 2213780 w 3683258"/>
                <a:gd name="connsiteY23" fmla="*/ 3037332 h 7314057"/>
                <a:gd name="connsiteX24" fmla="*/ 2450857 w 3683258"/>
                <a:gd name="connsiteY24" fmla="*/ 3211544 h 7314057"/>
                <a:gd name="connsiteX25" fmla="*/ 2564680 w 3683258"/>
                <a:gd name="connsiteY25" fmla="*/ 3253931 h 7314057"/>
                <a:gd name="connsiteX26" fmla="*/ 2606019 w 3683258"/>
                <a:gd name="connsiteY26" fmla="*/ 3260217 h 7314057"/>
                <a:gd name="connsiteX27" fmla="*/ 3080650 w 3683258"/>
                <a:gd name="connsiteY27" fmla="*/ 3510439 h 7314057"/>
                <a:gd name="connsiteX28" fmla="*/ 3326014 w 3683258"/>
                <a:gd name="connsiteY28" fmla="*/ 3569398 h 7314057"/>
                <a:gd name="connsiteX29" fmla="*/ 3345064 w 3683258"/>
                <a:gd name="connsiteY29" fmla="*/ 3566160 h 7314057"/>
                <a:gd name="connsiteX30" fmla="*/ 3528325 w 3683258"/>
                <a:gd name="connsiteY30" fmla="*/ 3519106 h 7314057"/>
                <a:gd name="connsiteX31" fmla="*/ 3553947 w 3683258"/>
                <a:gd name="connsiteY31" fmla="*/ 3509581 h 7314057"/>
                <a:gd name="connsiteX32" fmla="*/ 3619956 w 3683258"/>
                <a:gd name="connsiteY32" fmla="*/ 3523202 h 7314057"/>
                <a:gd name="connsiteX33" fmla="*/ 3680725 w 3683258"/>
                <a:gd name="connsiteY33" fmla="*/ 3639217 h 7314057"/>
                <a:gd name="connsiteX34" fmla="*/ 3652150 w 3683258"/>
                <a:gd name="connsiteY34" fmla="*/ 3825145 h 7314057"/>
                <a:gd name="connsiteX35" fmla="*/ 3529373 w 3683258"/>
                <a:gd name="connsiteY35" fmla="*/ 4055078 h 7314057"/>
                <a:gd name="connsiteX36" fmla="*/ 3271245 w 3683258"/>
                <a:gd name="connsiteY36" fmla="*/ 4562952 h 7314057"/>
                <a:gd name="connsiteX37" fmla="*/ 3271245 w 3683258"/>
                <a:gd name="connsiteY37" fmla="*/ 4563714 h 7314057"/>
                <a:gd name="connsiteX38" fmla="*/ 2842620 w 3683258"/>
                <a:gd name="connsiteY38" fmla="*/ 5017580 h 7314057"/>
                <a:gd name="connsiteX39" fmla="*/ 2642595 w 3683258"/>
                <a:gd name="connsiteY39" fmla="*/ 5272850 h 7314057"/>
                <a:gd name="connsiteX40" fmla="*/ 2556870 w 3683258"/>
                <a:gd name="connsiteY40" fmla="*/ 5598034 h 7314057"/>
                <a:gd name="connsiteX41" fmla="*/ 2614020 w 3683258"/>
                <a:gd name="connsiteY41" fmla="*/ 6065615 h 7314057"/>
                <a:gd name="connsiteX42" fmla="*/ 2699745 w 3683258"/>
                <a:gd name="connsiteY42" fmla="*/ 6377750 h 7314057"/>
                <a:gd name="connsiteX43" fmla="*/ 2785470 w 3683258"/>
                <a:gd name="connsiteY43" fmla="*/ 6689884 h 7314057"/>
                <a:gd name="connsiteX44" fmla="*/ 3010356 w 3683258"/>
                <a:gd name="connsiteY44" fmla="*/ 7314057 h 7314057"/>
                <a:gd name="connsiteX45" fmla="*/ 3005212 w 3683258"/>
                <a:gd name="connsiteY45" fmla="*/ 7314057 h 7314057"/>
                <a:gd name="connsiteX46" fmla="*/ 2781279 w 3683258"/>
                <a:gd name="connsiteY46" fmla="*/ 6691027 h 7314057"/>
                <a:gd name="connsiteX47" fmla="*/ 2695554 w 3683258"/>
                <a:gd name="connsiteY47" fmla="*/ 6378893 h 7314057"/>
                <a:gd name="connsiteX48" fmla="*/ 2609829 w 3683258"/>
                <a:gd name="connsiteY48" fmla="*/ 6066568 h 7314057"/>
                <a:gd name="connsiteX49" fmla="*/ 2552679 w 3683258"/>
                <a:gd name="connsiteY49" fmla="*/ 5597557 h 7314057"/>
                <a:gd name="connsiteX50" fmla="*/ 2638881 w 3683258"/>
                <a:gd name="connsiteY50" fmla="*/ 5269897 h 7314057"/>
                <a:gd name="connsiteX51" fmla="*/ 2838906 w 3683258"/>
                <a:gd name="connsiteY51" fmla="*/ 5014437 h 7314057"/>
                <a:gd name="connsiteX52" fmla="*/ 3267531 w 3683258"/>
                <a:gd name="connsiteY52" fmla="*/ 4560380 h 7314057"/>
                <a:gd name="connsiteX53" fmla="*/ 3525563 w 3683258"/>
                <a:gd name="connsiteY53" fmla="*/ 4052697 h 7314057"/>
                <a:gd name="connsiteX54" fmla="*/ 3648149 w 3683258"/>
                <a:gd name="connsiteY54" fmla="*/ 3823145 h 7314057"/>
                <a:gd name="connsiteX55" fmla="*/ 3676724 w 3683258"/>
                <a:gd name="connsiteY55" fmla="*/ 3639598 h 7314057"/>
                <a:gd name="connsiteX56" fmla="*/ 3618050 w 3683258"/>
                <a:gd name="connsiteY56" fmla="*/ 3526917 h 7314057"/>
                <a:gd name="connsiteX57" fmla="*/ 3556138 w 3683258"/>
                <a:gd name="connsiteY57" fmla="*/ 3513868 h 7314057"/>
                <a:gd name="connsiteX58" fmla="*/ 3530801 w 3683258"/>
                <a:gd name="connsiteY58" fmla="*/ 3523393 h 7314057"/>
                <a:gd name="connsiteX59" fmla="*/ 3346302 w 3683258"/>
                <a:gd name="connsiteY59" fmla="*/ 3571018 h 7314057"/>
                <a:gd name="connsiteX60" fmla="*/ 3327252 w 3683258"/>
                <a:gd name="connsiteY60" fmla="*/ 3574256 h 7314057"/>
                <a:gd name="connsiteX61" fmla="*/ 3077031 w 3683258"/>
                <a:gd name="connsiteY61" fmla="*/ 3513201 h 7314057"/>
                <a:gd name="connsiteX62" fmla="*/ 2605638 w 3683258"/>
                <a:gd name="connsiteY62" fmla="*/ 3265551 h 7314057"/>
                <a:gd name="connsiteX63" fmla="*/ 2563919 w 3683258"/>
                <a:gd name="connsiteY63" fmla="*/ 3259074 h 7314057"/>
                <a:gd name="connsiteX64" fmla="*/ 2449142 w 3683258"/>
                <a:gd name="connsiteY64" fmla="*/ 3216307 h 7314057"/>
                <a:gd name="connsiteX65" fmla="*/ 2211017 w 3683258"/>
                <a:gd name="connsiteY65" fmla="*/ 3041714 h 7314057"/>
                <a:gd name="connsiteX66" fmla="*/ 1896692 w 3683258"/>
                <a:gd name="connsiteY66" fmla="*/ 2818924 h 7314057"/>
                <a:gd name="connsiteX67" fmla="*/ 1600751 w 3683258"/>
                <a:gd name="connsiteY67" fmla="*/ 2562797 h 7314057"/>
                <a:gd name="connsiteX68" fmla="*/ 1334717 w 3683258"/>
                <a:gd name="connsiteY68" fmla="*/ 2251234 h 7314057"/>
                <a:gd name="connsiteX69" fmla="*/ 1295760 w 3683258"/>
                <a:gd name="connsiteY69" fmla="*/ 2178939 h 7314057"/>
                <a:gd name="connsiteX70" fmla="*/ 1248135 w 3683258"/>
                <a:gd name="connsiteY70" fmla="*/ 1924907 h 7314057"/>
                <a:gd name="connsiteX71" fmla="*/ 1107927 w 3683258"/>
                <a:gd name="connsiteY71" fmla="*/ 1459992 h 7314057"/>
                <a:gd name="connsiteX72" fmla="*/ 1052682 w 3683258"/>
                <a:gd name="connsiteY72" fmla="*/ 1349692 h 7314057"/>
                <a:gd name="connsiteX73" fmla="*/ 1036394 w 3683258"/>
                <a:gd name="connsiteY73" fmla="*/ 1315593 h 7314057"/>
                <a:gd name="connsiteX74" fmla="*/ 1017345 w 3683258"/>
                <a:gd name="connsiteY74" fmla="*/ 1274159 h 7314057"/>
                <a:gd name="connsiteX75" fmla="*/ 958575 w 3683258"/>
                <a:gd name="connsiteY75" fmla="*/ 1195483 h 7314057"/>
                <a:gd name="connsiteX76" fmla="*/ 867897 w 3683258"/>
                <a:gd name="connsiteY76" fmla="*/ 1140238 h 7314057"/>
                <a:gd name="connsiteX77" fmla="*/ 785982 w 3683258"/>
                <a:gd name="connsiteY77" fmla="*/ 1081850 h 7314057"/>
                <a:gd name="connsiteX78" fmla="*/ 735880 w 3683258"/>
                <a:gd name="connsiteY78" fmla="*/ 1072325 h 7314057"/>
                <a:gd name="connsiteX79" fmla="*/ 658537 w 3683258"/>
                <a:gd name="connsiteY79" fmla="*/ 1044988 h 7314057"/>
                <a:gd name="connsiteX80" fmla="*/ 623295 w 3683258"/>
                <a:gd name="connsiteY80" fmla="*/ 992315 h 7314057"/>
                <a:gd name="connsiteX81" fmla="*/ 553762 w 3683258"/>
                <a:gd name="connsiteY81" fmla="*/ 918020 h 7314057"/>
                <a:gd name="connsiteX82" fmla="*/ 509948 w 3683258"/>
                <a:gd name="connsiteY82" fmla="*/ 885254 h 7314057"/>
                <a:gd name="connsiteX83" fmla="*/ 415364 w 3683258"/>
                <a:gd name="connsiteY83" fmla="*/ 830294 h 7314057"/>
                <a:gd name="connsiteX84" fmla="*/ 276109 w 3683258"/>
                <a:gd name="connsiteY84" fmla="*/ 696944 h 7314057"/>
                <a:gd name="connsiteX85" fmla="*/ 220197 w 3683258"/>
                <a:gd name="connsiteY85" fmla="*/ 562547 h 7314057"/>
                <a:gd name="connsiteX86" fmla="*/ 58272 w 3683258"/>
                <a:gd name="connsiteY86" fmla="*/ 235553 h 7314057"/>
                <a:gd name="connsiteX87" fmla="*/ 35317 w 3683258"/>
                <a:gd name="connsiteY87" fmla="*/ 208312 h 7314057"/>
                <a:gd name="connsiteX88" fmla="*/ 10647 w 3683258"/>
                <a:gd name="connsiteY88" fmla="*/ 178784 h 7314057"/>
                <a:gd name="connsiteX89" fmla="*/ 14362 w 3683258"/>
                <a:gd name="connsiteY89" fmla="*/ 16859 h 7314057"/>
                <a:gd name="connsiteX90" fmla="*/ 18267 w 3683258"/>
                <a:gd name="connsiteY90" fmla="*/ 0 h 7314057"/>
                <a:gd name="connsiteX91" fmla="*/ 23125 w 3683258"/>
                <a:gd name="connsiteY91" fmla="*/ 0 h 7314057"/>
                <a:gd name="connsiteX92" fmla="*/ 19029 w 3683258"/>
                <a:gd name="connsiteY92" fmla="*/ 17907 h 7314057"/>
                <a:gd name="connsiteX93" fmla="*/ 14362 w 3683258"/>
                <a:gd name="connsiteY93" fmla="*/ 176022 h 73140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3683258" h="7314057">
                  <a:moveTo>
                    <a:pt x="14362" y="176022"/>
                  </a:moveTo>
                  <a:cubicBezTo>
                    <a:pt x="18782" y="187425"/>
                    <a:pt x="26898" y="197017"/>
                    <a:pt x="37412" y="203264"/>
                  </a:cubicBezTo>
                  <a:cubicBezTo>
                    <a:pt x="48669" y="210156"/>
                    <a:pt x="57340" y="220567"/>
                    <a:pt x="62082" y="232886"/>
                  </a:cubicBezTo>
                  <a:cubicBezTo>
                    <a:pt x="102087" y="367284"/>
                    <a:pt x="163428" y="468821"/>
                    <a:pt x="223340" y="558260"/>
                  </a:cubicBezTo>
                  <a:cubicBezTo>
                    <a:pt x="257154" y="591884"/>
                    <a:pt x="272966" y="651129"/>
                    <a:pt x="280490" y="694563"/>
                  </a:cubicBezTo>
                  <a:cubicBezTo>
                    <a:pt x="299255" y="751332"/>
                    <a:pt x="379264" y="811054"/>
                    <a:pt x="416412" y="824865"/>
                  </a:cubicBezTo>
                  <a:cubicBezTo>
                    <a:pt x="458894" y="834390"/>
                    <a:pt x="487564" y="859155"/>
                    <a:pt x="512805" y="880777"/>
                  </a:cubicBezTo>
                  <a:cubicBezTo>
                    <a:pt x="525878" y="893078"/>
                    <a:pt x="540213" y="903965"/>
                    <a:pt x="555572" y="913257"/>
                  </a:cubicBezTo>
                  <a:cubicBezTo>
                    <a:pt x="600340" y="937641"/>
                    <a:pt x="613294" y="962882"/>
                    <a:pt x="627010" y="989457"/>
                  </a:cubicBezTo>
                  <a:cubicBezTo>
                    <a:pt x="635764" y="1008345"/>
                    <a:pt x="647396" y="1025761"/>
                    <a:pt x="661490" y="1041083"/>
                  </a:cubicBezTo>
                  <a:cubicBezTo>
                    <a:pt x="683207" y="1065276"/>
                    <a:pt x="709877" y="1066038"/>
                    <a:pt x="735595" y="1066895"/>
                  </a:cubicBezTo>
                  <a:cubicBezTo>
                    <a:pt x="754645" y="1067467"/>
                    <a:pt x="772361" y="1067943"/>
                    <a:pt x="787982" y="1077278"/>
                  </a:cubicBezTo>
                  <a:cubicBezTo>
                    <a:pt x="817174" y="1094406"/>
                    <a:pt x="844780" y="1114106"/>
                    <a:pt x="870469" y="1136142"/>
                  </a:cubicBezTo>
                  <a:cubicBezTo>
                    <a:pt x="896605" y="1159698"/>
                    <a:pt x="926905" y="1178174"/>
                    <a:pt x="959813" y="1190625"/>
                  </a:cubicBezTo>
                  <a:cubicBezTo>
                    <a:pt x="991436" y="1203103"/>
                    <a:pt x="1004581" y="1233392"/>
                    <a:pt x="1021250" y="1271778"/>
                  </a:cubicBezTo>
                  <a:cubicBezTo>
                    <a:pt x="1026964" y="1284923"/>
                    <a:pt x="1032870" y="1298543"/>
                    <a:pt x="1040300" y="1312736"/>
                  </a:cubicBezTo>
                  <a:cubicBezTo>
                    <a:pt x="1046536" y="1323906"/>
                    <a:pt x="1052072" y="1335453"/>
                    <a:pt x="1056873" y="1347311"/>
                  </a:cubicBezTo>
                  <a:cubicBezTo>
                    <a:pt x="1072853" y="1384935"/>
                    <a:pt x="1091177" y="1421519"/>
                    <a:pt x="1111737" y="1456849"/>
                  </a:cubicBezTo>
                  <a:cubicBezTo>
                    <a:pt x="1202891" y="1607439"/>
                    <a:pt x="1227085" y="1760982"/>
                    <a:pt x="1252612" y="1923574"/>
                  </a:cubicBezTo>
                  <a:cubicBezTo>
                    <a:pt x="1265375" y="2004632"/>
                    <a:pt x="1278520" y="2088452"/>
                    <a:pt x="1300237" y="2177034"/>
                  </a:cubicBezTo>
                  <a:cubicBezTo>
                    <a:pt x="1309762" y="2204657"/>
                    <a:pt x="1319287" y="2233136"/>
                    <a:pt x="1337670" y="2247043"/>
                  </a:cubicBezTo>
                  <a:cubicBezTo>
                    <a:pt x="1442445" y="2346674"/>
                    <a:pt x="1529123" y="2432876"/>
                    <a:pt x="1604370" y="2559558"/>
                  </a:cubicBezTo>
                  <a:cubicBezTo>
                    <a:pt x="1690095" y="2672715"/>
                    <a:pt x="1796203" y="2744724"/>
                    <a:pt x="1898883" y="2814352"/>
                  </a:cubicBezTo>
                  <a:cubicBezTo>
                    <a:pt x="2007754" y="2879217"/>
                    <a:pt x="2112529" y="2959608"/>
                    <a:pt x="2213780" y="3037332"/>
                  </a:cubicBezTo>
                  <a:cubicBezTo>
                    <a:pt x="2289980" y="3096197"/>
                    <a:pt x="2369704" y="3156966"/>
                    <a:pt x="2450857" y="3211544"/>
                  </a:cubicBezTo>
                  <a:lnTo>
                    <a:pt x="2564680" y="3253931"/>
                  </a:lnTo>
                  <a:cubicBezTo>
                    <a:pt x="2578396" y="3256121"/>
                    <a:pt x="2592113" y="3258122"/>
                    <a:pt x="2606019" y="3260217"/>
                  </a:cubicBezTo>
                  <a:cubicBezTo>
                    <a:pt x="2778421" y="3286030"/>
                    <a:pt x="2956825" y="3312795"/>
                    <a:pt x="3080650" y="3510439"/>
                  </a:cubicBezTo>
                  <a:cubicBezTo>
                    <a:pt x="3141610" y="3601307"/>
                    <a:pt x="3243908" y="3583591"/>
                    <a:pt x="3326014" y="3569398"/>
                  </a:cubicBezTo>
                  <a:lnTo>
                    <a:pt x="3345064" y="3566160"/>
                  </a:lnTo>
                  <a:cubicBezTo>
                    <a:pt x="3403738" y="3566160"/>
                    <a:pt x="3461459" y="3544348"/>
                    <a:pt x="3528325" y="3519106"/>
                  </a:cubicBezTo>
                  <a:lnTo>
                    <a:pt x="3553947" y="3509581"/>
                  </a:lnTo>
                  <a:cubicBezTo>
                    <a:pt x="3576881" y="3504086"/>
                    <a:pt x="3601071" y="3509078"/>
                    <a:pt x="3619956" y="3523202"/>
                  </a:cubicBezTo>
                  <a:cubicBezTo>
                    <a:pt x="3652436" y="3545777"/>
                    <a:pt x="3675105" y="3589115"/>
                    <a:pt x="3680725" y="3639217"/>
                  </a:cubicBezTo>
                  <a:cubicBezTo>
                    <a:pt x="3690250" y="3710750"/>
                    <a:pt x="3671200" y="3768757"/>
                    <a:pt x="3652150" y="3825145"/>
                  </a:cubicBezTo>
                  <a:cubicBezTo>
                    <a:pt x="3611002" y="3903917"/>
                    <a:pt x="3569473" y="3980783"/>
                    <a:pt x="3529373" y="4055078"/>
                  </a:cubicBezTo>
                  <a:cubicBezTo>
                    <a:pt x="3437266" y="4225481"/>
                    <a:pt x="3350303" y="4386358"/>
                    <a:pt x="3271245" y="4562952"/>
                  </a:cubicBezTo>
                  <a:lnTo>
                    <a:pt x="3271245" y="4563714"/>
                  </a:lnTo>
                  <a:cubicBezTo>
                    <a:pt x="3131323" y="4694015"/>
                    <a:pt x="2982542" y="4839177"/>
                    <a:pt x="2842620" y="5017580"/>
                  </a:cubicBezTo>
                  <a:lnTo>
                    <a:pt x="2642595" y="5272850"/>
                  </a:lnTo>
                  <a:cubicBezTo>
                    <a:pt x="2583826" y="5360480"/>
                    <a:pt x="2566395" y="5492687"/>
                    <a:pt x="2556870" y="5598034"/>
                  </a:cubicBezTo>
                  <a:cubicBezTo>
                    <a:pt x="2547345" y="5773675"/>
                    <a:pt x="2578301" y="5919407"/>
                    <a:pt x="2614020" y="6065615"/>
                  </a:cubicBezTo>
                  <a:cubicBezTo>
                    <a:pt x="2642595" y="6172010"/>
                    <a:pt x="2671170" y="6276594"/>
                    <a:pt x="2699745" y="6377750"/>
                  </a:cubicBezTo>
                  <a:cubicBezTo>
                    <a:pt x="2728320" y="6478905"/>
                    <a:pt x="2756895" y="6583585"/>
                    <a:pt x="2785470" y="6689884"/>
                  </a:cubicBezTo>
                  <a:cubicBezTo>
                    <a:pt x="2864337" y="6935152"/>
                    <a:pt x="2933870" y="7130130"/>
                    <a:pt x="3010356" y="7314057"/>
                  </a:cubicBezTo>
                  <a:lnTo>
                    <a:pt x="3005212" y="7314057"/>
                  </a:lnTo>
                  <a:cubicBezTo>
                    <a:pt x="2929012" y="7130510"/>
                    <a:pt x="2859099" y="6935915"/>
                    <a:pt x="2781279" y="6691027"/>
                  </a:cubicBezTo>
                  <a:cubicBezTo>
                    <a:pt x="2752704" y="6584633"/>
                    <a:pt x="2724129" y="6480048"/>
                    <a:pt x="2695554" y="6378893"/>
                  </a:cubicBezTo>
                  <a:cubicBezTo>
                    <a:pt x="2666979" y="6277737"/>
                    <a:pt x="2638404" y="6173058"/>
                    <a:pt x="2609829" y="6066568"/>
                  </a:cubicBezTo>
                  <a:cubicBezTo>
                    <a:pt x="2574111" y="5919978"/>
                    <a:pt x="2543154" y="5773865"/>
                    <a:pt x="2552679" y="5597557"/>
                  </a:cubicBezTo>
                  <a:cubicBezTo>
                    <a:pt x="2561538" y="5491543"/>
                    <a:pt x="2579349" y="5358480"/>
                    <a:pt x="2638881" y="5269897"/>
                  </a:cubicBezTo>
                  <a:lnTo>
                    <a:pt x="2838906" y="5014437"/>
                  </a:lnTo>
                  <a:cubicBezTo>
                    <a:pt x="2978637" y="4835938"/>
                    <a:pt x="3127418" y="4690587"/>
                    <a:pt x="3267531" y="4560380"/>
                  </a:cubicBezTo>
                  <a:cubicBezTo>
                    <a:pt x="3346493" y="4383786"/>
                    <a:pt x="3433456" y="4223004"/>
                    <a:pt x="3525563" y="4052697"/>
                  </a:cubicBezTo>
                  <a:cubicBezTo>
                    <a:pt x="3565663" y="3978402"/>
                    <a:pt x="3607192" y="3901535"/>
                    <a:pt x="3648149" y="3823145"/>
                  </a:cubicBezTo>
                  <a:cubicBezTo>
                    <a:pt x="3667199" y="3767519"/>
                    <a:pt x="3686249" y="3710083"/>
                    <a:pt x="3676724" y="3639598"/>
                  </a:cubicBezTo>
                  <a:cubicBezTo>
                    <a:pt x="3671295" y="3590830"/>
                    <a:pt x="3649388" y="3548729"/>
                    <a:pt x="3618050" y="3526917"/>
                  </a:cubicBezTo>
                  <a:cubicBezTo>
                    <a:pt x="3600356" y="3513632"/>
                    <a:pt x="3577690" y="3508855"/>
                    <a:pt x="3556138" y="3513868"/>
                  </a:cubicBezTo>
                  <a:lnTo>
                    <a:pt x="3530801" y="3523393"/>
                  </a:lnTo>
                  <a:cubicBezTo>
                    <a:pt x="3463555" y="3548825"/>
                    <a:pt x="3405452" y="3571018"/>
                    <a:pt x="3346302" y="3571018"/>
                  </a:cubicBezTo>
                  <a:lnTo>
                    <a:pt x="3327252" y="3574256"/>
                  </a:lnTo>
                  <a:cubicBezTo>
                    <a:pt x="3243718" y="3588735"/>
                    <a:pt x="3139800" y="3606737"/>
                    <a:pt x="3077031" y="3513201"/>
                  </a:cubicBezTo>
                  <a:cubicBezTo>
                    <a:pt x="2954349" y="3317367"/>
                    <a:pt x="2777088" y="3290792"/>
                    <a:pt x="2605638" y="3265551"/>
                  </a:cubicBezTo>
                  <a:cubicBezTo>
                    <a:pt x="2591827" y="3263456"/>
                    <a:pt x="2578016" y="3261360"/>
                    <a:pt x="2563919" y="3259074"/>
                  </a:cubicBezTo>
                  <a:lnTo>
                    <a:pt x="2449142" y="3216307"/>
                  </a:lnTo>
                  <a:cubicBezTo>
                    <a:pt x="2367323" y="3161443"/>
                    <a:pt x="2287979" y="3100578"/>
                    <a:pt x="2211017" y="3041714"/>
                  </a:cubicBezTo>
                  <a:cubicBezTo>
                    <a:pt x="2109767" y="2964085"/>
                    <a:pt x="2005182" y="2883789"/>
                    <a:pt x="1896692" y="2818924"/>
                  </a:cubicBezTo>
                  <a:cubicBezTo>
                    <a:pt x="1793537" y="2749106"/>
                    <a:pt x="1687142" y="2676811"/>
                    <a:pt x="1600751" y="2562797"/>
                  </a:cubicBezTo>
                  <a:cubicBezTo>
                    <a:pt x="1525408" y="2436495"/>
                    <a:pt x="1438826" y="2350389"/>
                    <a:pt x="1334717" y="2251234"/>
                  </a:cubicBezTo>
                  <a:cubicBezTo>
                    <a:pt x="1315096" y="2236565"/>
                    <a:pt x="1305285" y="2207419"/>
                    <a:pt x="1295760" y="2178939"/>
                  </a:cubicBezTo>
                  <a:cubicBezTo>
                    <a:pt x="1273757" y="2089975"/>
                    <a:pt x="1260518" y="2006060"/>
                    <a:pt x="1248135" y="1924907"/>
                  </a:cubicBezTo>
                  <a:cubicBezTo>
                    <a:pt x="1222704" y="1762982"/>
                    <a:pt x="1198605" y="1609725"/>
                    <a:pt x="1107927" y="1459992"/>
                  </a:cubicBezTo>
                  <a:cubicBezTo>
                    <a:pt x="1087175" y="1424443"/>
                    <a:pt x="1068722" y="1387601"/>
                    <a:pt x="1052682" y="1349692"/>
                  </a:cubicBezTo>
                  <a:cubicBezTo>
                    <a:pt x="1047929" y="1338015"/>
                    <a:pt x="1042491" y="1326628"/>
                    <a:pt x="1036394" y="1315593"/>
                  </a:cubicBezTo>
                  <a:cubicBezTo>
                    <a:pt x="1029060" y="1301115"/>
                    <a:pt x="1023155" y="1287018"/>
                    <a:pt x="1017345" y="1274159"/>
                  </a:cubicBezTo>
                  <a:cubicBezTo>
                    <a:pt x="1001152" y="1236821"/>
                    <a:pt x="988770" y="1207484"/>
                    <a:pt x="958575" y="1195483"/>
                  </a:cubicBezTo>
                  <a:cubicBezTo>
                    <a:pt x="925171" y="1182878"/>
                    <a:pt x="894417" y="1164142"/>
                    <a:pt x="867897" y="1140238"/>
                  </a:cubicBezTo>
                  <a:cubicBezTo>
                    <a:pt x="842334" y="1118440"/>
                    <a:pt x="814926" y="1098904"/>
                    <a:pt x="785982" y="1081850"/>
                  </a:cubicBezTo>
                  <a:cubicBezTo>
                    <a:pt x="771504" y="1073182"/>
                    <a:pt x="754169" y="1072325"/>
                    <a:pt x="735880" y="1072325"/>
                  </a:cubicBezTo>
                  <a:cubicBezTo>
                    <a:pt x="709115" y="1071467"/>
                    <a:pt x="681493" y="1070610"/>
                    <a:pt x="658537" y="1044988"/>
                  </a:cubicBezTo>
                  <a:cubicBezTo>
                    <a:pt x="644107" y="1029382"/>
                    <a:pt x="632215" y="1011608"/>
                    <a:pt x="623295" y="992315"/>
                  </a:cubicBezTo>
                  <a:cubicBezTo>
                    <a:pt x="609570" y="960147"/>
                    <a:pt x="584952" y="933842"/>
                    <a:pt x="553762" y="918020"/>
                  </a:cubicBezTo>
                  <a:cubicBezTo>
                    <a:pt x="538055" y="908655"/>
                    <a:pt x="523370" y="897673"/>
                    <a:pt x="509948" y="885254"/>
                  </a:cubicBezTo>
                  <a:cubicBezTo>
                    <a:pt x="483945" y="862965"/>
                    <a:pt x="456989" y="839915"/>
                    <a:pt x="415364" y="830294"/>
                  </a:cubicBezTo>
                  <a:cubicBezTo>
                    <a:pt x="377264" y="816102"/>
                    <a:pt x="295635" y="754761"/>
                    <a:pt x="276109" y="696944"/>
                  </a:cubicBezTo>
                  <a:cubicBezTo>
                    <a:pt x="265727" y="635127"/>
                    <a:pt x="246486" y="588740"/>
                    <a:pt x="220197" y="562547"/>
                  </a:cubicBezTo>
                  <a:cubicBezTo>
                    <a:pt x="159713" y="472440"/>
                    <a:pt x="98182" y="370523"/>
                    <a:pt x="58272" y="235553"/>
                  </a:cubicBezTo>
                  <a:cubicBezTo>
                    <a:pt x="53826" y="224195"/>
                    <a:pt x="45757" y="214619"/>
                    <a:pt x="35317" y="208312"/>
                  </a:cubicBezTo>
                  <a:cubicBezTo>
                    <a:pt x="24019" y="201511"/>
                    <a:pt x="15331" y="191112"/>
                    <a:pt x="10647" y="178784"/>
                  </a:cubicBezTo>
                  <a:cubicBezTo>
                    <a:pt x="-9260" y="119444"/>
                    <a:pt x="2741" y="67342"/>
                    <a:pt x="14362" y="16859"/>
                  </a:cubicBezTo>
                  <a:cubicBezTo>
                    <a:pt x="15695" y="11144"/>
                    <a:pt x="17029" y="5525"/>
                    <a:pt x="18267" y="0"/>
                  </a:cubicBezTo>
                  <a:lnTo>
                    <a:pt x="23125" y="0"/>
                  </a:lnTo>
                  <a:cubicBezTo>
                    <a:pt x="21791" y="5906"/>
                    <a:pt x="20458" y="11906"/>
                    <a:pt x="19029" y="17907"/>
                  </a:cubicBezTo>
                  <a:cubicBezTo>
                    <a:pt x="6837" y="66485"/>
                    <a:pt x="-5069" y="118015"/>
                    <a:pt x="14362" y="17602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3" name="Freeform: Shape 120">
              <a:extLst>
                <a:ext uri="{FF2B5EF4-FFF2-40B4-BE49-F238E27FC236}">
                  <a16:creationId xmlns:a16="http://schemas.microsoft.com/office/drawing/2014/main" id="{730921FE-506B-0B4A-88EC-0D828C7A1740}"/>
                </a:ext>
              </a:extLst>
            </p:cNvPr>
            <p:cNvSpPr/>
            <p:nvPr/>
          </p:nvSpPr>
          <p:spPr>
            <a:xfrm>
              <a:off x="5191119" y="-1669025"/>
              <a:ext cx="4815715" cy="8870601"/>
            </a:xfrm>
            <a:custGeom>
              <a:avLst/>
              <a:gdLst>
                <a:gd name="connsiteX0" fmla="*/ 75724 w 3944333"/>
                <a:gd name="connsiteY0" fmla="*/ 166878 h 7316342"/>
                <a:gd name="connsiteX1" fmla="*/ 173546 w 3944333"/>
                <a:gd name="connsiteY1" fmla="*/ 306229 h 7316342"/>
                <a:gd name="connsiteX2" fmla="*/ 306229 w 3944333"/>
                <a:gd name="connsiteY2" fmla="*/ 535877 h 7316342"/>
                <a:gd name="connsiteX3" fmla="*/ 405289 w 3944333"/>
                <a:gd name="connsiteY3" fmla="*/ 736854 h 7316342"/>
                <a:gd name="connsiteX4" fmla="*/ 542354 w 3944333"/>
                <a:gd name="connsiteY4" fmla="*/ 1064514 h 7316342"/>
                <a:gd name="connsiteX5" fmla="*/ 626936 w 3944333"/>
                <a:gd name="connsiteY5" fmla="*/ 1169289 h 7316342"/>
                <a:gd name="connsiteX6" fmla="*/ 741236 w 3944333"/>
                <a:gd name="connsiteY6" fmla="*/ 1350264 h 7316342"/>
                <a:gd name="connsiteX7" fmla="*/ 738950 w 3944333"/>
                <a:gd name="connsiteY7" fmla="*/ 1534573 h 7316342"/>
                <a:gd name="connsiteX8" fmla="*/ 741140 w 3944333"/>
                <a:gd name="connsiteY8" fmla="*/ 1722787 h 7316342"/>
                <a:gd name="connsiteX9" fmla="*/ 806101 w 3944333"/>
                <a:gd name="connsiteY9" fmla="*/ 1894237 h 7316342"/>
                <a:gd name="connsiteX10" fmla="*/ 826865 w 3944333"/>
                <a:gd name="connsiteY10" fmla="*/ 1944529 h 7316342"/>
                <a:gd name="connsiteX11" fmla="*/ 841820 w 3944333"/>
                <a:gd name="connsiteY11" fmla="*/ 1990058 h 7316342"/>
                <a:gd name="connsiteX12" fmla="*/ 879348 w 3944333"/>
                <a:gd name="connsiteY12" fmla="*/ 2032730 h 7316342"/>
                <a:gd name="connsiteX13" fmla="*/ 901542 w 3944333"/>
                <a:gd name="connsiteY13" fmla="*/ 2042255 h 7316342"/>
                <a:gd name="connsiteX14" fmla="*/ 949738 w 3944333"/>
                <a:gd name="connsiteY14" fmla="*/ 2102072 h 7316342"/>
                <a:gd name="connsiteX15" fmla="*/ 975551 w 3944333"/>
                <a:gd name="connsiteY15" fmla="*/ 2169986 h 7316342"/>
                <a:gd name="connsiteX16" fmla="*/ 1026605 w 3944333"/>
                <a:gd name="connsiteY16" fmla="*/ 2273999 h 7316342"/>
                <a:gd name="connsiteX17" fmla="*/ 1083755 w 3944333"/>
                <a:gd name="connsiteY17" fmla="*/ 2324481 h 7316342"/>
                <a:gd name="connsiteX18" fmla="*/ 1176624 w 3944333"/>
                <a:gd name="connsiteY18" fmla="*/ 2417350 h 7316342"/>
                <a:gd name="connsiteX19" fmla="*/ 1293400 w 3944333"/>
                <a:gd name="connsiteY19" fmla="*/ 2589276 h 7316342"/>
                <a:gd name="connsiteX20" fmla="*/ 1541050 w 3944333"/>
                <a:gd name="connsiteY20" fmla="*/ 2759107 h 7316342"/>
                <a:gd name="connsiteX21" fmla="*/ 1659351 w 3944333"/>
                <a:gd name="connsiteY21" fmla="*/ 2806732 h 7316342"/>
                <a:gd name="connsiteX22" fmla="*/ 1745647 w 3944333"/>
                <a:gd name="connsiteY22" fmla="*/ 2844832 h 7316342"/>
                <a:gd name="connsiteX23" fmla="*/ 1806226 w 3944333"/>
                <a:gd name="connsiteY23" fmla="*/ 2858072 h 7316342"/>
                <a:gd name="connsiteX24" fmla="*/ 1916716 w 3944333"/>
                <a:gd name="connsiteY24" fmla="*/ 2915698 h 7316342"/>
                <a:gd name="connsiteX25" fmla="*/ 2136744 w 3944333"/>
                <a:gd name="connsiteY25" fmla="*/ 3047143 h 7316342"/>
                <a:gd name="connsiteX26" fmla="*/ 2379631 w 3944333"/>
                <a:gd name="connsiteY26" fmla="*/ 3166777 h 7316342"/>
                <a:gd name="connsiteX27" fmla="*/ 2592134 w 3944333"/>
                <a:gd name="connsiteY27" fmla="*/ 3266599 h 7316342"/>
                <a:gd name="connsiteX28" fmla="*/ 2854262 w 3944333"/>
                <a:gd name="connsiteY28" fmla="*/ 3292126 h 7316342"/>
                <a:gd name="connsiteX29" fmla="*/ 3126201 w 3944333"/>
                <a:gd name="connsiteY29" fmla="*/ 3275076 h 7316342"/>
                <a:gd name="connsiteX30" fmla="*/ 3378422 w 3944333"/>
                <a:gd name="connsiteY30" fmla="*/ 3285744 h 7316342"/>
                <a:gd name="connsiteX31" fmla="*/ 3643694 w 3944333"/>
                <a:gd name="connsiteY31" fmla="*/ 3321939 h 7316342"/>
                <a:gd name="connsiteX32" fmla="*/ 3909346 w 3944333"/>
                <a:gd name="connsiteY32" fmla="*/ 3387662 h 7316342"/>
                <a:gd name="connsiteX33" fmla="*/ 3930300 w 3944333"/>
                <a:gd name="connsiteY33" fmla="*/ 3432620 h 7316342"/>
                <a:gd name="connsiteX34" fmla="*/ 3931920 w 3944333"/>
                <a:gd name="connsiteY34" fmla="*/ 3502438 h 7316342"/>
                <a:gd name="connsiteX35" fmla="*/ 3752279 w 3944333"/>
                <a:gd name="connsiteY35" fmla="*/ 3667316 h 7316342"/>
                <a:gd name="connsiteX36" fmla="*/ 3495104 w 3944333"/>
                <a:gd name="connsiteY36" fmla="*/ 3851339 h 7316342"/>
                <a:gd name="connsiteX37" fmla="*/ 3414046 w 3944333"/>
                <a:gd name="connsiteY37" fmla="*/ 3912204 h 7316342"/>
                <a:gd name="connsiteX38" fmla="*/ 3266408 w 3944333"/>
                <a:gd name="connsiteY38" fmla="*/ 4053840 h 7316342"/>
                <a:gd name="connsiteX39" fmla="*/ 3173921 w 3944333"/>
                <a:gd name="connsiteY39" fmla="*/ 4146423 h 7316342"/>
                <a:gd name="connsiteX40" fmla="*/ 2972848 w 3944333"/>
                <a:gd name="connsiteY40" fmla="*/ 4354544 h 7316342"/>
                <a:gd name="connsiteX41" fmla="*/ 2918079 w 3944333"/>
                <a:gd name="connsiteY41" fmla="*/ 4491228 h 7316342"/>
                <a:gd name="connsiteX42" fmla="*/ 2778062 w 3944333"/>
                <a:gd name="connsiteY42" fmla="*/ 4815078 h 7316342"/>
                <a:gd name="connsiteX43" fmla="*/ 2723579 w 3944333"/>
                <a:gd name="connsiteY43" fmla="*/ 4893754 h 7316342"/>
                <a:gd name="connsiteX44" fmla="*/ 2602897 w 3944333"/>
                <a:gd name="connsiteY44" fmla="*/ 5041583 h 7316342"/>
                <a:gd name="connsiteX45" fmla="*/ 2551081 w 3944333"/>
                <a:gd name="connsiteY45" fmla="*/ 5066253 h 7316342"/>
                <a:gd name="connsiteX46" fmla="*/ 2257806 w 3944333"/>
                <a:gd name="connsiteY46" fmla="*/ 5234559 h 7316342"/>
                <a:gd name="connsiteX47" fmla="*/ 2232374 w 3944333"/>
                <a:gd name="connsiteY47" fmla="*/ 5272659 h 7316342"/>
                <a:gd name="connsiteX48" fmla="*/ 2202371 w 3944333"/>
                <a:gd name="connsiteY48" fmla="*/ 5346573 h 7316342"/>
                <a:gd name="connsiteX49" fmla="*/ 2193513 w 3944333"/>
                <a:gd name="connsiteY49" fmla="*/ 5433441 h 7316342"/>
                <a:gd name="connsiteX50" fmla="*/ 2174463 w 3944333"/>
                <a:gd name="connsiteY50" fmla="*/ 5684902 h 7316342"/>
                <a:gd name="connsiteX51" fmla="*/ 2187607 w 3944333"/>
                <a:gd name="connsiteY51" fmla="*/ 5755767 h 7316342"/>
                <a:gd name="connsiteX52" fmla="*/ 2232089 w 3944333"/>
                <a:gd name="connsiteY52" fmla="*/ 6060567 h 7316342"/>
                <a:gd name="connsiteX53" fmla="*/ 2271999 w 3944333"/>
                <a:gd name="connsiteY53" fmla="*/ 6345365 h 7316342"/>
                <a:gd name="connsiteX54" fmla="*/ 2426399 w 3944333"/>
                <a:gd name="connsiteY54" fmla="*/ 6743605 h 7316342"/>
                <a:gd name="connsiteX55" fmla="*/ 2465165 w 3944333"/>
                <a:gd name="connsiteY55" fmla="*/ 6820662 h 7316342"/>
                <a:gd name="connsiteX56" fmla="*/ 2595277 w 3944333"/>
                <a:gd name="connsiteY56" fmla="*/ 7104031 h 7316342"/>
                <a:gd name="connsiteX57" fmla="*/ 2690527 w 3944333"/>
                <a:gd name="connsiteY57" fmla="*/ 7316343 h 7316342"/>
                <a:gd name="connsiteX58" fmla="*/ 2685574 w 3944333"/>
                <a:gd name="connsiteY58" fmla="*/ 7316343 h 7316342"/>
                <a:gd name="connsiteX59" fmla="*/ 2591276 w 3944333"/>
                <a:gd name="connsiteY59" fmla="*/ 7105269 h 7316342"/>
                <a:gd name="connsiteX60" fmla="*/ 2461546 w 3944333"/>
                <a:gd name="connsiteY60" fmla="*/ 6822853 h 7316342"/>
                <a:gd name="connsiteX61" fmla="*/ 2422684 w 3944333"/>
                <a:gd name="connsiteY61" fmla="*/ 6745510 h 7316342"/>
                <a:gd name="connsiteX62" fmla="*/ 2268188 w 3944333"/>
                <a:gd name="connsiteY62" fmla="*/ 6346889 h 7316342"/>
                <a:gd name="connsiteX63" fmla="*/ 2227993 w 3944333"/>
                <a:gd name="connsiteY63" fmla="*/ 6060662 h 7316342"/>
                <a:gd name="connsiteX64" fmla="*/ 2183606 w 3944333"/>
                <a:gd name="connsiteY64" fmla="*/ 5757101 h 7316342"/>
                <a:gd name="connsiteX65" fmla="*/ 2170366 w 3944333"/>
                <a:gd name="connsiteY65" fmla="*/ 5685949 h 7316342"/>
                <a:gd name="connsiteX66" fmla="*/ 2189416 w 3944333"/>
                <a:gd name="connsiteY66" fmla="*/ 5433251 h 7316342"/>
                <a:gd name="connsiteX67" fmla="*/ 2198275 w 3944333"/>
                <a:gd name="connsiteY67" fmla="*/ 5346669 h 7316342"/>
                <a:gd name="connsiteX68" fmla="*/ 2229136 w 3944333"/>
                <a:gd name="connsiteY68" fmla="*/ 5270469 h 7316342"/>
                <a:gd name="connsiteX69" fmla="*/ 2254377 w 3944333"/>
                <a:gd name="connsiteY69" fmla="*/ 5232369 h 7316342"/>
                <a:gd name="connsiteX70" fmla="*/ 2549652 w 3944333"/>
                <a:gd name="connsiteY70" fmla="*/ 5062157 h 7316342"/>
                <a:gd name="connsiteX71" fmla="*/ 2601278 w 3944333"/>
                <a:gd name="connsiteY71" fmla="*/ 5037582 h 7316342"/>
                <a:gd name="connsiteX72" fmla="*/ 2720150 w 3944333"/>
                <a:gd name="connsiteY72" fmla="*/ 4891469 h 7316342"/>
                <a:gd name="connsiteX73" fmla="*/ 2775014 w 3944333"/>
                <a:gd name="connsiteY73" fmla="*/ 4812316 h 7316342"/>
                <a:gd name="connsiteX74" fmla="*/ 2914174 w 3944333"/>
                <a:gd name="connsiteY74" fmla="*/ 4489704 h 7316342"/>
                <a:gd name="connsiteX75" fmla="*/ 2969229 w 3944333"/>
                <a:gd name="connsiteY75" fmla="*/ 4352544 h 7316342"/>
                <a:gd name="connsiteX76" fmla="*/ 3171444 w 3944333"/>
                <a:gd name="connsiteY76" fmla="*/ 4142994 h 7316342"/>
                <a:gd name="connsiteX77" fmla="*/ 3263456 w 3944333"/>
                <a:gd name="connsiteY77" fmla="*/ 4050792 h 7316342"/>
                <a:gd name="connsiteX78" fmla="*/ 3411760 w 3944333"/>
                <a:gd name="connsiteY78" fmla="*/ 3908489 h 7316342"/>
                <a:gd name="connsiteX79" fmla="*/ 3492818 w 3944333"/>
                <a:gd name="connsiteY79" fmla="*/ 3847814 h 7316342"/>
                <a:gd name="connsiteX80" fmla="*/ 3750945 w 3944333"/>
                <a:gd name="connsiteY80" fmla="*/ 3663315 h 7316342"/>
                <a:gd name="connsiteX81" fmla="*/ 3928777 w 3944333"/>
                <a:gd name="connsiteY81" fmla="*/ 3500152 h 7316342"/>
                <a:gd name="connsiteX82" fmla="*/ 3927253 w 3944333"/>
                <a:gd name="connsiteY82" fmla="*/ 3435382 h 7316342"/>
                <a:gd name="connsiteX83" fmla="*/ 3905631 w 3944333"/>
                <a:gd name="connsiteY83" fmla="*/ 3388995 h 7316342"/>
                <a:gd name="connsiteX84" fmla="*/ 3645027 w 3944333"/>
                <a:gd name="connsiteY84" fmla="*/ 3326892 h 7316342"/>
                <a:gd name="connsiteX85" fmla="*/ 3378327 w 3944333"/>
                <a:gd name="connsiteY85" fmla="*/ 3290602 h 7316342"/>
                <a:gd name="connsiteX86" fmla="*/ 3127248 w 3944333"/>
                <a:gd name="connsiteY86" fmla="*/ 3280029 h 7316342"/>
                <a:gd name="connsiteX87" fmla="*/ 2855786 w 3944333"/>
                <a:gd name="connsiteY87" fmla="*/ 3297079 h 7316342"/>
                <a:gd name="connsiteX88" fmla="*/ 2591658 w 3944333"/>
                <a:gd name="connsiteY88" fmla="*/ 3271362 h 7316342"/>
                <a:gd name="connsiteX89" fmla="*/ 2378012 w 3944333"/>
                <a:gd name="connsiteY89" fmla="*/ 3170968 h 7316342"/>
                <a:gd name="connsiteX90" fmla="*/ 2136553 w 3944333"/>
                <a:gd name="connsiteY90" fmla="*/ 3052000 h 7316342"/>
                <a:gd name="connsiteX91" fmla="*/ 1914335 w 3944333"/>
                <a:gd name="connsiteY91" fmla="*/ 2919222 h 7316342"/>
                <a:gd name="connsiteX92" fmla="*/ 1806512 w 3944333"/>
                <a:gd name="connsiteY92" fmla="*/ 2863025 h 7316342"/>
                <a:gd name="connsiteX93" fmla="*/ 1745076 w 3944333"/>
                <a:gd name="connsiteY93" fmla="*/ 2849499 h 7316342"/>
                <a:gd name="connsiteX94" fmla="*/ 1658208 w 3944333"/>
                <a:gd name="connsiteY94" fmla="*/ 2811399 h 7316342"/>
                <a:gd name="connsiteX95" fmla="*/ 1540764 w 3944333"/>
                <a:gd name="connsiteY95" fmla="*/ 2763774 h 7316342"/>
                <a:gd name="connsiteX96" fmla="*/ 1290828 w 3944333"/>
                <a:gd name="connsiteY96" fmla="*/ 2592324 h 7316342"/>
                <a:gd name="connsiteX97" fmla="*/ 1173099 w 3944333"/>
                <a:gd name="connsiteY97" fmla="*/ 2419064 h 7316342"/>
                <a:gd name="connsiteX98" fmla="*/ 1081469 w 3944333"/>
                <a:gd name="connsiteY98" fmla="*/ 2327720 h 7316342"/>
                <a:gd name="connsiteX99" fmla="*/ 1023367 w 3944333"/>
                <a:gd name="connsiteY99" fmla="*/ 2276856 h 7316342"/>
                <a:gd name="connsiteX100" fmla="*/ 971265 w 3944333"/>
                <a:gd name="connsiteY100" fmla="*/ 2171129 h 7316342"/>
                <a:gd name="connsiteX101" fmla="*/ 945738 w 3944333"/>
                <a:gd name="connsiteY101" fmla="*/ 2103692 h 7316342"/>
                <a:gd name="connsiteX102" fmla="*/ 900113 w 3944333"/>
                <a:gd name="connsiteY102" fmla="*/ 2046542 h 7316342"/>
                <a:gd name="connsiteX103" fmla="*/ 877538 w 3944333"/>
                <a:gd name="connsiteY103" fmla="*/ 2037017 h 7316342"/>
                <a:gd name="connsiteX104" fmla="*/ 837533 w 3944333"/>
                <a:gd name="connsiteY104" fmla="*/ 1991297 h 7316342"/>
                <a:gd name="connsiteX105" fmla="*/ 822674 w 3944333"/>
                <a:gd name="connsiteY105" fmla="*/ 1946243 h 7316342"/>
                <a:gd name="connsiteX106" fmla="*/ 802005 w 3944333"/>
                <a:gd name="connsiteY106" fmla="*/ 1896047 h 7316342"/>
                <a:gd name="connsiteX107" fmla="*/ 736854 w 3944333"/>
                <a:gd name="connsiteY107" fmla="*/ 1724597 h 7316342"/>
                <a:gd name="connsiteX108" fmla="*/ 734473 w 3944333"/>
                <a:gd name="connsiteY108" fmla="*/ 1534668 h 7316342"/>
                <a:gd name="connsiteX109" fmla="*/ 736759 w 3944333"/>
                <a:gd name="connsiteY109" fmla="*/ 1351407 h 7316342"/>
                <a:gd name="connsiteX110" fmla="*/ 623507 w 3944333"/>
                <a:gd name="connsiteY110" fmla="*/ 1172623 h 7316342"/>
                <a:gd name="connsiteX111" fmla="*/ 538353 w 3944333"/>
                <a:gd name="connsiteY111" fmla="*/ 1066705 h 7316342"/>
                <a:gd name="connsiteX112" fmla="*/ 400812 w 3944333"/>
                <a:gd name="connsiteY112" fmla="*/ 738092 h 7316342"/>
                <a:gd name="connsiteX113" fmla="*/ 302514 w 3944333"/>
                <a:gd name="connsiteY113" fmla="*/ 538067 h 7316342"/>
                <a:gd name="connsiteX114" fmla="*/ 169164 w 3944333"/>
                <a:gd name="connsiteY114" fmla="*/ 307467 h 7316342"/>
                <a:gd name="connsiteX115" fmla="*/ 72485 w 3944333"/>
                <a:gd name="connsiteY115" fmla="*/ 169831 h 7316342"/>
                <a:gd name="connsiteX116" fmla="*/ 0 w 3944333"/>
                <a:gd name="connsiteY116" fmla="*/ 0 h 7316342"/>
                <a:gd name="connsiteX117" fmla="*/ 5049 w 3944333"/>
                <a:gd name="connsiteY117" fmla="*/ 0 h 7316342"/>
                <a:gd name="connsiteX118" fmla="*/ 75724 w 3944333"/>
                <a:gd name="connsiteY118" fmla="*/ 166878 h 73163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3944333" h="7316342">
                  <a:moveTo>
                    <a:pt x="75724" y="166878"/>
                  </a:moveTo>
                  <a:cubicBezTo>
                    <a:pt x="127825" y="213074"/>
                    <a:pt x="147066" y="240411"/>
                    <a:pt x="173546" y="306229"/>
                  </a:cubicBezTo>
                  <a:cubicBezTo>
                    <a:pt x="197930" y="366713"/>
                    <a:pt x="248698" y="454724"/>
                    <a:pt x="306229" y="535877"/>
                  </a:cubicBezTo>
                  <a:cubicBezTo>
                    <a:pt x="360522" y="612077"/>
                    <a:pt x="379095" y="650177"/>
                    <a:pt x="405289" y="736854"/>
                  </a:cubicBezTo>
                  <a:cubicBezTo>
                    <a:pt x="427482" y="810482"/>
                    <a:pt x="481489" y="962311"/>
                    <a:pt x="542354" y="1064514"/>
                  </a:cubicBezTo>
                  <a:cubicBezTo>
                    <a:pt x="563880" y="1100614"/>
                    <a:pt x="595979" y="1135666"/>
                    <a:pt x="626936" y="1169289"/>
                  </a:cubicBezTo>
                  <a:cubicBezTo>
                    <a:pt x="678371" y="1225582"/>
                    <a:pt x="731711" y="1283589"/>
                    <a:pt x="741236" y="1350264"/>
                  </a:cubicBezTo>
                  <a:cubicBezTo>
                    <a:pt x="748665" y="1400556"/>
                    <a:pt x="743712" y="1468660"/>
                    <a:pt x="738950" y="1534573"/>
                  </a:cubicBezTo>
                  <a:cubicBezTo>
                    <a:pt x="733520" y="1610106"/>
                    <a:pt x="728377" y="1681353"/>
                    <a:pt x="741140" y="1722787"/>
                  </a:cubicBezTo>
                  <a:cubicBezTo>
                    <a:pt x="759333" y="1781937"/>
                    <a:pt x="784193" y="1841468"/>
                    <a:pt x="806101" y="1894237"/>
                  </a:cubicBezTo>
                  <a:cubicBezTo>
                    <a:pt x="813435" y="1911763"/>
                    <a:pt x="820484" y="1928622"/>
                    <a:pt x="826865" y="1944529"/>
                  </a:cubicBezTo>
                  <a:cubicBezTo>
                    <a:pt x="832840" y="1959362"/>
                    <a:pt x="837836" y="1974571"/>
                    <a:pt x="841820" y="1990058"/>
                  </a:cubicBezTo>
                  <a:cubicBezTo>
                    <a:pt x="847916" y="2012633"/>
                    <a:pt x="849535" y="2018633"/>
                    <a:pt x="879348" y="2032730"/>
                  </a:cubicBezTo>
                  <a:cubicBezTo>
                    <a:pt x="888873" y="2037112"/>
                    <a:pt x="895826" y="2039969"/>
                    <a:pt x="901542" y="2042255"/>
                  </a:cubicBezTo>
                  <a:cubicBezTo>
                    <a:pt x="924973" y="2051780"/>
                    <a:pt x="927259" y="2053400"/>
                    <a:pt x="949738" y="2102072"/>
                  </a:cubicBezTo>
                  <a:cubicBezTo>
                    <a:pt x="959548" y="2124233"/>
                    <a:pt x="968165" y="2146903"/>
                    <a:pt x="975551" y="2169986"/>
                  </a:cubicBezTo>
                  <a:cubicBezTo>
                    <a:pt x="989172" y="2210276"/>
                    <a:pt x="1002125" y="2248376"/>
                    <a:pt x="1026605" y="2273999"/>
                  </a:cubicBezTo>
                  <a:cubicBezTo>
                    <a:pt x="1044737" y="2291838"/>
                    <a:pt x="1063814" y="2308689"/>
                    <a:pt x="1083755" y="2324481"/>
                  </a:cubicBezTo>
                  <a:cubicBezTo>
                    <a:pt x="1123093" y="2356676"/>
                    <a:pt x="1163764" y="2389918"/>
                    <a:pt x="1176624" y="2417350"/>
                  </a:cubicBezTo>
                  <a:cubicBezTo>
                    <a:pt x="1197293" y="2461260"/>
                    <a:pt x="1259967" y="2556034"/>
                    <a:pt x="1293400" y="2589276"/>
                  </a:cubicBezTo>
                  <a:cubicBezTo>
                    <a:pt x="1330452" y="2626043"/>
                    <a:pt x="1455325" y="2736056"/>
                    <a:pt x="1541050" y="2759107"/>
                  </a:cubicBezTo>
                  <a:cubicBezTo>
                    <a:pt x="1582063" y="2770735"/>
                    <a:pt x="1621721" y="2786700"/>
                    <a:pt x="1659351" y="2806732"/>
                  </a:cubicBezTo>
                  <a:cubicBezTo>
                    <a:pt x="1687186" y="2821441"/>
                    <a:pt x="1716023" y="2834173"/>
                    <a:pt x="1745647" y="2844832"/>
                  </a:cubicBezTo>
                  <a:cubicBezTo>
                    <a:pt x="1765339" y="2851288"/>
                    <a:pt x="1785636" y="2855724"/>
                    <a:pt x="1806226" y="2858072"/>
                  </a:cubicBezTo>
                  <a:cubicBezTo>
                    <a:pt x="1840326" y="2862834"/>
                    <a:pt x="1867281" y="2866549"/>
                    <a:pt x="1916716" y="2915698"/>
                  </a:cubicBezTo>
                  <a:cubicBezTo>
                    <a:pt x="1985391" y="2983897"/>
                    <a:pt x="2061496" y="3029331"/>
                    <a:pt x="2136744" y="3047143"/>
                  </a:cubicBezTo>
                  <a:cubicBezTo>
                    <a:pt x="2211991" y="3064955"/>
                    <a:pt x="2310479" y="3122105"/>
                    <a:pt x="2379631" y="3166777"/>
                  </a:cubicBezTo>
                  <a:cubicBezTo>
                    <a:pt x="2444825" y="3210932"/>
                    <a:pt x="2516526" y="3244613"/>
                    <a:pt x="2592134" y="3266599"/>
                  </a:cubicBezTo>
                  <a:cubicBezTo>
                    <a:pt x="2676240" y="3291745"/>
                    <a:pt x="2781586" y="3301937"/>
                    <a:pt x="2854262" y="3292126"/>
                  </a:cubicBezTo>
                  <a:cubicBezTo>
                    <a:pt x="2935605" y="3281077"/>
                    <a:pt x="3069146" y="3276886"/>
                    <a:pt x="3126201" y="3275076"/>
                  </a:cubicBezTo>
                  <a:cubicBezTo>
                    <a:pt x="3169920" y="3273647"/>
                    <a:pt x="3303270" y="3269456"/>
                    <a:pt x="3378422" y="3285744"/>
                  </a:cubicBezTo>
                  <a:cubicBezTo>
                    <a:pt x="3422904" y="3295269"/>
                    <a:pt x="3573494" y="3326606"/>
                    <a:pt x="3643694" y="3321939"/>
                  </a:cubicBezTo>
                  <a:cubicBezTo>
                    <a:pt x="3711607" y="3317462"/>
                    <a:pt x="3896106" y="3330893"/>
                    <a:pt x="3909346" y="3387662"/>
                  </a:cubicBezTo>
                  <a:cubicBezTo>
                    <a:pt x="3913383" y="3403853"/>
                    <a:pt x="3920497" y="3419116"/>
                    <a:pt x="3930300" y="3432620"/>
                  </a:cubicBezTo>
                  <a:cubicBezTo>
                    <a:pt x="3943160" y="3452146"/>
                    <a:pt x="3953351" y="3467576"/>
                    <a:pt x="3931920" y="3502438"/>
                  </a:cubicBezTo>
                  <a:cubicBezTo>
                    <a:pt x="3897154" y="3558731"/>
                    <a:pt x="3816572" y="3632645"/>
                    <a:pt x="3752279" y="3667316"/>
                  </a:cubicBezTo>
                  <a:cubicBezTo>
                    <a:pt x="3703034" y="3693890"/>
                    <a:pt x="3582638" y="3784949"/>
                    <a:pt x="3495104" y="3851339"/>
                  </a:cubicBezTo>
                  <a:cubicBezTo>
                    <a:pt x="3462433" y="3876104"/>
                    <a:pt x="3434144" y="3897440"/>
                    <a:pt x="3414046" y="3912204"/>
                  </a:cubicBezTo>
                  <a:cubicBezTo>
                    <a:pt x="3369755" y="3944493"/>
                    <a:pt x="3314891" y="4002596"/>
                    <a:pt x="3266408" y="4053840"/>
                  </a:cubicBezTo>
                  <a:cubicBezTo>
                    <a:pt x="3231642" y="4090512"/>
                    <a:pt x="3198876" y="4125182"/>
                    <a:pt x="3173921" y="4146423"/>
                  </a:cubicBezTo>
                  <a:cubicBezTo>
                    <a:pt x="3116771" y="4195096"/>
                    <a:pt x="2997327" y="4309491"/>
                    <a:pt x="2972848" y="4354544"/>
                  </a:cubicBezTo>
                  <a:cubicBezTo>
                    <a:pt x="2964371" y="4370165"/>
                    <a:pt x="2942940" y="4426268"/>
                    <a:pt x="2918079" y="4491228"/>
                  </a:cubicBezTo>
                  <a:cubicBezTo>
                    <a:pt x="2871692" y="4612672"/>
                    <a:pt x="2808065" y="4778979"/>
                    <a:pt x="2778062" y="4815078"/>
                  </a:cubicBezTo>
                  <a:cubicBezTo>
                    <a:pt x="2762631" y="4834128"/>
                    <a:pt x="2743676" y="4862703"/>
                    <a:pt x="2723579" y="4893754"/>
                  </a:cubicBezTo>
                  <a:cubicBezTo>
                    <a:pt x="2684050" y="4954334"/>
                    <a:pt x="2639283" y="5023009"/>
                    <a:pt x="2602897" y="5041583"/>
                  </a:cubicBezTo>
                  <a:cubicBezTo>
                    <a:pt x="2592324" y="5047012"/>
                    <a:pt x="2574322" y="5055489"/>
                    <a:pt x="2551081" y="5066253"/>
                  </a:cubicBezTo>
                  <a:cubicBezTo>
                    <a:pt x="2458117" y="5109687"/>
                    <a:pt x="2285048" y="5190078"/>
                    <a:pt x="2257806" y="5234559"/>
                  </a:cubicBezTo>
                  <a:cubicBezTo>
                    <a:pt x="2248281" y="5250276"/>
                    <a:pt x="2239709" y="5262087"/>
                    <a:pt x="2232374" y="5272659"/>
                  </a:cubicBezTo>
                  <a:cubicBezTo>
                    <a:pt x="2214277" y="5298091"/>
                    <a:pt x="2204371" y="5312093"/>
                    <a:pt x="2202371" y="5346573"/>
                  </a:cubicBezTo>
                  <a:cubicBezTo>
                    <a:pt x="2201513" y="5361623"/>
                    <a:pt x="2197989" y="5393341"/>
                    <a:pt x="2193513" y="5433441"/>
                  </a:cubicBezTo>
                  <a:cubicBezTo>
                    <a:pt x="2183321" y="5524024"/>
                    <a:pt x="2169510" y="5648230"/>
                    <a:pt x="2174463" y="5684902"/>
                  </a:cubicBezTo>
                  <a:cubicBezTo>
                    <a:pt x="2176463" y="5699284"/>
                    <a:pt x="2181416" y="5724144"/>
                    <a:pt x="2187607" y="5755767"/>
                  </a:cubicBezTo>
                  <a:cubicBezTo>
                    <a:pt x="2204466" y="5841492"/>
                    <a:pt x="2229993" y="5971413"/>
                    <a:pt x="2232089" y="6060567"/>
                  </a:cubicBezTo>
                  <a:cubicBezTo>
                    <a:pt x="2235042" y="6183344"/>
                    <a:pt x="2248472" y="6279642"/>
                    <a:pt x="2271999" y="6345365"/>
                  </a:cubicBezTo>
                  <a:cubicBezTo>
                    <a:pt x="2295525" y="6411087"/>
                    <a:pt x="2404682" y="6693979"/>
                    <a:pt x="2426399" y="6743605"/>
                  </a:cubicBezTo>
                  <a:cubicBezTo>
                    <a:pt x="2432590" y="6757797"/>
                    <a:pt x="2446973" y="6785515"/>
                    <a:pt x="2465165" y="6820662"/>
                  </a:cubicBezTo>
                  <a:cubicBezTo>
                    <a:pt x="2508790" y="6905149"/>
                    <a:pt x="2574894" y="7032784"/>
                    <a:pt x="2595277" y="7104031"/>
                  </a:cubicBezTo>
                  <a:cubicBezTo>
                    <a:pt x="2618091" y="7178481"/>
                    <a:pt x="2650087" y="7249801"/>
                    <a:pt x="2690527" y="7316343"/>
                  </a:cubicBezTo>
                  <a:lnTo>
                    <a:pt x="2685574" y="7316343"/>
                  </a:lnTo>
                  <a:cubicBezTo>
                    <a:pt x="2645632" y="7250104"/>
                    <a:pt x="2613964" y="7179217"/>
                    <a:pt x="2591276" y="7105269"/>
                  </a:cubicBezTo>
                  <a:cubicBezTo>
                    <a:pt x="2571083" y="7034498"/>
                    <a:pt x="2505551" y="6907149"/>
                    <a:pt x="2461546" y="6822853"/>
                  </a:cubicBezTo>
                  <a:cubicBezTo>
                    <a:pt x="2443353" y="6787706"/>
                    <a:pt x="2428970" y="6759893"/>
                    <a:pt x="2422684" y="6745510"/>
                  </a:cubicBezTo>
                  <a:cubicBezTo>
                    <a:pt x="2400967" y="6695885"/>
                    <a:pt x="2292001" y="6413659"/>
                    <a:pt x="2268188" y="6346889"/>
                  </a:cubicBezTo>
                  <a:cubicBezTo>
                    <a:pt x="2244376" y="6280119"/>
                    <a:pt x="2230946" y="6185726"/>
                    <a:pt x="2227993" y="6060662"/>
                  </a:cubicBezTo>
                  <a:cubicBezTo>
                    <a:pt x="2225897" y="5972271"/>
                    <a:pt x="2200466" y="5842730"/>
                    <a:pt x="2183606" y="5757101"/>
                  </a:cubicBezTo>
                  <a:cubicBezTo>
                    <a:pt x="2177415" y="5725383"/>
                    <a:pt x="2172462" y="5700427"/>
                    <a:pt x="2170366" y="5685949"/>
                  </a:cubicBezTo>
                  <a:cubicBezTo>
                    <a:pt x="2165128" y="5648611"/>
                    <a:pt x="2178939" y="5524024"/>
                    <a:pt x="2189416" y="5433251"/>
                  </a:cubicBezTo>
                  <a:cubicBezTo>
                    <a:pt x="2193703" y="5395151"/>
                    <a:pt x="2197418" y="5361623"/>
                    <a:pt x="2198275" y="5346669"/>
                  </a:cubicBezTo>
                  <a:cubicBezTo>
                    <a:pt x="2200370" y="5310855"/>
                    <a:pt x="2210562" y="5296472"/>
                    <a:pt x="2229136" y="5270469"/>
                  </a:cubicBezTo>
                  <a:cubicBezTo>
                    <a:pt x="2236470" y="5260086"/>
                    <a:pt x="2244757" y="5248466"/>
                    <a:pt x="2254377" y="5232369"/>
                  </a:cubicBezTo>
                  <a:cubicBezTo>
                    <a:pt x="2282381" y="5187125"/>
                    <a:pt x="2456307" y="5105876"/>
                    <a:pt x="2549652" y="5062157"/>
                  </a:cubicBezTo>
                  <a:cubicBezTo>
                    <a:pt x="2572608" y="5051489"/>
                    <a:pt x="2590800" y="5043107"/>
                    <a:pt x="2601278" y="5037582"/>
                  </a:cubicBezTo>
                  <a:cubicBezTo>
                    <a:pt x="2636615" y="5019580"/>
                    <a:pt x="2681002" y="4951857"/>
                    <a:pt x="2720150" y="4891469"/>
                  </a:cubicBezTo>
                  <a:cubicBezTo>
                    <a:pt x="2740343" y="4860513"/>
                    <a:pt x="2759393" y="4831271"/>
                    <a:pt x="2775014" y="4812316"/>
                  </a:cubicBezTo>
                  <a:cubicBezTo>
                    <a:pt x="2804446" y="4776692"/>
                    <a:pt x="2867883" y="4610862"/>
                    <a:pt x="2914174" y="4489704"/>
                  </a:cubicBezTo>
                  <a:cubicBezTo>
                    <a:pt x="2940177" y="4421886"/>
                    <a:pt x="2960656" y="4368356"/>
                    <a:pt x="2969229" y="4352544"/>
                  </a:cubicBezTo>
                  <a:cubicBezTo>
                    <a:pt x="2993994" y="4306919"/>
                    <a:pt x="3114008" y="4191857"/>
                    <a:pt x="3171444" y="4142994"/>
                  </a:cubicBezTo>
                  <a:cubicBezTo>
                    <a:pt x="3196209" y="4121944"/>
                    <a:pt x="3228594" y="4087368"/>
                    <a:pt x="3263456" y="4050792"/>
                  </a:cubicBezTo>
                  <a:cubicBezTo>
                    <a:pt x="3312129" y="3999357"/>
                    <a:pt x="3367183" y="3941159"/>
                    <a:pt x="3411760" y="3908489"/>
                  </a:cubicBezTo>
                  <a:cubicBezTo>
                    <a:pt x="3431858" y="3893820"/>
                    <a:pt x="3460147" y="3872484"/>
                    <a:pt x="3492818" y="3847814"/>
                  </a:cubicBezTo>
                  <a:cubicBezTo>
                    <a:pt x="3580829" y="3781139"/>
                    <a:pt x="3701415" y="3689985"/>
                    <a:pt x="3750945" y="3663315"/>
                  </a:cubicBezTo>
                  <a:cubicBezTo>
                    <a:pt x="3814668" y="3629025"/>
                    <a:pt x="3894392" y="3555778"/>
                    <a:pt x="3928777" y="3500152"/>
                  </a:cubicBezTo>
                  <a:cubicBezTo>
                    <a:pt x="3948684" y="3467862"/>
                    <a:pt x="3940207" y="3455004"/>
                    <a:pt x="3927253" y="3435382"/>
                  </a:cubicBezTo>
                  <a:cubicBezTo>
                    <a:pt x="3917137" y="3421449"/>
                    <a:pt x="3909796" y="3405701"/>
                    <a:pt x="3905631" y="3388995"/>
                  </a:cubicBezTo>
                  <a:cubicBezTo>
                    <a:pt x="3893629" y="3337465"/>
                    <a:pt x="3717512" y="3322320"/>
                    <a:pt x="3645027" y="3326892"/>
                  </a:cubicBezTo>
                  <a:cubicBezTo>
                    <a:pt x="3574066" y="3331655"/>
                    <a:pt x="3422999" y="3300317"/>
                    <a:pt x="3378327" y="3290602"/>
                  </a:cubicBezTo>
                  <a:cubicBezTo>
                    <a:pt x="3303747" y="3274409"/>
                    <a:pt x="3170873" y="3278600"/>
                    <a:pt x="3127248" y="3280029"/>
                  </a:cubicBezTo>
                  <a:cubicBezTo>
                    <a:pt x="3070098" y="3281839"/>
                    <a:pt x="2936748" y="3286030"/>
                    <a:pt x="2855786" y="3297079"/>
                  </a:cubicBezTo>
                  <a:cubicBezTo>
                    <a:pt x="2782634" y="3306604"/>
                    <a:pt x="2676430" y="3297079"/>
                    <a:pt x="2591658" y="3271362"/>
                  </a:cubicBezTo>
                  <a:cubicBezTo>
                    <a:pt x="2515635" y="3249264"/>
                    <a:pt x="2443545" y="3215388"/>
                    <a:pt x="2378012" y="3170968"/>
                  </a:cubicBezTo>
                  <a:cubicBezTo>
                    <a:pt x="2309146" y="3126486"/>
                    <a:pt x="2211419" y="3069717"/>
                    <a:pt x="2136553" y="3052000"/>
                  </a:cubicBezTo>
                  <a:cubicBezTo>
                    <a:pt x="2061686" y="3034284"/>
                    <a:pt x="1983581" y="2988088"/>
                    <a:pt x="1914335" y="2919222"/>
                  </a:cubicBezTo>
                  <a:cubicBezTo>
                    <a:pt x="1866043" y="2871597"/>
                    <a:pt x="1841088" y="2867787"/>
                    <a:pt x="1806512" y="2863025"/>
                  </a:cubicBezTo>
                  <a:cubicBezTo>
                    <a:pt x="1785629" y="2860600"/>
                    <a:pt x="1765046" y="2856069"/>
                    <a:pt x="1745076" y="2849499"/>
                  </a:cubicBezTo>
                  <a:cubicBezTo>
                    <a:pt x="1715237" y="2838914"/>
                    <a:pt x="1686205" y="2826180"/>
                    <a:pt x="1658208" y="2811399"/>
                  </a:cubicBezTo>
                  <a:cubicBezTo>
                    <a:pt x="1620881" y="2791357"/>
                    <a:pt x="1581507" y="2775390"/>
                    <a:pt x="1540764" y="2763774"/>
                  </a:cubicBezTo>
                  <a:cubicBezTo>
                    <a:pt x="1453801" y="2740343"/>
                    <a:pt x="1328071" y="2629662"/>
                    <a:pt x="1290828" y="2592324"/>
                  </a:cubicBezTo>
                  <a:cubicBezTo>
                    <a:pt x="1257015" y="2558701"/>
                    <a:pt x="1193864" y="2463165"/>
                    <a:pt x="1173099" y="2419064"/>
                  </a:cubicBezTo>
                  <a:cubicBezTo>
                    <a:pt x="1160716" y="2392585"/>
                    <a:pt x="1118616" y="2358104"/>
                    <a:pt x="1081469" y="2327720"/>
                  </a:cubicBezTo>
                  <a:cubicBezTo>
                    <a:pt x="1061180" y="2311848"/>
                    <a:pt x="1041783" y="2294867"/>
                    <a:pt x="1023367" y="2276856"/>
                  </a:cubicBezTo>
                  <a:cubicBezTo>
                    <a:pt x="998220" y="2250472"/>
                    <a:pt x="985266" y="2211896"/>
                    <a:pt x="971265" y="2171129"/>
                  </a:cubicBezTo>
                  <a:cubicBezTo>
                    <a:pt x="964007" y="2148195"/>
                    <a:pt x="955485" y="2125682"/>
                    <a:pt x="945738" y="2103692"/>
                  </a:cubicBezTo>
                  <a:cubicBezTo>
                    <a:pt x="923449" y="2055590"/>
                    <a:pt x="921734" y="2054828"/>
                    <a:pt x="900113" y="2046542"/>
                  </a:cubicBezTo>
                  <a:cubicBezTo>
                    <a:pt x="894207" y="2044256"/>
                    <a:pt x="886968" y="2041398"/>
                    <a:pt x="877538" y="2037017"/>
                  </a:cubicBezTo>
                  <a:cubicBezTo>
                    <a:pt x="845820" y="2021967"/>
                    <a:pt x="843915" y="2014919"/>
                    <a:pt x="837533" y="1991297"/>
                  </a:cubicBezTo>
                  <a:cubicBezTo>
                    <a:pt x="833575" y="1975969"/>
                    <a:pt x="828612" y="1960918"/>
                    <a:pt x="822674" y="1946243"/>
                  </a:cubicBezTo>
                  <a:cubicBezTo>
                    <a:pt x="816293" y="1930432"/>
                    <a:pt x="809340" y="1913573"/>
                    <a:pt x="802005" y="1896047"/>
                  </a:cubicBezTo>
                  <a:cubicBezTo>
                    <a:pt x="780002" y="1843469"/>
                    <a:pt x="755142" y="1783842"/>
                    <a:pt x="736854" y="1724597"/>
                  </a:cubicBezTo>
                  <a:cubicBezTo>
                    <a:pt x="723805" y="1682306"/>
                    <a:pt x="729044" y="1610297"/>
                    <a:pt x="734473" y="1534668"/>
                  </a:cubicBezTo>
                  <a:cubicBezTo>
                    <a:pt x="739235" y="1468946"/>
                    <a:pt x="743998" y="1401318"/>
                    <a:pt x="736759" y="1351407"/>
                  </a:cubicBezTo>
                  <a:cubicBezTo>
                    <a:pt x="727234" y="1285970"/>
                    <a:pt x="674465" y="1228344"/>
                    <a:pt x="623507" y="1172623"/>
                  </a:cubicBezTo>
                  <a:cubicBezTo>
                    <a:pt x="592360" y="1138523"/>
                    <a:pt x="560165" y="1103281"/>
                    <a:pt x="538353" y="1066705"/>
                  </a:cubicBezTo>
                  <a:cubicBezTo>
                    <a:pt x="477203" y="964216"/>
                    <a:pt x="423100" y="811911"/>
                    <a:pt x="400812" y="738092"/>
                  </a:cubicBezTo>
                  <a:cubicBezTo>
                    <a:pt x="374809" y="652367"/>
                    <a:pt x="356425" y="614267"/>
                    <a:pt x="302514" y="538067"/>
                  </a:cubicBezTo>
                  <a:cubicBezTo>
                    <a:pt x="244793" y="456629"/>
                    <a:pt x="193739" y="368237"/>
                    <a:pt x="169164" y="307467"/>
                  </a:cubicBezTo>
                  <a:cubicBezTo>
                    <a:pt x="142970" y="242507"/>
                    <a:pt x="124016" y="215456"/>
                    <a:pt x="72485" y="169831"/>
                  </a:cubicBezTo>
                  <a:cubicBezTo>
                    <a:pt x="33242" y="135065"/>
                    <a:pt x="9906" y="46006"/>
                    <a:pt x="0" y="0"/>
                  </a:cubicBezTo>
                  <a:lnTo>
                    <a:pt x="5049" y="0"/>
                  </a:lnTo>
                  <a:cubicBezTo>
                    <a:pt x="14859" y="46577"/>
                    <a:pt x="37624" y="133922"/>
                    <a:pt x="75724" y="1668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4" name="Freeform: Shape 121">
              <a:extLst>
                <a:ext uri="{FF2B5EF4-FFF2-40B4-BE49-F238E27FC236}">
                  <a16:creationId xmlns:a16="http://schemas.microsoft.com/office/drawing/2014/main" id="{185EB836-5ECB-0D45-83CC-CF1D790901A0}"/>
                </a:ext>
              </a:extLst>
            </p:cNvPr>
            <p:cNvSpPr/>
            <p:nvPr/>
          </p:nvSpPr>
          <p:spPr>
            <a:xfrm>
              <a:off x="5621983" y="-1668217"/>
              <a:ext cx="4712864" cy="8869446"/>
            </a:xfrm>
            <a:custGeom>
              <a:avLst/>
              <a:gdLst>
                <a:gd name="connsiteX0" fmla="*/ 197834 w 3860092"/>
                <a:gd name="connsiteY0" fmla="*/ 459296 h 7315390"/>
                <a:gd name="connsiteX1" fmla="*/ 215170 w 3860092"/>
                <a:gd name="connsiteY1" fmla="*/ 521018 h 7315390"/>
                <a:gd name="connsiteX2" fmla="*/ 253270 w 3860092"/>
                <a:gd name="connsiteY2" fmla="*/ 675037 h 7315390"/>
                <a:gd name="connsiteX3" fmla="*/ 311944 w 3860092"/>
                <a:gd name="connsiteY3" fmla="*/ 848487 h 7315390"/>
                <a:gd name="connsiteX4" fmla="*/ 492919 w 3860092"/>
                <a:gd name="connsiteY4" fmla="*/ 1037558 h 7315390"/>
                <a:gd name="connsiteX5" fmla="*/ 584359 w 3860092"/>
                <a:gd name="connsiteY5" fmla="*/ 1424750 h 7315390"/>
                <a:gd name="connsiteX6" fmla="*/ 591122 w 3860092"/>
                <a:gd name="connsiteY6" fmla="*/ 1497330 h 7315390"/>
                <a:gd name="connsiteX7" fmla="*/ 730663 w 3860092"/>
                <a:gd name="connsiteY7" fmla="*/ 1798511 h 7315390"/>
                <a:gd name="connsiteX8" fmla="*/ 864013 w 3860092"/>
                <a:gd name="connsiteY8" fmla="*/ 2174558 h 7315390"/>
                <a:gd name="connsiteX9" fmla="*/ 892112 w 3860092"/>
                <a:gd name="connsiteY9" fmla="*/ 2278856 h 7315390"/>
                <a:gd name="connsiteX10" fmla="*/ 1144905 w 3860092"/>
                <a:gd name="connsiteY10" fmla="*/ 2603564 h 7315390"/>
                <a:gd name="connsiteX11" fmla="*/ 1155859 w 3860092"/>
                <a:gd name="connsiteY11" fmla="*/ 2610707 h 7315390"/>
                <a:gd name="connsiteX12" fmla="*/ 1431037 w 3860092"/>
                <a:gd name="connsiteY12" fmla="*/ 2707577 h 7315390"/>
                <a:gd name="connsiteX13" fmla="*/ 1703642 w 3860092"/>
                <a:gd name="connsiteY13" fmla="*/ 2829687 h 7315390"/>
                <a:gd name="connsiteX14" fmla="*/ 1732788 w 3860092"/>
                <a:gd name="connsiteY14" fmla="*/ 2853119 h 7315390"/>
                <a:gd name="connsiteX15" fmla="*/ 1815942 w 3860092"/>
                <a:gd name="connsiteY15" fmla="*/ 2888266 h 7315390"/>
                <a:gd name="connsiteX16" fmla="*/ 1948434 w 3860092"/>
                <a:gd name="connsiteY16" fmla="*/ 2937986 h 7315390"/>
                <a:gd name="connsiteX17" fmla="*/ 2064449 w 3860092"/>
                <a:gd name="connsiteY17" fmla="*/ 3014186 h 7315390"/>
                <a:gd name="connsiteX18" fmla="*/ 2310003 w 3860092"/>
                <a:gd name="connsiteY18" fmla="*/ 3152966 h 7315390"/>
                <a:gd name="connsiteX19" fmla="*/ 2518506 w 3860092"/>
                <a:gd name="connsiteY19" fmla="*/ 3160490 h 7315390"/>
                <a:gd name="connsiteX20" fmla="*/ 2598706 w 3860092"/>
                <a:gd name="connsiteY20" fmla="*/ 3150965 h 7315390"/>
                <a:gd name="connsiteX21" fmla="*/ 2996470 w 3860092"/>
                <a:gd name="connsiteY21" fmla="*/ 3123152 h 7315390"/>
                <a:gd name="connsiteX22" fmla="*/ 2997422 w 3860092"/>
                <a:gd name="connsiteY22" fmla="*/ 3123152 h 7315390"/>
                <a:gd name="connsiteX23" fmla="*/ 3191733 w 3860092"/>
                <a:gd name="connsiteY23" fmla="*/ 3161252 h 7315390"/>
                <a:gd name="connsiteX24" fmla="*/ 3311653 w 3860092"/>
                <a:gd name="connsiteY24" fmla="*/ 3158109 h 7315390"/>
                <a:gd name="connsiteX25" fmla="*/ 3456052 w 3860092"/>
                <a:gd name="connsiteY25" fmla="*/ 3150584 h 7315390"/>
                <a:gd name="connsiteX26" fmla="*/ 3567399 w 3860092"/>
                <a:gd name="connsiteY26" fmla="*/ 3165539 h 7315390"/>
                <a:gd name="connsiteX27" fmla="*/ 3669983 w 3860092"/>
                <a:gd name="connsiteY27" fmla="*/ 3167634 h 7315390"/>
                <a:gd name="connsiteX28" fmla="*/ 3827907 w 3860092"/>
                <a:gd name="connsiteY28" fmla="*/ 3340799 h 7315390"/>
                <a:gd name="connsiteX29" fmla="*/ 3844195 w 3860092"/>
                <a:gd name="connsiteY29" fmla="*/ 3379946 h 7315390"/>
                <a:gd name="connsiteX30" fmla="*/ 3764566 w 3860092"/>
                <a:gd name="connsiteY30" fmla="*/ 3602450 h 7315390"/>
                <a:gd name="connsiteX31" fmla="*/ 3563588 w 3860092"/>
                <a:gd name="connsiteY31" fmla="*/ 3770185 h 7315390"/>
                <a:gd name="connsiteX32" fmla="*/ 3424524 w 3860092"/>
                <a:gd name="connsiteY32" fmla="*/ 3880676 h 7315390"/>
                <a:gd name="connsiteX33" fmla="*/ 3352991 w 3860092"/>
                <a:gd name="connsiteY33" fmla="*/ 3926110 h 7315390"/>
                <a:gd name="connsiteX34" fmla="*/ 3279363 w 3860092"/>
                <a:gd name="connsiteY34" fmla="*/ 3989260 h 7315390"/>
                <a:gd name="connsiteX35" fmla="*/ 3032474 w 3860092"/>
                <a:gd name="connsiteY35" fmla="*/ 4184047 h 7315390"/>
                <a:gd name="connsiteX36" fmla="*/ 2793302 w 3860092"/>
                <a:gd name="connsiteY36" fmla="*/ 4423315 h 7315390"/>
                <a:gd name="connsiteX37" fmla="*/ 2676906 w 3860092"/>
                <a:gd name="connsiteY37" fmla="*/ 4552855 h 7315390"/>
                <a:gd name="connsiteX38" fmla="*/ 2387251 w 3860092"/>
                <a:gd name="connsiteY38" fmla="*/ 5035773 h 7315390"/>
                <a:gd name="connsiteX39" fmla="*/ 2014157 w 3860092"/>
                <a:gd name="connsiteY39" fmla="*/ 5304759 h 7315390"/>
                <a:gd name="connsiteX40" fmla="*/ 1942624 w 3860092"/>
                <a:gd name="connsiteY40" fmla="*/ 5662137 h 7315390"/>
                <a:gd name="connsiteX41" fmla="*/ 1937005 w 3860092"/>
                <a:gd name="connsiteY41" fmla="*/ 5787200 h 7315390"/>
                <a:gd name="connsiteX42" fmla="*/ 1929861 w 3860092"/>
                <a:gd name="connsiteY42" fmla="*/ 5852065 h 7315390"/>
                <a:gd name="connsiteX43" fmla="*/ 1932718 w 3860092"/>
                <a:gd name="connsiteY43" fmla="*/ 6067901 h 7315390"/>
                <a:gd name="connsiteX44" fmla="*/ 2022348 w 3860092"/>
                <a:gd name="connsiteY44" fmla="*/ 6373368 h 7315390"/>
                <a:gd name="connsiteX45" fmla="*/ 2048352 w 3860092"/>
                <a:gd name="connsiteY45" fmla="*/ 6438043 h 7315390"/>
                <a:gd name="connsiteX46" fmla="*/ 2202562 w 3860092"/>
                <a:gd name="connsiteY46" fmla="*/ 6739605 h 7315390"/>
                <a:gd name="connsiteX47" fmla="*/ 2244186 w 3860092"/>
                <a:gd name="connsiteY47" fmla="*/ 6814947 h 7315390"/>
                <a:gd name="connsiteX48" fmla="*/ 2332387 w 3860092"/>
                <a:gd name="connsiteY48" fmla="*/ 6998303 h 7315390"/>
                <a:gd name="connsiteX49" fmla="*/ 2471452 w 3860092"/>
                <a:gd name="connsiteY49" fmla="*/ 7281481 h 7315390"/>
                <a:gd name="connsiteX50" fmla="*/ 2490502 w 3860092"/>
                <a:gd name="connsiteY50" fmla="*/ 7315391 h 7315390"/>
                <a:gd name="connsiteX51" fmla="*/ 2485073 w 3860092"/>
                <a:gd name="connsiteY51" fmla="*/ 7315391 h 7315390"/>
                <a:gd name="connsiteX52" fmla="*/ 2467070 w 3860092"/>
                <a:gd name="connsiteY52" fmla="*/ 7283863 h 7315390"/>
                <a:gd name="connsiteX53" fmla="*/ 2327815 w 3860092"/>
                <a:gd name="connsiteY53" fmla="*/ 7000304 h 7315390"/>
                <a:gd name="connsiteX54" fmla="*/ 2239709 w 3860092"/>
                <a:gd name="connsiteY54" fmla="*/ 6817233 h 7315390"/>
                <a:gd name="connsiteX55" fmla="*/ 2198085 w 3860092"/>
                <a:gd name="connsiteY55" fmla="*/ 6741986 h 7315390"/>
                <a:gd name="connsiteX56" fmla="*/ 2043589 w 3860092"/>
                <a:gd name="connsiteY56" fmla="*/ 6439757 h 7315390"/>
                <a:gd name="connsiteX57" fmla="*/ 2017681 w 3860092"/>
                <a:gd name="connsiteY57" fmla="*/ 6375178 h 7315390"/>
                <a:gd name="connsiteX58" fmla="*/ 1927670 w 3860092"/>
                <a:gd name="connsiteY58" fmla="*/ 6068473 h 7315390"/>
                <a:gd name="connsiteX59" fmla="*/ 1924908 w 3860092"/>
                <a:gd name="connsiteY59" fmla="*/ 5851494 h 7315390"/>
                <a:gd name="connsiteX60" fmla="*/ 1931956 w 3860092"/>
                <a:gd name="connsiteY60" fmla="*/ 5786723 h 7315390"/>
                <a:gd name="connsiteX61" fmla="*/ 1937576 w 3860092"/>
                <a:gd name="connsiteY61" fmla="*/ 5662041 h 7315390"/>
                <a:gd name="connsiteX62" fmla="*/ 2011776 w 3860092"/>
                <a:gd name="connsiteY62" fmla="*/ 5300091 h 7315390"/>
                <a:gd name="connsiteX63" fmla="*/ 2382584 w 3860092"/>
                <a:gd name="connsiteY63" fmla="*/ 5033391 h 7315390"/>
                <a:gd name="connsiteX64" fmla="*/ 2673382 w 3860092"/>
                <a:gd name="connsiteY64" fmla="*/ 4548950 h 7315390"/>
                <a:gd name="connsiteX65" fmla="*/ 2789873 w 3860092"/>
                <a:gd name="connsiteY65" fmla="*/ 4420458 h 7315390"/>
                <a:gd name="connsiteX66" fmla="*/ 3030188 w 3860092"/>
                <a:gd name="connsiteY66" fmla="*/ 4180237 h 7315390"/>
                <a:gd name="connsiteX67" fmla="*/ 3276410 w 3860092"/>
                <a:gd name="connsiteY67" fmla="*/ 3985927 h 7315390"/>
                <a:gd name="connsiteX68" fmla="*/ 3350228 w 3860092"/>
                <a:gd name="connsiteY68" fmla="*/ 3922585 h 7315390"/>
                <a:gd name="connsiteX69" fmla="*/ 3422427 w 3860092"/>
                <a:gd name="connsiteY69" fmla="*/ 3876770 h 7315390"/>
                <a:gd name="connsiteX70" fmla="*/ 3560064 w 3860092"/>
                <a:gd name="connsiteY70" fmla="*/ 3767423 h 7315390"/>
                <a:gd name="connsiteX71" fmla="*/ 3762280 w 3860092"/>
                <a:gd name="connsiteY71" fmla="*/ 3598545 h 7315390"/>
                <a:gd name="connsiteX72" fmla="*/ 3840004 w 3860092"/>
                <a:gd name="connsiteY72" fmla="*/ 3382042 h 7315390"/>
                <a:gd name="connsiteX73" fmla="*/ 3823717 w 3860092"/>
                <a:gd name="connsiteY73" fmla="*/ 3342799 h 7315390"/>
                <a:gd name="connsiteX74" fmla="*/ 3671317 w 3860092"/>
                <a:gd name="connsiteY74" fmla="*/ 3172492 h 7315390"/>
                <a:gd name="connsiteX75" fmla="*/ 3566542 w 3860092"/>
                <a:gd name="connsiteY75" fmla="*/ 3170396 h 7315390"/>
                <a:gd name="connsiteX76" fmla="*/ 3455861 w 3860092"/>
                <a:gd name="connsiteY76" fmla="*/ 3155442 h 7315390"/>
                <a:gd name="connsiteX77" fmla="*/ 3312415 w 3860092"/>
                <a:gd name="connsiteY77" fmla="*/ 3162967 h 7315390"/>
                <a:gd name="connsiteX78" fmla="*/ 3191066 w 3860092"/>
                <a:gd name="connsiteY78" fmla="*/ 3166110 h 7315390"/>
                <a:gd name="connsiteX79" fmla="*/ 2996851 w 3860092"/>
                <a:gd name="connsiteY79" fmla="*/ 3128010 h 7315390"/>
                <a:gd name="connsiteX80" fmla="*/ 2596801 w 3860092"/>
                <a:gd name="connsiteY80" fmla="*/ 3155537 h 7315390"/>
                <a:gd name="connsiteX81" fmla="*/ 2519934 w 3860092"/>
                <a:gd name="connsiteY81" fmla="*/ 3165062 h 7315390"/>
                <a:gd name="connsiteX82" fmla="*/ 2307813 w 3860092"/>
                <a:gd name="connsiteY82" fmla="*/ 3157538 h 7315390"/>
                <a:gd name="connsiteX83" fmla="*/ 2061306 w 3860092"/>
                <a:gd name="connsiteY83" fmla="*/ 3018282 h 7315390"/>
                <a:gd name="connsiteX84" fmla="*/ 1945672 w 3860092"/>
                <a:gd name="connsiteY84" fmla="*/ 2942082 h 7315390"/>
                <a:gd name="connsiteX85" fmla="*/ 1814799 w 3860092"/>
                <a:gd name="connsiteY85" fmla="*/ 2892933 h 7315390"/>
                <a:gd name="connsiteX86" fmla="*/ 1729074 w 3860092"/>
                <a:gd name="connsiteY86" fmla="*/ 2856833 h 7315390"/>
                <a:gd name="connsiteX87" fmla="*/ 1699832 w 3860092"/>
                <a:gd name="connsiteY87" fmla="*/ 2833402 h 7315390"/>
                <a:gd name="connsiteX88" fmla="*/ 1434942 w 3860092"/>
                <a:gd name="connsiteY88" fmla="*/ 2712244 h 7315390"/>
                <a:gd name="connsiteX89" fmla="*/ 1430274 w 3860092"/>
                <a:gd name="connsiteY89" fmla="*/ 2712244 h 7315390"/>
                <a:gd name="connsiteX90" fmla="*/ 1152430 w 3860092"/>
                <a:gd name="connsiteY90" fmla="*/ 2614613 h 7315390"/>
                <a:gd name="connsiteX91" fmla="*/ 1141476 w 3860092"/>
                <a:gd name="connsiteY91" fmla="*/ 2607374 h 7315390"/>
                <a:gd name="connsiteX92" fmla="*/ 886683 w 3860092"/>
                <a:gd name="connsiteY92" fmla="*/ 2280095 h 7315390"/>
                <a:gd name="connsiteX93" fmla="*/ 858584 w 3860092"/>
                <a:gd name="connsiteY93" fmla="*/ 2175320 h 7315390"/>
                <a:gd name="connsiteX94" fmla="*/ 726281 w 3860092"/>
                <a:gd name="connsiteY94" fmla="*/ 1801273 h 7315390"/>
                <a:gd name="connsiteX95" fmla="*/ 585597 w 3860092"/>
                <a:gd name="connsiteY95" fmla="*/ 1497425 h 7315390"/>
                <a:gd name="connsiteX96" fmla="*/ 578834 w 3860092"/>
                <a:gd name="connsiteY96" fmla="*/ 1424750 h 7315390"/>
                <a:gd name="connsiteX97" fmla="*/ 489299 w 3860092"/>
                <a:gd name="connsiteY97" fmla="*/ 1040987 h 7315390"/>
                <a:gd name="connsiteX98" fmla="*/ 307181 w 3860092"/>
                <a:gd name="connsiteY98" fmla="*/ 850487 h 7315390"/>
                <a:gd name="connsiteX99" fmla="*/ 248793 w 3860092"/>
                <a:gd name="connsiteY99" fmla="*/ 676180 h 7315390"/>
                <a:gd name="connsiteX100" fmla="*/ 210693 w 3860092"/>
                <a:gd name="connsiteY100" fmla="*/ 522446 h 7315390"/>
                <a:gd name="connsiteX101" fmla="*/ 193358 w 3860092"/>
                <a:gd name="connsiteY101" fmla="*/ 460724 h 7315390"/>
                <a:gd name="connsiteX102" fmla="*/ 93631 w 3860092"/>
                <a:gd name="connsiteY102" fmla="*/ 188405 h 7315390"/>
                <a:gd name="connsiteX103" fmla="*/ 0 w 3860092"/>
                <a:gd name="connsiteY103" fmla="*/ 0 h 7315390"/>
                <a:gd name="connsiteX104" fmla="*/ 5239 w 3860092"/>
                <a:gd name="connsiteY104" fmla="*/ 0 h 7315390"/>
                <a:gd name="connsiteX105" fmla="*/ 97822 w 3860092"/>
                <a:gd name="connsiteY105" fmla="*/ 186119 h 7315390"/>
                <a:gd name="connsiteX106" fmla="*/ 197834 w 3860092"/>
                <a:gd name="connsiteY106" fmla="*/ 459296 h 7315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Lst>
              <a:rect l="l" t="t" r="r" b="b"/>
              <a:pathLst>
                <a:path w="3860092" h="7315390">
                  <a:moveTo>
                    <a:pt x="197834" y="459296"/>
                  </a:moveTo>
                  <a:cubicBezTo>
                    <a:pt x="203168" y="478346"/>
                    <a:pt x="208884" y="498824"/>
                    <a:pt x="215170" y="521018"/>
                  </a:cubicBezTo>
                  <a:cubicBezTo>
                    <a:pt x="232220" y="580835"/>
                    <a:pt x="243745" y="630936"/>
                    <a:pt x="253270" y="675037"/>
                  </a:cubicBezTo>
                  <a:cubicBezTo>
                    <a:pt x="270415" y="751237"/>
                    <a:pt x="282893" y="806577"/>
                    <a:pt x="311944" y="848487"/>
                  </a:cubicBezTo>
                  <a:cubicBezTo>
                    <a:pt x="362394" y="920272"/>
                    <a:pt x="423409" y="984016"/>
                    <a:pt x="492919" y="1037558"/>
                  </a:cubicBezTo>
                  <a:cubicBezTo>
                    <a:pt x="555308" y="1085850"/>
                    <a:pt x="572738" y="1289780"/>
                    <a:pt x="584359" y="1424750"/>
                  </a:cubicBezTo>
                  <a:cubicBezTo>
                    <a:pt x="586740" y="1453325"/>
                    <a:pt x="588836" y="1477518"/>
                    <a:pt x="591122" y="1497330"/>
                  </a:cubicBezTo>
                  <a:cubicBezTo>
                    <a:pt x="604457" y="1617154"/>
                    <a:pt x="674656" y="1734503"/>
                    <a:pt x="730663" y="1798511"/>
                  </a:cubicBezTo>
                  <a:cubicBezTo>
                    <a:pt x="779717" y="1854708"/>
                    <a:pt x="826484" y="2032064"/>
                    <a:pt x="864013" y="2174558"/>
                  </a:cubicBezTo>
                  <a:cubicBezTo>
                    <a:pt x="873538" y="2212658"/>
                    <a:pt x="883063" y="2247995"/>
                    <a:pt x="892112" y="2278856"/>
                  </a:cubicBezTo>
                  <a:cubicBezTo>
                    <a:pt x="934308" y="2427923"/>
                    <a:pt x="1101662" y="2575179"/>
                    <a:pt x="1144905" y="2603564"/>
                  </a:cubicBezTo>
                  <a:lnTo>
                    <a:pt x="1155859" y="2610707"/>
                  </a:lnTo>
                  <a:cubicBezTo>
                    <a:pt x="1204151" y="2642807"/>
                    <a:pt x="1304354" y="2709577"/>
                    <a:pt x="1431037" y="2707577"/>
                  </a:cubicBezTo>
                  <a:cubicBezTo>
                    <a:pt x="1551432" y="2705767"/>
                    <a:pt x="1635729" y="2774252"/>
                    <a:pt x="1703642" y="2829687"/>
                  </a:cubicBezTo>
                  <a:cubicBezTo>
                    <a:pt x="1713834" y="2837974"/>
                    <a:pt x="1723454" y="2845880"/>
                    <a:pt x="1732788" y="2853119"/>
                  </a:cubicBezTo>
                  <a:cubicBezTo>
                    <a:pt x="1756516" y="2872642"/>
                    <a:pt x="1785404" y="2884853"/>
                    <a:pt x="1815942" y="2888266"/>
                  </a:cubicBezTo>
                  <a:cubicBezTo>
                    <a:pt x="1845755" y="2893505"/>
                    <a:pt x="1882617" y="2900172"/>
                    <a:pt x="1948434" y="2937986"/>
                  </a:cubicBezTo>
                  <a:cubicBezTo>
                    <a:pt x="1993392" y="2963799"/>
                    <a:pt x="2029492" y="2989517"/>
                    <a:pt x="2064449" y="3014186"/>
                  </a:cubicBezTo>
                  <a:cubicBezTo>
                    <a:pt x="2127314" y="3058859"/>
                    <a:pt x="2192274" y="3104960"/>
                    <a:pt x="2310003" y="3152966"/>
                  </a:cubicBezTo>
                  <a:cubicBezTo>
                    <a:pt x="2422208" y="3198685"/>
                    <a:pt x="2475643" y="3177540"/>
                    <a:pt x="2518506" y="3160490"/>
                  </a:cubicBezTo>
                  <a:cubicBezTo>
                    <a:pt x="2545271" y="3149822"/>
                    <a:pt x="2568417" y="3140678"/>
                    <a:pt x="2598706" y="3150965"/>
                  </a:cubicBezTo>
                  <a:cubicBezTo>
                    <a:pt x="2674430" y="3176016"/>
                    <a:pt x="2993327" y="3123724"/>
                    <a:pt x="2996470" y="3123152"/>
                  </a:cubicBezTo>
                  <a:lnTo>
                    <a:pt x="2997422" y="3123152"/>
                  </a:lnTo>
                  <a:cubicBezTo>
                    <a:pt x="2998375" y="3123152"/>
                    <a:pt x="3095720" y="3146774"/>
                    <a:pt x="3191733" y="3161252"/>
                  </a:cubicBezTo>
                  <a:cubicBezTo>
                    <a:pt x="3231599" y="3166945"/>
                    <a:pt x="3272139" y="3165883"/>
                    <a:pt x="3311653" y="3158109"/>
                  </a:cubicBezTo>
                  <a:cubicBezTo>
                    <a:pt x="3359315" y="3149864"/>
                    <a:pt x="3407791" y="3147338"/>
                    <a:pt x="3456052" y="3150584"/>
                  </a:cubicBezTo>
                  <a:cubicBezTo>
                    <a:pt x="3493502" y="3152641"/>
                    <a:pt x="3530733" y="3157641"/>
                    <a:pt x="3567399" y="3165539"/>
                  </a:cubicBezTo>
                  <a:cubicBezTo>
                    <a:pt x="3600981" y="3174088"/>
                    <a:pt x="3636079" y="3174806"/>
                    <a:pt x="3669983" y="3167634"/>
                  </a:cubicBezTo>
                  <a:cubicBezTo>
                    <a:pt x="3751326" y="3154109"/>
                    <a:pt x="3788474" y="3244787"/>
                    <a:pt x="3827907" y="3340799"/>
                  </a:cubicBezTo>
                  <a:cubicBezTo>
                    <a:pt x="3833242" y="3353752"/>
                    <a:pt x="3838575" y="3366897"/>
                    <a:pt x="3844195" y="3379946"/>
                  </a:cubicBezTo>
                  <a:cubicBezTo>
                    <a:pt x="3901345" y="3513296"/>
                    <a:pt x="3787807" y="3588734"/>
                    <a:pt x="3764566" y="3602450"/>
                  </a:cubicBezTo>
                  <a:cubicBezTo>
                    <a:pt x="3716274" y="3631025"/>
                    <a:pt x="3635503" y="3678650"/>
                    <a:pt x="3563588" y="3770185"/>
                  </a:cubicBezTo>
                  <a:cubicBezTo>
                    <a:pt x="3518059" y="3828383"/>
                    <a:pt x="3470529" y="3854958"/>
                    <a:pt x="3424524" y="3880676"/>
                  </a:cubicBezTo>
                  <a:cubicBezTo>
                    <a:pt x="3399480" y="3893843"/>
                    <a:pt x="3375556" y="3909039"/>
                    <a:pt x="3352991" y="3926110"/>
                  </a:cubicBezTo>
                  <a:cubicBezTo>
                    <a:pt x="3333941" y="3941064"/>
                    <a:pt x="3308699" y="3963448"/>
                    <a:pt x="3279363" y="3989260"/>
                  </a:cubicBezTo>
                  <a:cubicBezTo>
                    <a:pt x="3209735" y="4050506"/>
                    <a:pt x="3114390" y="4134326"/>
                    <a:pt x="3032474" y="4184047"/>
                  </a:cubicBezTo>
                  <a:cubicBezTo>
                    <a:pt x="2959037" y="4228624"/>
                    <a:pt x="2870549" y="4332066"/>
                    <a:pt x="2793302" y="4423315"/>
                  </a:cubicBezTo>
                  <a:cubicBezTo>
                    <a:pt x="2756741" y="4468455"/>
                    <a:pt x="2717892" y="4511691"/>
                    <a:pt x="2676906" y="4552855"/>
                  </a:cubicBezTo>
                  <a:cubicBezTo>
                    <a:pt x="2591181" y="4632293"/>
                    <a:pt x="2433733" y="4927283"/>
                    <a:pt x="2387251" y="5035773"/>
                  </a:cubicBezTo>
                  <a:cubicBezTo>
                    <a:pt x="2349151" y="5123593"/>
                    <a:pt x="2163604" y="5230559"/>
                    <a:pt x="2014157" y="5304759"/>
                  </a:cubicBezTo>
                  <a:cubicBezTo>
                    <a:pt x="1951101" y="5336000"/>
                    <a:pt x="1946434" y="5516880"/>
                    <a:pt x="1942624" y="5662137"/>
                  </a:cubicBezTo>
                  <a:cubicBezTo>
                    <a:pt x="1941386" y="5709762"/>
                    <a:pt x="1940243" y="5754529"/>
                    <a:pt x="1937005" y="5787200"/>
                  </a:cubicBezTo>
                  <a:cubicBezTo>
                    <a:pt x="1934337" y="5813394"/>
                    <a:pt x="1931956" y="5833872"/>
                    <a:pt x="1929861" y="5852065"/>
                  </a:cubicBezTo>
                  <a:cubicBezTo>
                    <a:pt x="1921764" y="5922074"/>
                    <a:pt x="1919002" y="5945696"/>
                    <a:pt x="1932718" y="6067901"/>
                  </a:cubicBezTo>
                  <a:cubicBezTo>
                    <a:pt x="1946434" y="6190107"/>
                    <a:pt x="1986629" y="6286976"/>
                    <a:pt x="2022348" y="6373368"/>
                  </a:cubicBezTo>
                  <a:cubicBezTo>
                    <a:pt x="2031873" y="6396038"/>
                    <a:pt x="2040541" y="6417469"/>
                    <a:pt x="2048352" y="6438043"/>
                  </a:cubicBezTo>
                  <a:cubicBezTo>
                    <a:pt x="2077403" y="6514243"/>
                    <a:pt x="2146745" y="6639306"/>
                    <a:pt x="2202562" y="6739605"/>
                  </a:cubicBezTo>
                  <a:cubicBezTo>
                    <a:pt x="2217801" y="6767131"/>
                    <a:pt x="2232280" y="6793040"/>
                    <a:pt x="2244186" y="6814947"/>
                  </a:cubicBezTo>
                  <a:cubicBezTo>
                    <a:pt x="2267522" y="6858000"/>
                    <a:pt x="2299049" y="6926199"/>
                    <a:pt x="2332387" y="6998303"/>
                  </a:cubicBezTo>
                  <a:cubicBezTo>
                    <a:pt x="2376964" y="7094601"/>
                    <a:pt x="2427637" y="7203853"/>
                    <a:pt x="2471452" y="7281481"/>
                  </a:cubicBezTo>
                  <a:lnTo>
                    <a:pt x="2490502" y="7315391"/>
                  </a:lnTo>
                  <a:lnTo>
                    <a:pt x="2485073" y="7315391"/>
                  </a:lnTo>
                  <a:cubicBezTo>
                    <a:pt x="2479167" y="7305009"/>
                    <a:pt x="2473071" y="7294531"/>
                    <a:pt x="2467070" y="7283863"/>
                  </a:cubicBezTo>
                  <a:cubicBezTo>
                    <a:pt x="2422970" y="7205948"/>
                    <a:pt x="2372392" y="7096697"/>
                    <a:pt x="2327815" y="7000304"/>
                  </a:cubicBezTo>
                  <a:cubicBezTo>
                    <a:pt x="2294478" y="6928200"/>
                    <a:pt x="2262950" y="6860191"/>
                    <a:pt x="2239709" y="6817233"/>
                  </a:cubicBezTo>
                  <a:cubicBezTo>
                    <a:pt x="2227803" y="6795326"/>
                    <a:pt x="2213420" y="6769608"/>
                    <a:pt x="2198085" y="6741986"/>
                  </a:cubicBezTo>
                  <a:cubicBezTo>
                    <a:pt x="2142268" y="6641497"/>
                    <a:pt x="2072736" y="6516529"/>
                    <a:pt x="2043589" y="6439757"/>
                  </a:cubicBezTo>
                  <a:cubicBezTo>
                    <a:pt x="2035874" y="6419279"/>
                    <a:pt x="2027015" y="6397848"/>
                    <a:pt x="2017681" y="6375178"/>
                  </a:cubicBezTo>
                  <a:cubicBezTo>
                    <a:pt x="1981867" y="6288405"/>
                    <a:pt x="1941481" y="6190012"/>
                    <a:pt x="1927670" y="6068473"/>
                  </a:cubicBezTo>
                  <a:cubicBezTo>
                    <a:pt x="1913859" y="5946934"/>
                    <a:pt x="1916716" y="5921978"/>
                    <a:pt x="1924908" y="5851494"/>
                  </a:cubicBezTo>
                  <a:cubicBezTo>
                    <a:pt x="1927003" y="5833396"/>
                    <a:pt x="1929384" y="5813394"/>
                    <a:pt x="1931956" y="5786723"/>
                  </a:cubicBezTo>
                  <a:cubicBezTo>
                    <a:pt x="1935195" y="5754243"/>
                    <a:pt x="1936338" y="5709476"/>
                    <a:pt x="1937576" y="5662041"/>
                  </a:cubicBezTo>
                  <a:cubicBezTo>
                    <a:pt x="1941386" y="5515451"/>
                    <a:pt x="1946148" y="5333047"/>
                    <a:pt x="2011776" y="5300091"/>
                  </a:cubicBezTo>
                  <a:cubicBezTo>
                    <a:pt x="2221992" y="5195316"/>
                    <a:pt x="2353628" y="5101019"/>
                    <a:pt x="2382584" y="5033391"/>
                  </a:cubicBezTo>
                  <a:cubicBezTo>
                    <a:pt x="2421731" y="4941856"/>
                    <a:pt x="2582609" y="4633341"/>
                    <a:pt x="2673382" y="4548950"/>
                  </a:cubicBezTo>
                  <a:cubicBezTo>
                    <a:pt x="2714359" y="4508115"/>
                    <a:pt x="2753239" y="4465229"/>
                    <a:pt x="2789873" y="4420458"/>
                  </a:cubicBezTo>
                  <a:cubicBezTo>
                    <a:pt x="2867787" y="4328922"/>
                    <a:pt x="2956180" y="4225100"/>
                    <a:pt x="3030188" y="4180237"/>
                  </a:cubicBezTo>
                  <a:cubicBezTo>
                    <a:pt x="3111818" y="4130612"/>
                    <a:pt x="3206878" y="4046887"/>
                    <a:pt x="3276410" y="3985927"/>
                  </a:cubicBezTo>
                  <a:cubicBezTo>
                    <a:pt x="3305842" y="3960019"/>
                    <a:pt x="3331274" y="3937635"/>
                    <a:pt x="3350228" y="3922585"/>
                  </a:cubicBezTo>
                  <a:cubicBezTo>
                    <a:pt x="3372985" y="3905341"/>
                    <a:pt x="3397135" y="3890017"/>
                    <a:pt x="3422427" y="3876770"/>
                  </a:cubicBezTo>
                  <a:cubicBezTo>
                    <a:pt x="3467957" y="3851243"/>
                    <a:pt x="3515106" y="3824859"/>
                    <a:pt x="3560064" y="3767423"/>
                  </a:cubicBezTo>
                  <a:cubicBezTo>
                    <a:pt x="3632549" y="3674840"/>
                    <a:pt x="3713798" y="3627025"/>
                    <a:pt x="3762280" y="3598545"/>
                  </a:cubicBezTo>
                  <a:cubicBezTo>
                    <a:pt x="3785045" y="3585115"/>
                    <a:pt x="3895630" y="3512058"/>
                    <a:pt x="3840004" y="3382042"/>
                  </a:cubicBezTo>
                  <a:cubicBezTo>
                    <a:pt x="3834385" y="3368897"/>
                    <a:pt x="3829050" y="3355753"/>
                    <a:pt x="3823717" y="3342799"/>
                  </a:cubicBezTo>
                  <a:cubicBezTo>
                    <a:pt x="3783331" y="3244501"/>
                    <a:pt x="3748469" y="3159728"/>
                    <a:pt x="3671317" y="3172492"/>
                  </a:cubicBezTo>
                  <a:cubicBezTo>
                    <a:pt x="3636698" y="3179885"/>
                    <a:pt x="3600837" y="3179168"/>
                    <a:pt x="3566542" y="3170396"/>
                  </a:cubicBezTo>
                  <a:cubicBezTo>
                    <a:pt x="3530093" y="3162540"/>
                    <a:pt x="3493088" y="3157540"/>
                    <a:pt x="3455861" y="3155442"/>
                  </a:cubicBezTo>
                  <a:cubicBezTo>
                    <a:pt x="3407917" y="3152296"/>
                    <a:pt x="3359767" y="3154822"/>
                    <a:pt x="3312415" y="3162967"/>
                  </a:cubicBezTo>
                  <a:cubicBezTo>
                    <a:pt x="3272436" y="3170890"/>
                    <a:pt x="3231401" y="3171953"/>
                    <a:pt x="3191066" y="3166110"/>
                  </a:cubicBezTo>
                  <a:cubicBezTo>
                    <a:pt x="3098292" y="3151918"/>
                    <a:pt x="3004376" y="3129629"/>
                    <a:pt x="2996851" y="3128010"/>
                  </a:cubicBezTo>
                  <a:cubicBezTo>
                    <a:pt x="2977801" y="3131153"/>
                    <a:pt x="2673001" y="3180779"/>
                    <a:pt x="2596801" y="3155537"/>
                  </a:cubicBezTo>
                  <a:cubicBezTo>
                    <a:pt x="2568226" y="3146012"/>
                    <a:pt x="2546890" y="3154490"/>
                    <a:pt x="2519934" y="3165062"/>
                  </a:cubicBezTo>
                  <a:cubicBezTo>
                    <a:pt x="2476215" y="3182398"/>
                    <a:pt x="2421827" y="3204020"/>
                    <a:pt x="2307813" y="3157538"/>
                  </a:cubicBezTo>
                  <a:cubicBezTo>
                    <a:pt x="2189607" y="3109436"/>
                    <a:pt x="2124361" y="3063050"/>
                    <a:pt x="2061306" y="3018282"/>
                  </a:cubicBezTo>
                  <a:cubicBezTo>
                    <a:pt x="2024069" y="2990951"/>
                    <a:pt x="1985475" y="2965519"/>
                    <a:pt x="1945672" y="2942082"/>
                  </a:cubicBezTo>
                  <a:cubicBezTo>
                    <a:pt x="1880711" y="2904649"/>
                    <a:pt x="1844136" y="2898172"/>
                    <a:pt x="1814799" y="2892933"/>
                  </a:cubicBezTo>
                  <a:cubicBezTo>
                    <a:pt x="1783308" y="2889543"/>
                    <a:pt x="1753503" y="2876992"/>
                    <a:pt x="1729074" y="2856833"/>
                  </a:cubicBezTo>
                  <a:cubicBezTo>
                    <a:pt x="1719549" y="2849594"/>
                    <a:pt x="1710024" y="2841689"/>
                    <a:pt x="1699832" y="2833402"/>
                  </a:cubicBezTo>
                  <a:cubicBezTo>
                    <a:pt x="1633157" y="2779395"/>
                    <a:pt x="1550861" y="2712244"/>
                    <a:pt x="1434942" y="2712244"/>
                  </a:cubicBezTo>
                  <a:lnTo>
                    <a:pt x="1430274" y="2712244"/>
                  </a:lnTo>
                  <a:cubicBezTo>
                    <a:pt x="1302449" y="2714149"/>
                    <a:pt x="1201008" y="2646902"/>
                    <a:pt x="1152430" y="2614613"/>
                  </a:cubicBezTo>
                  <a:lnTo>
                    <a:pt x="1141476" y="2607374"/>
                  </a:lnTo>
                  <a:cubicBezTo>
                    <a:pt x="1097662" y="2578799"/>
                    <a:pt x="929259" y="2430494"/>
                    <a:pt x="886683" y="2280095"/>
                  </a:cubicBezTo>
                  <a:cubicBezTo>
                    <a:pt x="877920" y="2249138"/>
                    <a:pt x="868585" y="2213420"/>
                    <a:pt x="858584" y="2175320"/>
                  </a:cubicBezTo>
                  <a:cubicBezTo>
                    <a:pt x="821246" y="2033302"/>
                    <a:pt x="774668" y="1856613"/>
                    <a:pt x="726281" y="1801273"/>
                  </a:cubicBezTo>
                  <a:cubicBezTo>
                    <a:pt x="669798" y="1736789"/>
                    <a:pt x="599123" y="1618393"/>
                    <a:pt x="585597" y="1497425"/>
                  </a:cubicBezTo>
                  <a:cubicBezTo>
                    <a:pt x="583406" y="1477613"/>
                    <a:pt x="581311" y="1453134"/>
                    <a:pt x="578834" y="1424750"/>
                  </a:cubicBezTo>
                  <a:cubicBezTo>
                    <a:pt x="567309" y="1290638"/>
                    <a:pt x="550259" y="1087946"/>
                    <a:pt x="489299" y="1040987"/>
                  </a:cubicBezTo>
                  <a:cubicBezTo>
                    <a:pt x="419313" y="987057"/>
                    <a:pt x="357910" y="922827"/>
                    <a:pt x="307181" y="850487"/>
                  </a:cubicBezTo>
                  <a:cubicBezTo>
                    <a:pt x="278606" y="808482"/>
                    <a:pt x="265748" y="752951"/>
                    <a:pt x="248793" y="676180"/>
                  </a:cubicBezTo>
                  <a:cubicBezTo>
                    <a:pt x="238792" y="632079"/>
                    <a:pt x="227552" y="582168"/>
                    <a:pt x="210693" y="522446"/>
                  </a:cubicBezTo>
                  <a:lnTo>
                    <a:pt x="193358" y="460724"/>
                  </a:lnTo>
                  <a:cubicBezTo>
                    <a:pt x="159068" y="338233"/>
                    <a:pt x="141827" y="276701"/>
                    <a:pt x="93631" y="188405"/>
                  </a:cubicBezTo>
                  <a:cubicBezTo>
                    <a:pt x="62770" y="131255"/>
                    <a:pt x="26194" y="55912"/>
                    <a:pt x="0" y="0"/>
                  </a:cubicBezTo>
                  <a:lnTo>
                    <a:pt x="5239" y="0"/>
                  </a:lnTo>
                  <a:cubicBezTo>
                    <a:pt x="31433" y="55626"/>
                    <a:pt x="67342" y="130207"/>
                    <a:pt x="97822" y="186119"/>
                  </a:cubicBezTo>
                  <a:cubicBezTo>
                    <a:pt x="146209" y="274892"/>
                    <a:pt x="163449" y="336518"/>
                    <a:pt x="197834" y="4592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5" name="Freeform: Shape 122">
              <a:extLst>
                <a:ext uri="{FF2B5EF4-FFF2-40B4-BE49-F238E27FC236}">
                  <a16:creationId xmlns:a16="http://schemas.microsoft.com/office/drawing/2014/main" id="{414E510D-49A2-FF46-8556-C1FA91487102}"/>
                </a:ext>
              </a:extLst>
            </p:cNvPr>
            <p:cNvSpPr/>
            <p:nvPr/>
          </p:nvSpPr>
          <p:spPr>
            <a:xfrm>
              <a:off x="5894223" y="-1668332"/>
              <a:ext cx="4804655" cy="8869216"/>
            </a:xfrm>
            <a:custGeom>
              <a:avLst/>
              <a:gdLst>
                <a:gd name="connsiteX0" fmla="*/ 147542 w 3935274"/>
                <a:gd name="connsiteY0" fmla="*/ 350044 h 7315200"/>
                <a:gd name="connsiteX1" fmla="*/ 226981 w 3935274"/>
                <a:gd name="connsiteY1" fmla="*/ 621030 h 7315200"/>
                <a:gd name="connsiteX2" fmla="*/ 247841 w 3935274"/>
                <a:gd name="connsiteY2" fmla="*/ 731996 h 7315200"/>
                <a:gd name="connsiteX3" fmla="*/ 351854 w 3935274"/>
                <a:gd name="connsiteY3" fmla="*/ 874300 h 7315200"/>
                <a:gd name="connsiteX4" fmla="*/ 376238 w 3935274"/>
                <a:gd name="connsiteY4" fmla="*/ 897255 h 7315200"/>
                <a:gd name="connsiteX5" fmla="*/ 423863 w 3935274"/>
                <a:gd name="connsiteY5" fmla="*/ 947261 h 7315200"/>
                <a:gd name="connsiteX6" fmla="*/ 514350 w 3935274"/>
                <a:gd name="connsiteY6" fmla="*/ 1035558 h 7315200"/>
                <a:gd name="connsiteX7" fmla="*/ 570643 w 3935274"/>
                <a:gd name="connsiteY7" fmla="*/ 1179195 h 7315200"/>
                <a:gd name="connsiteX8" fmla="*/ 570643 w 3935274"/>
                <a:gd name="connsiteY8" fmla="*/ 1186434 h 7315200"/>
                <a:gd name="connsiteX9" fmla="*/ 571309 w 3935274"/>
                <a:gd name="connsiteY9" fmla="*/ 1215009 h 7315200"/>
                <a:gd name="connsiteX10" fmla="*/ 648652 w 3935274"/>
                <a:gd name="connsiteY10" fmla="*/ 1528191 h 7315200"/>
                <a:gd name="connsiteX11" fmla="*/ 752666 w 3935274"/>
                <a:gd name="connsiteY11" fmla="*/ 1827276 h 7315200"/>
                <a:gd name="connsiteX12" fmla="*/ 771716 w 3935274"/>
                <a:gd name="connsiteY12" fmla="*/ 1944814 h 7315200"/>
                <a:gd name="connsiteX13" fmla="*/ 934212 w 3935274"/>
                <a:gd name="connsiteY13" fmla="*/ 2403824 h 7315200"/>
                <a:gd name="connsiteX14" fmla="*/ 1271683 w 3935274"/>
                <a:gd name="connsiteY14" fmla="*/ 2560701 h 7315200"/>
                <a:gd name="connsiteX15" fmla="*/ 1470946 w 3935274"/>
                <a:gd name="connsiteY15" fmla="*/ 2648331 h 7315200"/>
                <a:gd name="connsiteX16" fmla="*/ 1589818 w 3935274"/>
                <a:gd name="connsiteY16" fmla="*/ 2714339 h 7315200"/>
                <a:gd name="connsiteX17" fmla="*/ 1620202 w 3935274"/>
                <a:gd name="connsiteY17" fmla="*/ 2729770 h 7315200"/>
                <a:gd name="connsiteX18" fmla="*/ 1883759 w 3935274"/>
                <a:gd name="connsiteY18" fmla="*/ 2928080 h 7315200"/>
                <a:gd name="connsiteX19" fmla="*/ 2233993 w 3935274"/>
                <a:gd name="connsiteY19" fmla="*/ 3022283 h 7315200"/>
                <a:gd name="connsiteX20" fmla="*/ 2390108 w 3935274"/>
                <a:gd name="connsiteY20" fmla="*/ 3038094 h 7315200"/>
                <a:gd name="connsiteX21" fmla="*/ 2688812 w 3935274"/>
                <a:gd name="connsiteY21" fmla="*/ 3001995 h 7315200"/>
                <a:gd name="connsiteX22" fmla="*/ 2884932 w 3935274"/>
                <a:gd name="connsiteY22" fmla="*/ 3022854 h 7315200"/>
                <a:gd name="connsiteX23" fmla="*/ 2987612 w 3935274"/>
                <a:gd name="connsiteY23" fmla="*/ 3048667 h 7315200"/>
                <a:gd name="connsiteX24" fmla="*/ 3182684 w 3935274"/>
                <a:gd name="connsiteY24" fmla="*/ 3011805 h 7315200"/>
                <a:gd name="connsiteX25" fmla="*/ 3262313 w 3935274"/>
                <a:gd name="connsiteY25" fmla="*/ 2978468 h 7315200"/>
                <a:gd name="connsiteX26" fmla="*/ 3513391 w 3935274"/>
                <a:gd name="connsiteY26" fmla="*/ 3000851 h 7315200"/>
                <a:gd name="connsiteX27" fmla="*/ 3582829 w 3935274"/>
                <a:gd name="connsiteY27" fmla="*/ 3029426 h 7315200"/>
                <a:gd name="connsiteX28" fmla="*/ 3768851 w 3935274"/>
                <a:gd name="connsiteY28" fmla="*/ 3231547 h 7315200"/>
                <a:gd name="connsiteX29" fmla="*/ 3775806 w 3935274"/>
                <a:gd name="connsiteY29" fmla="*/ 3243644 h 7315200"/>
                <a:gd name="connsiteX30" fmla="*/ 3822192 w 3935274"/>
                <a:gd name="connsiteY30" fmla="*/ 3273266 h 7315200"/>
                <a:gd name="connsiteX31" fmla="*/ 3934111 w 3935274"/>
                <a:gd name="connsiteY31" fmla="*/ 3492913 h 7315200"/>
                <a:gd name="connsiteX32" fmla="*/ 3892772 w 3935274"/>
                <a:gd name="connsiteY32" fmla="*/ 3673316 h 7315200"/>
                <a:gd name="connsiteX33" fmla="*/ 3749897 w 3935274"/>
                <a:gd name="connsiteY33" fmla="*/ 3697224 h 7315200"/>
                <a:gd name="connsiteX34" fmla="*/ 3704176 w 3935274"/>
                <a:gd name="connsiteY34" fmla="*/ 3693605 h 7315200"/>
                <a:gd name="connsiteX35" fmla="*/ 3536252 w 3935274"/>
                <a:gd name="connsiteY35" fmla="*/ 3787997 h 7315200"/>
                <a:gd name="connsiteX36" fmla="*/ 3387757 w 3935274"/>
                <a:gd name="connsiteY36" fmla="*/ 3888296 h 7315200"/>
                <a:gd name="connsiteX37" fmla="*/ 3018472 w 3935274"/>
                <a:gd name="connsiteY37" fmla="*/ 4180237 h 7315200"/>
                <a:gd name="connsiteX38" fmla="*/ 2868740 w 3935274"/>
                <a:gd name="connsiteY38" fmla="*/ 4325493 h 7315200"/>
                <a:gd name="connsiteX39" fmla="*/ 2779966 w 3935274"/>
                <a:gd name="connsiteY39" fmla="*/ 4409885 h 7315200"/>
                <a:gd name="connsiteX40" fmla="*/ 2691479 w 3935274"/>
                <a:gd name="connsiteY40" fmla="*/ 4531519 h 7315200"/>
                <a:gd name="connsiteX41" fmla="*/ 2526792 w 3935274"/>
                <a:gd name="connsiteY41" fmla="*/ 4744498 h 7315200"/>
                <a:gd name="connsiteX42" fmla="*/ 2258473 w 3935274"/>
                <a:gd name="connsiteY42" fmla="*/ 5093208 h 7315200"/>
                <a:gd name="connsiteX43" fmla="*/ 1955197 w 3935274"/>
                <a:gd name="connsiteY43" fmla="*/ 5447062 h 7315200"/>
                <a:gd name="connsiteX44" fmla="*/ 1948053 w 3935274"/>
                <a:gd name="connsiteY44" fmla="*/ 5453920 h 7315200"/>
                <a:gd name="connsiteX45" fmla="*/ 1763268 w 3935274"/>
                <a:gd name="connsiteY45" fmla="*/ 5899690 h 7315200"/>
                <a:gd name="connsiteX46" fmla="*/ 1884045 w 3935274"/>
                <a:gd name="connsiteY46" fmla="*/ 6293549 h 7315200"/>
                <a:gd name="connsiteX47" fmla="*/ 1928241 w 3935274"/>
                <a:gd name="connsiteY47" fmla="*/ 6394323 h 7315200"/>
                <a:gd name="connsiteX48" fmla="*/ 2127123 w 3935274"/>
                <a:gd name="connsiteY48" fmla="*/ 6767322 h 7315200"/>
                <a:gd name="connsiteX49" fmla="*/ 2214563 w 3935274"/>
                <a:gd name="connsiteY49" fmla="*/ 6924580 h 7315200"/>
                <a:gd name="connsiteX50" fmla="*/ 2235136 w 3935274"/>
                <a:gd name="connsiteY50" fmla="*/ 6975158 h 7315200"/>
                <a:gd name="connsiteX51" fmla="*/ 2423731 w 3935274"/>
                <a:gd name="connsiteY51" fmla="*/ 7315200 h 7315200"/>
                <a:gd name="connsiteX52" fmla="*/ 2417636 w 3935274"/>
                <a:gd name="connsiteY52" fmla="*/ 7315200 h 7315200"/>
                <a:gd name="connsiteX53" fmla="*/ 2230755 w 3935274"/>
                <a:gd name="connsiteY53" fmla="*/ 6976872 h 7315200"/>
                <a:gd name="connsiteX54" fmla="*/ 2210181 w 3935274"/>
                <a:gd name="connsiteY54" fmla="*/ 6926580 h 7315200"/>
                <a:gd name="connsiteX55" fmla="*/ 2122932 w 3935274"/>
                <a:gd name="connsiteY55" fmla="*/ 6769703 h 7315200"/>
                <a:gd name="connsiteX56" fmla="*/ 1923764 w 3935274"/>
                <a:gd name="connsiteY56" fmla="*/ 6395847 h 7315200"/>
                <a:gd name="connsiteX57" fmla="*/ 1879759 w 3935274"/>
                <a:gd name="connsiteY57" fmla="*/ 6295644 h 7315200"/>
                <a:gd name="connsiteX58" fmla="*/ 1758506 w 3935274"/>
                <a:gd name="connsiteY58" fmla="*/ 5899595 h 7315200"/>
                <a:gd name="connsiteX59" fmla="*/ 1944719 w 3935274"/>
                <a:gd name="connsiteY59" fmla="*/ 5450491 h 7315200"/>
                <a:gd name="connsiteX60" fmla="*/ 1951863 w 3935274"/>
                <a:gd name="connsiteY60" fmla="*/ 5443633 h 7315200"/>
                <a:gd name="connsiteX61" fmla="*/ 2254186 w 3935274"/>
                <a:gd name="connsiteY61" fmla="*/ 5091208 h 7315200"/>
                <a:gd name="connsiteX62" fmla="*/ 2523649 w 3935274"/>
                <a:gd name="connsiteY62" fmla="*/ 4741069 h 7315200"/>
                <a:gd name="connsiteX63" fmla="*/ 2687479 w 3935274"/>
                <a:gd name="connsiteY63" fmla="*/ 4528947 h 7315200"/>
                <a:gd name="connsiteX64" fmla="*/ 2776633 w 3935274"/>
                <a:gd name="connsiteY64" fmla="*/ 4406646 h 7315200"/>
                <a:gd name="connsiteX65" fmla="*/ 2865501 w 3935274"/>
                <a:gd name="connsiteY65" fmla="*/ 4322064 h 7315200"/>
                <a:gd name="connsiteX66" fmla="*/ 3015043 w 3935274"/>
                <a:gd name="connsiteY66" fmla="*/ 4177094 h 7315200"/>
                <a:gd name="connsiteX67" fmla="*/ 3385756 w 3935274"/>
                <a:gd name="connsiteY67" fmla="*/ 3884105 h 7315200"/>
                <a:gd name="connsiteX68" fmla="*/ 3533298 w 3935274"/>
                <a:gd name="connsiteY68" fmla="*/ 3784378 h 7315200"/>
                <a:gd name="connsiteX69" fmla="*/ 3704178 w 3935274"/>
                <a:gd name="connsiteY69" fmla="*/ 3689128 h 7315200"/>
                <a:gd name="connsiteX70" fmla="*/ 3750469 w 3935274"/>
                <a:gd name="connsiteY70" fmla="*/ 3692747 h 7315200"/>
                <a:gd name="connsiteX71" fmla="*/ 3889248 w 3935274"/>
                <a:gd name="connsiteY71" fmla="*/ 3670078 h 7315200"/>
                <a:gd name="connsiteX72" fmla="*/ 3929158 w 3935274"/>
                <a:gd name="connsiteY72" fmla="*/ 3493484 h 7315200"/>
                <a:gd name="connsiteX73" fmla="*/ 3820573 w 3935274"/>
                <a:gd name="connsiteY73" fmla="*/ 3278124 h 7315200"/>
                <a:gd name="connsiteX74" fmla="*/ 3771519 w 3935274"/>
                <a:gd name="connsiteY74" fmla="*/ 3246311 h 7315200"/>
                <a:gd name="connsiteX75" fmla="*/ 3764470 w 3935274"/>
                <a:gd name="connsiteY75" fmla="*/ 3234214 h 7315200"/>
                <a:gd name="connsiteX76" fmla="*/ 3581305 w 3935274"/>
                <a:gd name="connsiteY76" fmla="*/ 3034189 h 7315200"/>
                <a:gd name="connsiteX77" fmla="*/ 3511106 w 3935274"/>
                <a:gd name="connsiteY77" fmla="*/ 3005614 h 7315200"/>
                <a:gd name="connsiteX78" fmla="*/ 3263456 w 3935274"/>
                <a:gd name="connsiteY78" fmla="*/ 2983325 h 7315200"/>
                <a:gd name="connsiteX79" fmla="*/ 3183922 w 3935274"/>
                <a:gd name="connsiteY79" fmla="*/ 3016568 h 7315200"/>
                <a:gd name="connsiteX80" fmla="*/ 2986183 w 3935274"/>
                <a:gd name="connsiteY80" fmla="*/ 3053715 h 7315200"/>
                <a:gd name="connsiteX81" fmla="*/ 2882932 w 3935274"/>
                <a:gd name="connsiteY81" fmla="*/ 3027807 h 7315200"/>
                <a:gd name="connsiteX82" fmla="*/ 2690146 w 3935274"/>
                <a:gd name="connsiteY82" fmla="*/ 3006662 h 7315200"/>
                <a:gd name="connsiteX83" fmla="*/ 2388203 w 3935274"/>
                <a:gd name="connsiteY83" fmla="*/ 3043047 h 7315200"/>
                <a:gd name="connsiteX84" fmla="*/ 2233136 w 3935274"/>
                <a:gd name="connsiteY84" fmla="*/ 3027426 h 7315200"/>
                <a:gd name="connsiteX85" fmla="*/ 1879378 w 3935274"/>
                <a:gd name="connsiteY85" fmla="*/ 2931509 h 7315200"/>
                <a:gd name="connsiteX86" fmla="*/ 1619441 w 3935274"/>
                <a:gd name="connsiteY86" fmla="*/ 2733675 h 7315200"/>
                <a:gd name="connsiteX87" fmla="*/ 1588961 w 3935274"/>
                <a:gd name="connsiteY87" fmla="*/ 2718340 h 7315200"/>
                <a:gd name="connsiteX88" fmla="*/ 1469898 w 3935274"/>
                <a:gd name="connsiteY88" fmla="*/ 2651665 h 7315200"/>
                <a:gd name="connsiteX89" fmla="*/ 1272254 w 3935274"/>
                <a:gd name="connsiteY89" fmla="*/ 2564702 h 7315200"/>
                <a:gd name="connsiteX90" fmla="*/ 931926 w 3935274"/>
                <a:gd name="connsiteY90" fmla="*/ 2406206 h 7315200"/>
                <a:gd name="connsiteX91" fmla="*/ 768382 w 3935274"/>
                <a:gd name="connsiteY91" fmla="*/ 1944814 h 7315200"/>
                <a:gd name="connsiteX92" fmla="*/ 749332 w 3935274"/>
                <a:gd name="connsiteY92" fmla="*/ 1827276 h 7315200"/>
                <a:gd name="connsiteX93" fmla="*/ 646366 w 3935274"/>
                <a:gd name="connsiteY93" fmla="*/ 1530477 h 7315200"/>
                <a:gd name="connsiteX94" fmla="*/ 567880 w 3935274"/>
                <a:gd name="connsiteY94" fmla="*/ 1214342 h 7315200"/>
                <a:gd name="connsiteX95" fmla="*/ 567214 w 3935274"/>
                <a:gd name="connsiteY95" fmla="*/ 1185767 h 7315200"/>
                <a:gd name="connsiteX96" fmla="*/ 567214 w 3935274"/>
                <a:gd name="connsiteY96" fmla="*/ 1178433 h 7315200"/>
                <a:gd name="connsiteX97" fmla="*/ 512636 w 3935274"/>
                <a:gd name="connsiteY97" fmla="*/ 1038320 h 7315200"/>
                <a:gd name="connsiteX98" fmla="*/ 421672 w 3935274"/>
                <a:gd name="connsiteY98" fmla="*/ 949547 h 7315200"/>
                <a:gd name="connsiteX99" fmla="*/ 374047 w 3935274"/>
                <a:gd name="connsiteY99" fmla="*/ 899636 h 7315200"/>
                <a:gd name="connsiteX100" fmla="*/ 349758 w 3935274"/>
                <a:gd name="connsiteY100" fmla="*/ 876776 h 7315200"/>
                <a:gd name="connsiteX101" fmla="*/ 244983 w 3935274"/>
                <a:gd name="connsiteY101" fmla="*/ 732568 h 7315200"/>
                <a:gd name="connsiteX102" fmla="*/ 223933 w 3935274"/>
                <a:gd name="connsiteY102" fmla="*/ 620744 h 7315200"/>
                <a:gd name="connsiteX103" fmla="*/ 145161 w 3935274"/>
                <a:gd name="connsiteY103" fmla="*/ 351663 h 7315200"/>
                <a:gd name="connsiteX104" fmla="*/ 59436 w 3935274"/>
                <a:gd name="connsiteY104" fmla="*/ 148019 h 7315200"/>
                <a:gd name="connsiteX105" fmla="*/ 0 w 3935274"/>
                <a:gd name="connsiteY105" fmla="*/ 0 h 7315200"/>
                <a:gd name="connsiteX106" fmla="*/ 5525 w 3935274"/>
                <a:gd name="connsiteY106" fmla="*/ 0 h 7315200"/>
                <a:gd name="connsiteX107" fmla="*/ 62675 w 3935274"/>
                <a:gd name="connsiteY107" fmla="*/ 147542 h 7315200"/>
                <a:gd name="connsiteX108" fmla="*/ 147542 w 3935274"/>
                <a:gd name="connsiteY108" fmla="*/ 350044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Lst>
              <a:rect l="l" t="t" r="r" b="b"/>
              <a:pathLst>
                <a:path w="3935274" h="7315200">
                  <a:moveTo>
                    <a:pt x="147542" y="350044"/>
                  </a:moveTo>
                  <a:cubicBezTo>
                    <a:pt x="201549" y="431864"/>
                    <a:pt x="215646" y="536734"/>
                    <a:pt x="226981" y="621030"/>
                  </a:cubicBezTo>
                  <a:cubicBezTo>
                    <a:pt x="230670" y="658559"/>
                    <a:pt x="237649" y="695690"/>
                    <a:pt x="247841" y="731996"/>
                  </a:cubicBezTo>
                  <a:cubicBezTo>
                    <a:pt x="271367" y="800100"/>
                    <a:pt x="312420" y="838200"/>
                    <a:pt x="351854" y="874300"/>
                  </a:cubicBezTo>
                  <a:cubicBezTo>
                    <a:pt x="359950" y="881729"/>
                    <a:pt x="368332" y="889445"/>
                    <a:pt x="376238" y="897255"/>
                  </a:cubicBezTo>
                  <a:cubicBezTo>
                    <a:pt x="392716" y="913352"/>
                    <a:pt x="408813" y="930593"/>
                    <a:pt x="423863" y="947261"/>
                  </a:cubicBezTo>
                  <a:cubicBezTo>
                    <a:pt x="451781" y="978909"/>
                    <a:pt x="482028" y="1008423"/>
                    <a:pt x="514350" y="1035558"/>
                  </a:cubicBezTo>
                  <a:cubicBezTo>
                    <a:pt x="565880" y="1077087"/>
                    <a:pt x="567976" y="1122140"/>
                    <a:pt x="570643" y="1179195"/>
                  </a:cubicBezTo>
                  <a:lnTo>
                    <a:pt x="570643" y="1186434"/>
                  </a:lnTo>
                  <a:cubicBezTo>
                    <a:pt x="570643" y="1194054"/>
                    <a:pt x="570643" y="1203770"/>
                    <a:pt x="571309" y="1215009"/>
                  </a:cubicBezTo>
                  <a:cubicBezTo>
                    <a:pt x="572738" y="1289114"/>
                    <a:pt x="575596" y="1443609"/>
                    <a:pt x="648652" y="1528191"/>
                  </a:cubicBezTo>
                  <a:cubicBezTo>
                    <a:pt x="717709" y="1608296"/>
                    <a:pt x="728663" y="1676972"/>
                    <a:pt x="752666" y="1827276"/>
                  </a:cubicBezTo>
                  <a:cubicBezTo>
                    <a:pt x="758190" y="1861661"/>
                    <a:pt x="764477" y="1900523"/>
                    <a:pt x="771716" y="1944814"/>
                  </a:cubicBezTo>
                  <a:cubicBezTo>
                    <a:pt x="812863" y="2179606"/>
                    <a:pt x="864489" y="2325815"/>
                    <a:pt x="934212" y="2403824"/>
                  </a:cubicBezTo>
                  <a:cubicBezTo>
                    <a:pt x="1003935" y="2481834"/>
                    <a:pt x="1175766" y="2546223"/>
                    <a:pt x="1271683" y="2560701"/>
                  </a:cubicBezTo>
                  <a:cubicBezTo>
                    <a:pt x="1338358" y="2570798"/>
                    <a:pt x="1396841" y="2604992"/>
                    <a:pt x="1470946" y="2648331"/>
                  </a:cubicBezTo>
                  <a:cubicBezTo>
                    <a:pt x="1505902" y="2668810"/>
                    <a:pt x="1545527" y="2691956"/>
                    <a:pt x="1589818" y="2714339"/>
                  </a:cubicBezTo>
                  <a:lnTo>
                    <a:pt x="1620202" y="2729770"/>
                  </a:lnTo>
                  <a:cubicBezTo>
                    <a:pt x="1734502" y="2786920"/>
                    <a:pt x="1791652" y="2815495"/>
                    <a:pt x="1883759" y="2928080"/>
                  </a:cubicBezTo>
                  <a:cubicBezTo>
                    <a:pt x="1950434" y="3009424"/>
                    <a:pt x="2107883" y="3016568"/>
                    <a:pt x="2233993" y="3022283"/>
                  </a:cubicBezTo>
                  <a:cubicBezTo>
                    <a:pt x="2294668" y="3025045"/>
                    <a:pt x="2352008" y="3027712"/>
                    <a:pt x="2390108" y="3038094"/>
                  </a:cubicBezTo>
                  <a:cubicBezTo>
                    <a:pt x="2511552" y="3071146"/>
                    <a:pt x="2629376" y="3029712"/>
                    <a:pt x="2688812" y="3001995"/>
                  </a:cubicBezTo>
                  <a:cubicBezTo>
                    <a:pt x="2736437" y="2979991"/>
                    <a:pt x="2811685" y="3001995"/>
                    <a:pt x="2884932" y="3022854"/>
                  </a:cubicBezTo>
                  <a:cubicBezTo>
                    <a:pt x="2918666" y="3033310"/>
                    <a:pt x="2952943" y="3041927"/>
                    <a:pt x="2987612" y="3048667"/>
                  </a:cubicBezTo>
                  <a:cubicBezTo>
                    <a:pt x="3066003" y="3062002"/>
                    <a:pt x="3100102" y="3047333"/>
                    <a:pt x="3182684" y="3011805"/>
                  </a:cubicBezTo>
                  <a:cubicBezTo>
                    <a:pt x="3205353" y="3002280"/>
                    <a:pt x="3230975" y="2991041"/>
                    <a:pt x="3262313" y="2978468"/>
                  </a:cubicBezTo>
                  <a:cubicBezTo>
                    <a:pt x="3372898" y="2934176"/>
                    <a:pt x="3447573" y="2969609"/>
                    <a:pt x="3513391" y="3000851"/>
                  </a:cubicBezTo>
                  <a:cubicBezTo>
                    <a:pt x="3535727" y="3012237"/>
                    <a:pt x="3558949" y="3021793"/>
                    <a:pt x="3582829" y="3029426"/>
                  </a:cubicBezTo>
                  <a:cubicBezTo>
                    <a:pt x="3666934" y="3053715"/>
                    <a:pt x="3730751" y="3165062"/>
                    <a:pt x="3768851" y="3231547"/>
                  </a:cubicBezTo>
                  <a:lnTo>
                    <a:pt x="3775806" y="3243644"/>
                  </a:lnTo>
                  <a:cubicBezTo>
                    <a:pt x="3786188" y="3261646"/>
                    <a:pt x="3802952" y="3267075"/>
                    <a:pt x="3822192" y="3273266"/>
                  </a:cubicBezTo>
                  <a:cubicBezTo>
                    <a:pt x="3867055" y="3287745"/>
                    <a:pt x="3922871" y="3305747"/>
                    <a:pt x="3934111" y="3492913"/>
                  </a:cubicBezTo>
                  <a:cubicBezTo>
                    <a:pt x="3939540" y="3582734"/>
                    <a:pt x="3926014" y="3641693"/>
                    <a:pt x="3892772" y="3673316"/>
                  </a:cubicBezTo>
                  <a:cubicBezTo>
                    <a:pt x="3854672" y="3709130"/>
                    <a:pt x="3799237" y="3702844"/>
                    <a:pt x="3749897" y="3697224"/>
                  </a:cubicBezTo>
                  <a:cubicBezTo>
                    <a:pt x="3734735" y="3695179"/>
                    <a:pt x="3719472" y="3693970"/>
                    <a:pt x="3704176" y="3693605"/>
                  </a:cubicBezTo>
                  <a:cubicBezTo>
                    <a:pt x="3656553" y="3693605"/>
                    <a:pt x="3597974" y="3739420"/>
                    <a:pt x="3536252" y="3787997"/>
                  </a:cubicBezTo>
                  <a:cubicBezTo>
                    <a:pt x="3488627" y="3826097"/>
                    <a:pt x="3438811" y="3864864"/>
                    <a:pt x="3387757" y="3888296"/>
                  </a:cubicBezTo>
                  <a:cubicBezTo>
                    <a:pt x="3269361" y="3942874"/>
                    <a:pt x="3085909" y="4108037"/>
                    <a:pt x="3018472" y="4180237"/>
                  </a:cubicBezTo>
                  <a:cubicBezTo>
                    <a:pt x="2977229" y="4224433"/>
                    <a:pt x="2919603" y="4278154"/>
                    <a:pt x="2868740" y="4325493"/>
                  </a:cubicBezTo>
                  <a:cubicBezTo>
                    <a:pt x="2834831" y="4357116"/>
                    <a:pt x="2802827" y="4386930"/>
                    <a:pt x="2779966" y="4409885"/>
                  </a:cubicBezTo>
                  <a:cubicBezTo>
                    <a:pt x="2757106" y="4432840"/>
                    <a:pt x="2726436" y="4478846"/>
                    <a:pt x="2691479" y="4531519"/>
                  </a:cubicBezTo>
                  <a:cubicBezTo>
                    <a:pt x="2640806" y="4607719"/>
                    <a:pt x="2583466" y="4694015"/>
                    <a:pt x="2526792" y="4744498"/>
                  </a:cubicBezTo>
                  <a:cubicBezTo>
                    <a:pt x="2426303" y="4833842"/>
                    <a:pt x="2313528" y="4980528"/>
                    <a:pt x="2258473" y="5093208"/>
                  </a:cubicBezTo>
                  <a:cubicBezTo>
                    <a:pt x="2203419" y="5205889"/>
                    <a:pt x="2016537" y="5387435"/>
                    <a:pt x="1955197" y="5447062"/>
                  </a:cubicBezTo>
                  <a:lnTo>
                    <a:pt x="1948053" y="5453920"/>
                  </a:lnTo>
                  <a:cubicBezTo>
                    <a:pt x="1898428" y="5502211"/>
                    <a:pt x="1766506" y="5712333"/>
                    <a:pt x="1763268" y="5899690"/>
                  </a:cubicBezTo>
                  <a:cubicBezTo>
                    <a:pt x="1760887" y="6033040"/>
                    <a:pt x="1832038" y="6183726"/>
                    <a:pt x="1884045" y="6293549"/>
                  </a:cubicBezTo>
                  <a:cubicBezTo>
                    <a:pt x="1900465" y="6326374"/>
                    <a:pt x="1915216" y="6360009"/>
                    <a:pt x="1928241" y="6394323"/>
                  </a:cubicBezTo>
                  <a:cubicBezTo>
                    <a:pt x="1949006" y="6455093"/>
                    <a:pt x="2052066" y="6635592"/>
                    <a:pt x="2127123" y="6767322"/>
                  </a:cubicBezTo>
                  <a:cubicBezTo>
                    <a:pt x="2169986" y="6842570"/>
                    <a:pt x="2203895" y="6901910"/>
                    <a:pt x="2214563" y="6924580"/>
                  </a:cubicBezTo>
                  <a:cubicBezTo>
                    <a:pt x="2220468" y="6937153"/>
                    <a:pt x="2226945" y="6953917"/>
                    <a:pt x="2235136" y="6975158"/>
                  </a:cubicBezTo>
                  <a:cubicBezTo>
                    <a:pt x="2266379" y="7055644"/>
                    <a:pt x="2317242" y="7186232"/>
                    <a:pt x="2423731" y="7315200"/>
                  </a:cubicBezTo>
                  <a:lnTo>
                    <a:pt x="2417636" y="7315200"/>
                  </a:lnTo>
                  <a:cubicBezTo>
                    <a:pt x="2312289" y="7186708"/>
                    <a:pt x="2261806" y="7056978"/>
                    <a:pt x="2230755" y="6976872"/>
                  </a:cubicBezTo>
                  <a:cubicBezTo>
                    <a:pt x="2222563" y="6955727"/>
                    <a:pt x="2216086" y="6938772"/>
                    <a:pt x="2210181" y="6926580"/>
                  </a:cubicBezTo>
                  <a:cubicBezTo>
                    <a:pt x="2199704" y="6904102"/>
                    <a:pt x="2164080" y="6841808"/>
                    <a:pt x="2122932" y="6769703"/>
                  </a:cubicBezTo>
                  <a:cubicBezTo>
                    <a:pt x="2047684" y="6637782"/>
                    <a:pt x="1944624" y="6457093"/>
                    <a:pt x="1923764" y="6395847"/>
                  </a:cubicBezTo>
                  <a:cubicBezTo>
                    <a:pt x="1915097" y="6370415"/>
                    <a:pt x="1898713" y="6335744"/>
                    <a:pt x="1879759" y="6295644"/>
                  </a:cubicBezTo>
                  <a:cubicBezTo>
                    <a:pt x="1827562" y="6185345"/>
                    <a:pt x="1755934" y="6034278"/>
                    <a:pt x="1758506" y="5899595"/>
                  </a:cubicBezTo>
                  <a:cubicBezTo>
                    <a:pt x="1761744" y="5710905"/>
                    <a:pt x="1894808" y="5499545"/>
                    <a:pt x="1944719" y="5450491"/>
                  </a:cubicBezTo>
                  <a:lnTo>
                    <a:pt x="1951863" y="5443633"/>
                  </a:lnTo>
                  <a:cubicBezTo>
                    <a:pt x="2013109" y="5384102"/>
                    <a:pt x="2199513" y="5203127"/>
                    <a:pt x="2254186" y="5091208"/>
                  </a:cubicBezTo>
                  <a:cubicBezTo>
                    <a:pt x="2308860" y="4979289"/>
                    <a:pt x="2422779" y="4830699"/>
                    <a:pt x="2523649" y="4741069"/>
                  </a:cubicBezTo>
                  <a:cubicBezTo>
                    <a:pt x="2579846" y="4690967"/>
                    <a:pt x="2636996" y="4604862"/>
                    <a:pt x="2687479" y="4528947"/>
                  </a:cubicBezTo>
                  <a:cubicBezTo>
                    <a:pt x="2722626" y="4476083"/>
                    <a:pt x="2752916" y="4430364"/>
                    <a:pt x="2776633" y="4406646"/>
                  </a:cubicBezTo>
                  <a:cubicBezTo>
                    <a:pt x="2800350" y="4382929"/>
                    <a:pt x="2831592" y="4353687"/>
                    <a:pt x="2865501" y="4322064"/>
                  </a:cubicBezTo>
                  <a:cubicBezTo>
                    <a:pt x="2916269" y="4274439"/>
                    <a:pt x="2973895" y="4221099"/>
                    <a:pt x="3015043" y="4177094"/>
                  </a:cubicBezTo>
                  <a:cubicBezTo>
                    <a:pt x="3082671" y="4104608"/>
                    <a:pt x="3266694" y="3938969"/>
                    <a:pt x="3385756" y="3884105"/>
                  </a:cubicBezTo>
                  <a:cubicBezTo>
                    <a:pt x="3436239" y="3860864"/>
                    <a:pt x="3485578" y="3822002"/>
                    <a:pt x="3533298" y="3784378"/>
                  </a:cubicBezTo>
                  <a:cubicBezTo>
                    <a:pt x="3595688" y="3735324"/>
                    <a:pt x="3654457" y="3689128"/>
                    <a:pt x="3704178" y="3689128"/>
                  </a:cubicBezTo>
                  <a:cubicBezTo>
                    <a:pt x="3719660" y="3689536"/>
                    <a:pt x="3735112" y="3690744"/>
                    <a:pt x="3750469" y="3692747"/>
                  </a:cubicBezTo>
                  <a:cubicBezTo>
                    <a:pt x="3798094" y="3698272"/>
                    <a:pt x="3853053" y="3704463"/>
                    <a:pt x="3889248" y="3670078"/>
                  </a:cubicBezTo>
                  <a:cubicBezTo>
                    <a:pt x="3921442" y="3639598"/>
                    <a:pt x="3934491" y="3581781"/>
                    <a:pt x="3929158" y="3493484"/>
                  </a:cubicBezTo>
                  <a:cubicBezTo>
                    <a:pt x="3918109" y="3309557"/>
                    <a:pt x="3864007" y="3292126"/>
                    <a:pt x="3820573" y="3278124"/>
                  </a:cubicBezTo>
                  <a:cubicBezTo>
                    <a:pt x="3801523" y="3271838"/>
                    <a:pt x="3782473" y="3265932"/>
                    <a:pt x="3771519" y="3246311"/>
                  </a:cubicBezTo>
                  <a:lnTo>
                    <a:pt x="3764470" y="3234214"/>
                  </a:lnTo>
                  <a:cubicBezTo>
                    <a:pt x="3726370" y="3168301"/>
                    <a:pt x="3663506" y="3058097"/>
                    <a:pt x="3581305" y="3034189"/>
                  </a:cubicBezTo>
                  <a:cubicBezTo>
                    <a:pt x="3557182" y="3026549"/>
                    <a:pt x="3533707" y="3016993"/>
                    <a:pt x="3511106" y="3005614"/>
                  </a:cubicBezTo>
                  <a:cubicBezTo>
                    <a:pt x="3446146" y="2974658"/>
                    <a:pt x="3372612" y="2939701"/>
                    <a:pt x="3263456" y="2983325"/>
                  </a:cubicBezTo>
                  <a:cubicBezTo>
                    <a:pt x="3232213" y="2995898"/>
                    <a:pt x="3206306" y="3006852"/>
                    <a:pt x="3183922" y="3016568"/>
                  </a:cubicBezTo>
                  <a:cubicBezTo>
                    <a:pt x="3100483" y="3052477"/>
                    <a:pt x="3065907" y="3067336"/>
                    <a:pt x="2986183" y="3053715"/>
                  </a:cubicBezTo>
                  <a:cubicBezTo>
                    <a:pt x="2951329" y="3046922"/>
                    <a:pt x="2916863" y="3038274"/>
                    <a:pt x="2882932" y="3027807"/>
                  </a:cubicBezTo>
                  <a:cubicBezTo>
                    <a:pt x="2810542" y="3006947"/>
                    <a:pt x="2735770" y="2985421"/>
                    <a:pt x="2690146" y="3006662"/>
                  </a:cubicBezTo>
                  <a:cubicBezTo>
                    <a:pt x="2630138" y="3034665"/>
                    <a:pt x="2511076" y="3076480"/>
                    <a:pt x="2388203" y="3043047"/>
                  </a:cubicBezTo>
                  <a:cubicBezTo>
                    <a:pt x="2350103" y="3032760"/>
                    <a:pt x="2293525" y="3030188"/>
                    <a:pt x="2233136" y="3027426"/>
                  </a:cubicBezTo>
                  <a:cubicBezTo>
                    <a:pt x="2105977" y="3021711"/>
                    <a:pt x="1947386" y="3014472"/>
                    <a:pt x="1879378" y="2931509"/>
                  </a:cubicBezTo>
                  <a:cubicBezTo>
                    <a:pt x="1789462" y="2819400"/>
                    <a:pt x="1732597" y="2790825"/>
                    <a:pt x="1619441" y="2733675"/>
                  </a:cubicBezTo>
                  <a:lnTo>
                    <a:pt x="1588961" y="2718340"/>
                  </a:lnTo>
                  <a:cubicBezTo>
                    <a:pt x="1544574" y="2695861"/>
                    <a:pt x="1504950" y="2672620"/>
                    <a:pt x="1469898" y="2651665"/>
                  </a:cubicBezTo>
                  <a:cubicBezTo>
                    <a:pt x="1396175" y="2608612"/>
                    <a:pt x="1337977" y="2574608"/>
                    <a:pt x="1272254" y="2564702"/>
                  </a:cubicBezTo>
                  <a:cubicBezTo>
                    <a:pt x="1175671" y="2550128"/>
                    <a:pt x="1003649" y="2486882"/>
                    <a:pt x="931926" y="2406206"/>
                  </a:cubicBezTo>
                  <a:cubicBezTo>
                    <a:pt x="861631" y="2327148"/>
                    <a:pt x="809720" y="2180558"/>
                    <a:pt x="768382" y="1944814"/>
                  </a:cubicBezTo>
                  <a:cubicBezTo>
                    <a:pt x="760571" y="1900523"/>
                    <a:pt x="754380" y="1861661"/>
                    <a:pt x="749332" y="1827276"/>
                  </a:cubicBezTo>
                  <a:cubicBezTo>
                    <a:pt x="725424" y="1677829"/>
                    <a:pt x="714566" y="1609630"/>
                    <a:pt x="646366" y="1530477"/>
                  </a:cubicBezTo>
                  <a:cubicBezTo>
                    <a:pt x="572167" y="1444276"/>
                    <a:pt x="569309" y="1289018"/>
                    <a:pt x="567880" y="1214342"/>
                  </a:cubicBezTo>
                  <a:cubicBezTo>
                    <a:pt x="567880" y="1203198"/>
                    <a:pt x="567880" y="1193578"/>
                    <a:pt x="567214" y="1185767"/>
                  </a:cubicBezTo>
                  <a:lnTo>
                    <a:pt x="567214" y="1178433"/>
                  </a:lnTo>
                  <a:cubicBezTo>
                    <a:pt x="564642" y="1122617"/>
                    <a:pt x="562547" y="1078516"/>
                    <a:pt x="512636" y="1038320"/>
                  </a:cubicBezTo>
                  <a:cubicBezTo>
                    <a:pt x="480200" y="1010976"/>
                    <a:pt x="449798" y="981307"/>
                    <a:pt x="421672" y="949547"/>
                  </a:cubicBezTo>
                  <a:cubicBezTo>
                    <a:pt x="406241" y="932974"/>
                    <a:pt x="390144" y="915734"/>
                    <a:pt x="374047" y="899636"/>
                  </a:cubicBezTo>
                  <a:cubicBezTo>
                    <a:pt x="366236" y="891921"/>
                    <a:pt x="357854" y="884301"/>
                    <a:pt x="349758" y="876776"/>
                  </a:cubicBezTo>
                  <a:cubicBezTo>
                    <a:pt x="309943" y="840010"/>
                    <a:pt x="268605" y="801815"/>
                    <a:pt x="244983" y="732568"/>
                  </a:cubicBezTo>
                  <a:cubicBezTo>
                    <a:pt x="235458" y="703993"/>
                    <a:pt x="229934" y="665417"/>
                    <a:pt x="223933" y="620744"/>
                  </a:cubicBezTo>
                  <a:cubicBezTo>
                    <a:pt x="212598" y="536924"/>
                    <a:pt x="198596" y="432625"/>
                    <a:pt x="145161" y="351663"/>
                  </a:cubicBezTo>
                  <a:cubicBezTo>
                    <a:pt x="106109" y="292513"/>
                    <a:pt x="82486" y="219075"/>
                    <a:pt x="59436" y="148019"/>
                  </a:cubicBezTo>
                  <a:cubicBezTo>
                    <a:pt x="40386" y="93155"/>
                    <a:pt x="23717" y="39719"/>
                    <a:pt x="0" y="0"/>
                  </a:cubicBezTo>
                  <a:lnTo>
                    <a:pt x="5525" y="0"/>
                  </a:lnTo>
                  <a:cubicBezTo>
                    <a:pt x="28289" y="39910"/>
                    <a:pt x="45244" y="92583"/>
                    <a:pt x="62675" y="147542"/>
                  </a:cubicBezTo>
                  <a:cubicBezTo>
                    <a:pt x="85630" y="218218"/>
                    <a:pt x="109442" y="291370"/>
                    <a:pt x="147542" y="35004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6" name="Freeform: Shape 123">
              <a:extLst>
                <a:ext uri="{FF2B5EF4-FFF2-40B4-BE49-F238E27FC236}">
                  <a16:creationId xmlns:a16="http://schemas.microsoft.com/office/drawing/2014/main" id="{B84F07D2-C140-694C-AFAB-79801F34A19B}"/>
                </a:ext>
              </a:extLst>
            </p:cNvPr>
            <p:cNvSpPr/>
            <p:nvPr/>
          </p:nvSpPr>
          <p:spPr>
            <a:xfrm>
              <a:off x="6113087" y="-1669717"/>
              <a:ext cx="4798349" cy="8870370"/>
            </a:xfrm>
            <a:custGeom>
              <a:avLst/>
              <a:gdLst>
                <a:gd name="connsiteX0" fmla="*/ 132779 w 3930109"/>
                <a:gd name="connsiteY0" fmla="*/ 397097 h 7316152"/>
                <a:gd name="connsiteX1" fmla="*/ 266129 w 3930109"/>
                <a:gd name="connsiteY1" fmla="*/ 738854 h 7316152"/>
                <a:gd name="connsiteX2" fmla="*/ 344233 w 3930109"/>
                <a:gd name="connsiteY2" fmla="*/ 826865 h 7316152"/>
                <a:gd name="connsiteX3" fmla="*/ 499586 w 3930109"/>
                <a:gd name="connsiteY3" fmla="*/ 1020890 h 7316152"/>
                <a:gd name="connsiteX4" fmla="*/ 514921 w 3930109"/>
                <a:gd name="connsiteY4" fmla="*/ 1072610 h 7316152"/>
                <a:gd name="connsiteX5" fmla="*/ 622554 w 3930109"/>
                <a:gd name="connsiteY5" fmla="*/ 1464183 h 7316152"/>
                <a:gd name="connsiteX6" fmla="*/ 752570 w 3930109"/>
                <a:gd name="connsiteY6" fmla="*/ 1960436 h 7316152"/>
                <a:gd name="connsiteX7" fmla="*/ 875824 w 3930109"/>
                <a:gd name="connsiteY7" fmla="*/ 2210467 h 7316152"/>
                <a:gd name="connsiteX8" fmla="*/ 924210 w 3930109"/>
                <a:gd name="connsiteY8" fmla="*/ 2251520 h 7316152"/>
                <a:gd name="connsiteX9" fmla="*/ 1003745 w 3930109"/>
                <a:gd name="connsiteY9" fmla="*/ 2308670 h 7316152"/>
                <a:gd name="connsiteX10" fmla="*/ 1050512 w 3930109"/>
                <a:gd name="connsiteY10" fmla="*/ 2299145 h 7316152"/>
                <a:gd name="connsiteX11" fmla="*/ 1208246 w 3930109"/>
                <a:gd name="connsiteY11" fmla="*/ 2333054 h 7316152"/>
                <a:gd name="connsiteX12" fmla="*/ 1411510 w 3930109"/>
                <a:gd name="connsiteY12" fmla="*/ 2510981 h 7316152"/>
                <a:gd name="connsiteX13" fmla="*/ 1565814 w 3930109"/>
                <a:gd name="connsiteY13" fmla="*/ 2646426 h 7316152"/>
                <a:gd name="connsiteX14" fmla="*/ 1810702 w 3930109"/>
                <a:gd name="connsiteY14" fmla="*/ 2837402 h 7316152"/>
                <a:gd name="connsiteX15" fmla="*/ 1921764 w 3930109"/>
                <a:gd name="connsiteY15" fmla="*/ 2855214 h 7316152"/>
                <a:gd name="connsiteX16" fmla="*/ 2147506 w 3930109"/>
                <a:gd name="connsiteY16" fmla="*/ 2910269 h 7316152"/>
                <a:gd name="connsiteX17" fmla="*/ 2456021 w 3930109"/>
                <a:gd name="connsiteY17" fmla="*/ 2956655 h 7316152"/>
                <a:gd name="connsiteX18" fmla="*/ 2490311 w 3930109"/>
                <a:gd name="connsiteY18" fmla="*/ 2952369 h 7316152"/>
                <a:gd name="connsiteX19" fmla="*/ 2838640 w 3930109"/>
                <a:gd name="connsiteY19" fmla="*/ 2928938 h 7316152"/>
                <a:gd name="connsiteX20" fmla="*/ 3055906 w 3930109"/>
                <a:gd name="connsiteY20" fmla="*/ 2888647 h 7316152"/>
                <a:gd name="connsiteX21" fmla="*/ 3059906 w 3930109"/>
                <a:gd name="connsiteY21" fmla="*/ 2886837 h 7316152"/>
                <a:gd name="connsiteX22" fmla="*/ 3457099 w 3930109"/>
                <a:gd name="connsiteY22" fmla="*/ 2876264 h 7316152"/>
                <a:gd name="connsiteX23" fmla="*/ 3756946 w 3930109"/>
                <a:gd name="connsiteY23" fmla="*/ 3179064 h 7316152"/>
                <a:gd name="connsiteX24" fmla="*/ 3930110 w 3930109"/>
                <a:gd name="connsiteY24" fmla="*/ 3553492 h 7316152"/>
                <a:gd name="connsiteX25" fmla="*/ 3847815 w 3930109"/>
                <a:gd name="connsiteY25" fmla="*/ 3875437 h 7316152"/>
                <a:gd name="connsiteX26" fmla="*/ 3535108 w 3930109"/>
                <a:gd name="connsiteY26" fmla="*/ 3905155 h 7316152"/>
                <a:gd name="connsiteX27" fmla="*/ 3271361 w 3930109"/>
                <a:gd name="connsiteY27" fmla="*/ 4022027 h 7316152"/>
                <a:gd name="connsiteX28" fmla="*/ 3214211 w 3930109"/>
                <a:gd name="connsiteY28" fmla="*/ 4055079 h 7316152"/>
                <a:gd name="connsiteX29" fmla="*/ 3118105 w 3930109"/>
                <a:gd name="connsiteY29" fmla="*/ 4113562 h 7316152"/>
                <a:gd name="connsiteX30" fmla="*/ 2772537 w 3930109"/>
                <a:gd name="connsiteY30" fmla="*/ 4503039 h 7316152"/>
                <a:gd name="connsiteX31" fmla="*/ 2403253 w 3930109"/>
                <a:gd name="connsiteY31" fmla="*/ 4926902 h 7316152"/>
                <a:gd name="connsiteX32" fmla="*/ 2199799 w 3930109"/>
                <a:gd name="connsiteY32" fmla="*/ 5165027 h 7316152"/>
                <a:gd name="connsiteX33" fmla="*/ 2042922 w 3930109"/>
                <a:gd name="connsiteY33" fmla="*/ 5352670 h 7316152"/>
                <a:gd name="connsiteX34" fmla="*/ 1859280 w 3930109"/>
                <a:gd name="connsiteY34" fmla="*/ 5662327 h 7316152"/>
                <a:gd name="connsiteX35" fmla="*/ 1856899 w 3930109"/>
                <a:gd name="connsiteY35" fmla="*/ 5674710 h 7316152"/>
                <a:gd name="connsiteX36" fmla="*/ 1836325 w 3930109"/>
                <a:gd name="connsiteY36" fmla="*/ 6240780 h 7316152"/>
                <a:gd name="connsiteX37" fmla="*/ 1884807 w 3930109"/>
                <a:gd name="connsiteY37" fmla="*/ 6406610 h 7316152"/>
                <a:gd name="connsiteX38" fmla="*/ 1941957 w 3930109"/>
                <a:gd name="connsiteY38" fmla="*/ 6568535 h 7316152"/>
                <a:gd name="connsiteX39" fmla="*/ 1990154 w 3930109"/>
                <a:gd name="connsiteY39" fmla="*/ 6632067 h 7316152"/>
                <a:gd name="connsiteX40" fmla="*/ 2063782 w 3930109"/>
                <a:gd name="connsiteY40" fmla="*/ 6758655 h 7316152"/>
                <a:gd name="connsiteX41" fmla="*/ 2160555 w 3930109"/>
                <a:gd name="connsiteY41" fmla="*/ 6994398 h 7316152"/>
                <a:gd name="connsiteX42" fmla="*/ 2181797 w 3930109"/>
                <a:gd name="connsiteY42" fmla="*/ 7022021 h 7316152"/>
                <a:gd name="connsiteX43" fmla="*/ 2388679 w 3930109"/>
                <a:gd name="connsiteY43" fmla="*/ 7316153 h 7316152"/>
                <a:gd name="connsiteX44" fmla="*/ 2383155 w 3930109"/>
                <a:gd name="connsiteY44" fmla="*/ 7316153 h 7316152"/>
                <a:gd name="connsiteX45" fmla="*/ 2178082 w 3930109"/>
                <a:gd name="connsiteY45" fmla="*/ 7024973 h 7316152"/>
                <a:gd name="connsiteX46" fmla="*/ 2156746 w 3930109"/>
                <a:gd name="connsiteY46" fmla="*/ 6997256 h 7316152"/>
                <a:gd name="connsiteX47" fmla="*/ 2059114 w 3930109"/>
                <a:gd name="connsiteY47" fmla="*/ 6759893 h 7316152"/>
                <a:gd name="connsiteX48" fmla="*/ 1986629 w 3930109"/>
                <a:gd name="connsiteY48" fmla="*/ 6635210 h 7316152"/>
                <a:gd name="connsiteX49" fmla="*/ 1937861 w 3930109"/>
                <a:gd name="connsiteY49" fmla="*/ 6570821 h 7316152"/>
                <a:gd name="connsiteX50" fmla="*/ 1880139 w 3930109"/>
                <a:gd name="connsiteY50" fmla="*/ 6407944 h 7316152"/>
                <a:gd name="connsiteX51" fmla="*/ 1831848 w 3930109"/>
                <a:gd name="connsiteY51" fmla="*/ 6242209 h 7316152"/>
                <a:gd name="connsiteX52" fmla="*/ 1852231 w 3930109"/>
                <a:gd name="connsiteY52" fmla="*/ 5673852 h 7316152"/>
                <a:gd name="connsiteX53" fmla="*/ 1854612 w 3930109"/>
                <a:gd name="connsiteY53" fmla="*/ 5661470 h 7316152"/>
                <a:gd name="connsiteX54" fmla="*/ 2039969 w 3930109"/>
                <a:gd name="connsiteY54" fmla="*/ 5349050 h 7316152"/>
                <a:gd name="connsiteX55" fmla="*/ 2195989 w 3930109"/>
                <a:gd name="connsiteY55" fmla="*/ 5162264 h 7316152"/>
                <a:gd name="connsiteX56" fmla="*/ 2400395 w 3930109"/>
                <a:gd name="connsiteY56" fmla="*/ 4922901 h 7316152"/>
                <a:gd name="connsiteX57" fmla="*/ 2768822 w 3930109"/>
                <a:gd name="connsiteY57" fmla="*/ 4499324 h 7316152"/>
                <a:gd name="connsiteX58" fmla="*/ 3115342 w 3930109"/>
                <a:gd name="connsiteY58" fmla="*/ 4108799 h 7316152"/>
                <a:gd name="connsiteX59" fmla="*/ 3212116 w 3930109"/>
                <a:gd name="connsiteY59" fmla="*/ 4049840 h 7316152"/>
                <a:gd name="connsiteX60" fmla="*/ 3268314 w 3930109"/>
                <a:gd name="connsiteY60" fmla="*/ 4017169 h 7316152"/>
                <a:gd name="connsiteX61" fmla="*/ 3533775 w 3930109"/>
                <a:gd name="connsiteY61" fmla="*/ 3899535 h 7316152"/>
                <a:gd name="connsiteX62" fmla="*/ 3847433 w 3930109"/>
                <a:gd name="connsiteY62" fmla="*/ 3869627 h 7316152"/>
                <a:gd name="connsiteX63" fmla="*/ 3925158 w 3930109"/>
                <a:gd name="connsiteY63" fmla="*/ 3552444 h 7316152"/>
                <a:gd name="connsiteX64" fmla="*/ 3753136 w 3930109"/>
                <a:gd name="connsiteY64" fmla="*/ 3180969 h 7316152"/>
                <a:gd name="connsiteX65" fmla="*/ 3453670 w 3930109"/>
                <a:gd name="connsiteY65" fmla="*/ 2878646 h 7316152"/>
                <a:gd name="connsiteX66" fmla="*/ 3061716 w 3930109"/>
                <a:gd name="connsiteY66" fmla="*/ 2890076 h 7316152"/>
                <a:gd name="connsiteX67" fmla="*/ 3057715 w 3930109"/>
                <a:gd name="connsiteY67" fmla="*/ 2891790 h 7316152"/>
                <a:gd name="connsiteX68" fmla="*/ 2837402 w 3930109"/>
                <a:gd name="connsiteY68" fmla="*/ 2932462 h 7316152"/>
                <a:gd name="connsiteX69" fmla="*/ 2490692 w 3930109"/>
                <a:gd name="connsiteY69" fmla="*/ 2955989 h 7316152"/>
                <a:gd name="connsiteX70" fmla="*/ 2456402 w 3930109"/>
                <a:gd name="connsiteY70" fmla="*/ 2960180 h 7316152"/>
                <a:gd name="connsiteX71" fmla="*/ 2144363 w 3930109"/>
                <a:gd name="connsiteY71" fmla="*/ 2912555 h 7316152"/>
                <a:gd name="connsiteX72" fmla="*/ 1921002 w 3930109"/>
                <a:gd name="connsiteY72" fmla="*/ 2858453 h 7316152"/>
                <a:gd name="connsiteX73" fmla="*/ 1809083 w 3930109"/>
                <a:gd name="connsiteY73" fmla="*/ 2840546 h 7316152"/>
                <a:gd name="connsiteX74" fmla="*/ 1562005 w 3930109"/>
                <a:gd name="connsiteY74" fmla="*/ 2647950 h 7316152"/>
                <a:gd name="connsiteX75" fmla="*/ 1408366 w 3930109"/>
                <a:gd name="connsiteY75" fmla="*/ 2513267 h 7316152"/>
                <a:gd name="connsiteX76" fmla="*/ 1204627 w 3930109"/>
                <a:gd name="connsiteY76" fmla="*/ 2334863 h 7316152"/>
                <a:gd name="connsiteX77" fmla="*/ 1052227 w 3930109"/>
                <a:gd name="connsiteY77" fmla="*/ 2302288 h 7316152"/>
                <a:gd name="connsiteX78" fmla="*/ 1003268 w 3930109"/>
                <a:gd name="connsiteY78" fmla="*/ 2311813 h 7316152"/>
                <a:gd name="connsiteX79" fmla="*/ 920972 w 3930109"/>
                <a:gd name="connsiteY79" fmla="*/ 2253806 h 7316152"/>
                <a:gd name="connsiteX80" fmla="*/ 873347 w 3930109"/>
                <a:gd name="connsiteY80" fmla="*/ 2213610 h 7316152"/>
                <a:gd name="connsiteX81" fmla="*/ 747713 w 3930109"/>
                <a:gd name="connsiteY81" fmla="*/ 1960721 h 7316152"/>
                <a:gd name="connsiteX82" fmla="*/ 617505 w 3930109"/>
                <a:gd name="connsiteY82" fmla="*/ 1464088 h 7316152"/>
                <a:gd name="connsiteX83" fmla="*/ 509968 w 3930109"/>
                <a:gd name="connsiteY83" fmla="*/ 1072801 h 7316152"/>
                <a:gd name="connsiteX84" fmla="*/ 494633 w 3930109"/>
                <a:gd name="connsiteY84" fmla="*/ 1020985 h 7316152"/>
                <a:gd name="connsiteX85" fmla="*/ 340328 w 3930109"/>
                <a:gd name="connsiteY85" fmla="*/ 828961 h 7316152"/>
                <a:gd name="connsiteX86" fmla="*/ 261842 w 3930109"/>
                <a:gd name="connsiteY86" fmla="*/ 740474 h 7316152"/>
                <a:gd name="connsiteX87" fmla="*/ 128492 w 3930109"/>
                <a:gd name="connsiteY87" fmla="*/ 397574 h 7316152"/>
                <a:gd name="connsiteX88" fmla="*/ 74676 w 3930109"/>
                <a:gd name="connsiteY88" fmla="*/ 250031 h 7316152"/>
                <a:gd name="connsiteX89" fmla="*/ 0 w 3930109"/>
                <a:gd name="connsiteY89" fmla="*/ 0 h 7316152"/>
                <a:gd name="connsiteX90" fmla="*/ 4953 w 3930109"/>
                <a:gd name="connsiteY90" fmla="*/ 0 h 7316152"/>
                <a:gd name="connsiteX91" fmla="*/ 79057 w 3930109"/>
                <a:gd name="connsiteY91" fmla="*/ 248126 h 7316152"/>
                <a:gd name="connsiteX92" fmla="*/ 132779 w 3930109"/>
                <a:gd name="connsiteY92" fmla="*/ 397097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930109" h="7316152">
                  <a:moveTo>
                    <a:pt x="132779" y="397097"/>
                  </a:moveTo>
                  <a:cubicBezTo>
                    <a:pt x="178403" y="526733"/>
                    <a:pt x="240792" y="704279"/>
                    <a:pt x="266129" y="738854"/>
                  </a:cubicBezTo>
                  <a:cubicBezTo>
                    <a:pt x="279463" y="757333"/>
                    <a:pt x="309467" y="789527"/>
                    <a:pt x="344233" y="826865"/>
                  </a:cubicBezTo>
                  <a:cubicBezTo>
                    <a:pt x="408337" y="895731"/>
                    <a:pt x="488252" y="981456"/>
                    <a:pt x="499586" y="1020890"/>
                  </a:cubicBezTo>
                  <a:cubicBezTo>
                    <a:pt x="502920" y="1032510"/>
                    <a:pt x="508254" y="1050322"/>
                    <a:pt x="514921" y="1072610"/>
                  </a:cubicBezTo>
                  <a:cubicBezTo>
                    <a:pt x="542068" y="1163288"/>
                    <a:pt x="592645" y="1332167"/>
                    <a:pt x="622554" y="1464183"/>
                  </a:cubicBezTo>
                  <a:cubicBezTo>
                    <a:pt x="656368" y="1613249"/>
                    <a:pt x="698754" y="1798796"/>
                    <a:pt x="752570" y="1960436"/>
                  </a:cubicBezTo>
                  <a:cubicBezTo>
                    <a:pt x="807625" y="2124266"/>
                    <a:pt x="842105" y="2194370"/>
                    <a:pt x="875824" y="2210467"/>
                  </a:cubicBezTo>
                  <a:cubicBezTo>
                    <a:pt x="890683" y="2217515"/>
                    <a:pt x="906970" y="2234089"/>
                    <a:pt x="924210" y="2251520"/>
                  </a:cubicBezTo>
                  <a:cubicBezTo>
                    <a:pt x="948785" y="2276380"/>
                    <a:pt x="976503" y="2304574"/>
                    <a:pt x="1003745" y="2308670"/>
                  </a:cubicBezTo>
                  <a:cubicBezTo>
                    <a:pt x="1017270" y="2310575"/>
                    <a:pt x="1032320" y="2305241"/>
                    <a:pt x="1050512" y="2299145"/>
                  </a:cubicBezTo>
                  <a:cubicBezTo>
                    <a:pt x="1092708" y="2284476"/>
                    <a:pt x="1145095" y="2266283"/>
                    <a:pt x="1208246" y="2333054"/>
                  </a:cubicBezTo>
                  <a:cubicBezTo>
                    <a:pt x="1254252" y="2381726"/>
                    <a:pt x="1337786" y="2450402"/>
                    <a:pt x="1411510" y="2510981"/>
                  </a:cubicBezTo>
                  <a:cubicBezTo>
                    <a:pt x="1482471" y="2569274"/>
                    <a:pt x="1543717" y="2619661"/>
                    <a:pt x="1565814" y="2646426"/>
                  </a:cubicBezTo>
                  <a:cubicBezTo>
                    <a:pt x="1610677" y="2700719"/>
                    <a:pt x="1741932" y="2816066"/>
                    <a:pt x="1810702" y="2837402"/>
                  </a:cubicBezTo>
                  <a:cubicBezTo>
                    <a:pt x="1834896" y="2844927"/>
                    <a:pt x="1875091" y="2849690"/>
                    <a:pt x="1921764" y="2855214"/>
                  </a:cubicBezTo>
                  <a:cubicBezTo>
                    <a:pt x="2007489" y="2865311"/>
                    <a:pt x="2104549" y="2876836"/>
                    <a:pt x="2147506" y="2910269"/>
                  </a:cubicBezTo>
                  <a:cubicBezTo>
                    <a:pt x="2210943" y="2959608"/>
                    <a:pt x="2396299" y="2963513"/>
                    <a:pt x="2456021" y="2956655"/>
                  </a:cubicBezTo>
                  <a:lnTo>
                    <a:pt x="2490311" y="2952369"/>
                  </a:lnTo>
                  <a:cubicBezTo>
                    <a:pt x="2584037" y="2940653"/>
                    <a:pt x="2779204" y="2916079"/>
                    <a:pt x="2838640" y="2928938"/>
                  </a:cubicBezTo>
                  <a:cubicBezTo>
                    <a:pt x="2917984" y="2946178"/>
                    <a:pt x="3025045" y="2902458"/>
                    <a:pt x="3055906" y="2888647"/>
                  </a:cubicBezTo>
                  <a:lnTo>
                    <a:pt x="3059906" y="2886837"/>
                  </a:lnTo>
                  <a:cubicBezTo>
                    <a:pt x="3243643" y="2804446"/>
                    <a:pt x="3377279" y="2801112"/>
                    <a:pt x="3457099" y="2876264"/>
                  </a:cubicBezTo>
                  <a:cubicBezTo>
                    <a:pt x="3568350" y="2981039"/>
                    <a:pt x="3704177" y="3115532"/>
                    <a:pt x="3756946" y="3179064"/>
                  </a:cubicBezTo>
                  <a:cubicBezTo>
                    <a:pt x="3801333" y="3232404"/>
                    <a:pt x="3930110" y="3428143"/>
                    <a:pt x="3930110" y="3553492"/>
                  </a:cubicBezTo>
                  <a:cubicBezTo>
                    <a:pt x="3930110" y="3653314"/>
                    <a:pt x="3909441" y="3873056"/>
                    <a:pt x="3847815" y="3875437"/>
                  </a:cubicBezTo>
                  <a:cubicBezTo>
                    <a:pt x="3794094" y="3877532"/>
                    <a:pt x="3612737" y="3885914"/>
                    <a:pt x="3535108" y="3905155"/>
                  </a:cubicBezTo>
                  <a:cubicBezTo>
                    <a:pt x="3459671" y="3924205"/>
                    <a:pt x="3307271" y="3995261"/>
                    <a:pt x="3271361" y="4022027"/>
                  </a:cubicBezTo>
                  <a:cubicBezTo>
                    <a:pt x="3253128" y="4034398"/>
                    <a:pt x="3234028" y="4045444"/>
                    <a:pt x="3214211" y="4055079"/>
                  </a:cubicBezTo>
                  <a:cubicBezTo>
                    <a:pt x="3180453" y="4071591"/>
                    <a:pt x="3148283" y="4091167"/>
                    <a:pt x="3118105" y="4113562"/>
                  </a:cubicBezTo>
                  <a:cubicBezTo>
                    <a:pt x="3063050" y="4156710"/>
                    <a:pt x="2868168" y="4379119"/>
                    <a:pt x="2772537" y="4503039"/>
                  </a:cubicBezTo>
                  <a:cubicBezTo>
                    <a:pt x="2592705" y="4735068"/>
                    <a:pt x="2468499" y="4877943"/>
                    <a:pt x="2403253" y="4926902"/>
                  </a:cubicBezTo>
                  <a:cubicBezTo>
                    <a:pt x="2355628" y="4962335"/>
                    <a:pt x="2276380" y="5065491"/>
                    <a:pt x="2199799" y="5165027"/>
                  </a:cubicBezTo>
                  <a:cubicBezTo>
                    <a:pt x="2135791" y="5248371"/>
                    <a:pt x="2075402" y="5326952"/>
                    <a:pt x="2042922" y="5352670"/>
                  </a:cubicBezTo>
                  <a:cubicBezTo>
                    <a:pt x="1972437" y="5408391"/>
                    <a:pt x="1874901" y="5582031"/>
                    <a:pt x="1859280" y="5662327"/>
                  </a:cubicBezTo>
                  <a:lnTo>
                    <a:pt x="1856899" y="5674710"/>
                  </a:lnTo>
                  <a:cubicBezTo>
                    <a:pt x="1837849" y="5770626"/>
                    <a:pt x="1780699" y="6062377"/>
                    <a:pt x="1836325" y="6240780"/>
                  </a:cubicBezTo>
                  <a:cubicBezTo>
                    <a:pt x="1857947" y="6309741"/>
                    <a:pt x="1872806" y="6363462"/>
                    <a:pt x="1884807" y="6406610"/>
                  </a:cubicBezTo>
                  <a:cubicBezTo>
                    <a:pt x="1905286" y="6480811"/>
                    <a:pt x="1917763" y="6525578"/>
                    <a:pt x="1941957" y="6568535"/>
                  </a:cubicBezTo>
                  <a:cubicBezTo>
                    <a:pt x="1955681" y="6591392"/>
                    <a:pt x="1971840" y="6612693"/>
                    <a:pt x="1990154" y="6632067"/>
                  </a:cubicBezTo>
                  <a:cubicBezTo>
                    <a:pt x="2018729" y="6663881"/>
                    <a:pt x="2047304" y="6696742"/>
                    <a:pt x="2063782" y="6758655"/>
                  </a:cubicBezTo>
                  <a:cubicBezTo>
                    <a:pt x="2092357" y="6866478"/>
                    <a:pt x="2125504" y="6947916"/>
                    <a:pt x="2160555" y="6994398"/>
                  </a:cubicBezTo>
                  <a:lnTo>
                    <a:pt x="2181797" y="7022021"/>
                  </a:lnTo>
                  <a:cubicBezTo>
                    <a:pt x="2234756" y="7090791"/>
                    <a:pt x="2337339" y="7223951"/>
                    <a:pt x="2388679" y="7316153"/>
                  </a:cubicBezTo>
                  <a:lnTo>
                    <a:pt x="2383155" y="7316153"/>
                  </a:lnTo>
                  <a:cubicBezTo>
                    <a:pt x="2330768" y="7223284"/>
                    <a:pt x="2226469" y="7087553"/>
                    <a:pt x="2178082" y="7024973"/>
                  </a:cubicBezTo>
                  <a:cubicBezTo>
                    <a:pt x="2169128" y="7013448"/>
                    <a:pt x="2161889" y="7004019"/>
                    <a:pt x="2156746" y="6997256"/>
                  </a:cubicBezTo>
                  <a:cubicBezTo>
                    <a:pt x="2121408" y="6950298"/>
                    <a:pt x="2087594" y="6868287"/>
                    <a:pt x="2059114" y="6759893"/>
                  </a:cubicBezTo>
                  <a:cubicBezTo>
                    <a:pt x="2043208" y="6699123"/>
                    <a:pt x="2014442" y="6666643"/>
                    <a:pt x="1986629" y="6635210"/>
                  </a:cubicBezTo>
                  <a:cubicBezTo>
                    <a:pt x="1968087" y="6615578"/>
                    <a:pt x="1951736" y="6593989"/>
                    <a:pt x="1937861" y="6570821"/>
                  </a:cubicBezTo>
                  <a:cubicBezTo>
                    <a:pt x="1913287" y="6527483"/>
                    <a:pt x="1900809" y="6482525"/>
                    <a:pt x="1880139" y="6407944"/>
                  </a:cubicBezTo>
                  <a:cubicBezTo>
                    <a:pt x="1868233" y="6364891"/>
                    <a:pt x="1853374" y="6311265"/>
                    <a:pt x="1831848" y="6242209"/>
                  </a:cubicBezTo>
                  <a:cubicBezTo>
                    <a:pt x="1775650" y="6062663"/>
                    <a:pt x="1833277" y="5770054"/>
                    <a:pt x="1852231" y="5673852"/>
                  </a:cubicBezTo>
                  <a:lnTo>
                    <a:pt x="1854612" y="5661470"/>
                  </a:lnTo>
                  <a:cubicBezTo>
                    <a:pt x="1870329" y="5580507"/>
                    <a:pt x="1968912" y="5405247"/>
                    <a:pt x="2039969" y="5349050"/>
                  </a:cubicBezTo>
                  <a:cubicBezTo>
                    <a:pt x="2071973" y="5323713"/>
                    <a:pt x="2132171" y="5245323"/>
                    <a:pt x="2195989" y="5162264"/>
                  </a:cubicBezTo>
                  <a:cubicBezTo>
                    <a:pt x="2272760" y="5062157"/>
                    <a:pt x="2352199" y="4958715"/>
                    <a:pt x="2400395" y="4922901"/>
                  </a:cubicBezTo>
                  <a:cubicBezTo>
                    <a:pt x="2465261" y="4874514"/>
                    <a:pt x="2589276" y="4732401"/>
                    <a:pt x="2768822" y="4499324"/>
                  </a:cubicBezTo>
                  <a:cubicBezTo>
                    <a:pt x="2864644" y="4375499"/>
                    <a:pt x="3060001" y="4152329"/>
                    <a:pt x="3115342" y="4108799"/>
                  </a:cubicBezTo>
                  <a:cubicBezTo>
                    <a:pt x="3145697" y="4086180"/>
                    <a:pt x="3178095" y="4066441"/>
                    <a:pt x="3212116" y="4049840"/>
                  </a:cubicBezTo>
                  <a:cubicBezTo>
                    <a:pt x="3231616" y="4040326"/>
                    <a:pt x="3250398" y="4029407"/>
                    <a:pt x="3268314" y="4017169"/>
                  </a:cubicBezTo>
                  <a:cubicBezTo>
                    <a:pt x="3304508" y="3990118"/>
                    <a:pt x="3457861" y="3918395"/>
                    <a:pt x="3533775" y="3899535"/>
                  </a:cubicBezTo>
                  <a:cubicBezTo>
                    <a:pt x="3611880" y="3880485"/>
                    <a:pt x="3793521" y="3871722"/>
                    <a:pt x="3847433" y="3869627"/>
                  </a:cubicBezTo>
                  <a:cubicBezTo>
                    <a:pt x="3897440" y="3867626"/>
                    <a:pt x="3925158" y="3680841"/>
                    <a:pt x="3925158" y="3552444"/>
                  </a:cubicBezTo>
                  <a:cubicBezTo>
                    <a:pt x="3925158" y="3428619"/>
                    <a:pt x="3797236" y="3234119"/>
                    <a:pt x="3753136" y="3180969"/>
                  </a:cubicBezTo>
                  <a:cubicBezTo>
                    <a:pt x="3700462" y="3117628"/>
                    <a:pt x="3564731" y="2983421"/>
                    <a:pt x="3453670" y="2878646"/>
                  </a:cubicBezTo>
                  <a:cubicBezTo>
                    <a:pt x="3375374" y="2804636"/>
                    <a:pt x="3243453" y="2808542"/>
                    <a:pt x="3061716" y="2890076"/>
                  </a:cubicBezTo>
                  <a:lnTo>
                    <a:pt x="3057715" y="2891790"/>
                  </a:lnTo>
                  <a:cubicBezTo>
                    <a:pt x="3026473" y="2905792"/>
                    <a:pt x="2918174" y="2950083"/>
                    <a:pt x="2837402" y="2932462"/>
                  </a:cubicBezTo>
                  <a:cubicBezTo>
                    <a:pt x="2778824" y="2919698"/>
                    <a:pt x="2576893" y="2945130"/>
                    <a:pt x="2490692" y="2955989"/>
                  </a:cubicBezTo>
                  <a:cubicBezTo>
                    <a:pt x="2476024" y="2957798"/>
                    <a:pt x="2464213" y="2959322"/>
                    <a:pt x="2456402" y="2960180"/>
                  </a:cubicBezTo>
                  <a:cubicBezTo>
                    <a:pt x="2410015" y="2965514"/>
                    <a:pt x="2214277" y="2967228"/>
                    <a:pt x="2144363" y="2912555"/>
                  </a:cubicBezTo>
                  <a:cubicBezTo>
                    <a:pt x="2102453" y="2879979"/>
                    <a:pt x="2001488" y="2868073"/>
                    <a:pt x="1921002" y="2858453"/>
                  </a:cubicBezTo>
                  <a:cubicBezTo>
                    <a:pt x="1874139" y="2852928"/>
                    <a:pt x="1833658" y="2848166"/>
                    <a:pt x="1809083" y="2840546"/>
                  </a:cubicBezTo>
                  <a:cubicBezTo>
                    <a:pt x="1739456" y="2818924"/>
                    <a:pt x="1607153" y="2702719"/>
                    <a:pt x="1562005" y="2647950"/>
                  </a:cubicBezTo>
                  <a:cubicBezTo>
                    <a:pt x="1540193" y="2621566"/>
                    <a:pt x="1476280" y="2568988"/>
                    <a:pt x="1408366" y="2513267"/>
                  </a:cubicBezTo>
                  <a:cubicBezTo>
                    <a:pt x="1334452" y="2452497"/>
                    <a:pt x="1250823" y="2383727"/>
                    <a:pt x="1204627" y="2334863"/>
                  </a:cubicBezTo>
                  <a:cubicBezTo>
                    <a:pt x="1143572" y="2270379"/>
                    <a:pt x="1092708" y="2288000"/>
                    <a:pt x="1052227" y="2302288"/>
                  </a:cubicBezTo>
                  <a:cubicBezTo>
                    <a:pt x="1033843" y="2308670"/>
                    <a:pt x="1017937" y="2314194"/>
                    <a:pt x="1003268" y="2311813"/>
                  </a:cubicBezTo>
                  <a:cubicBezTo>
                    <a:pt x="974693" y="2307908"/>
                    <a:pt x="946118" y="2279142"/>
                    <a:pt x="920972" y="2253806"/>
                  </a:cubicBezTo>
                  <a:cubicBezTo>
                    <a:pt x="904018" y="2236565"/>
                    <a:pt x="887920" y="2220278"/>
                    <a:pt x="873347" y="2213610"/>
                  </a:cubicBezTo>
                  <a:cubicBezTo>
                    <a:pt x="838390" y="2196941"/>
                    <a:pt x="803148" y="2126075"/>
                    <a:pt x="747713" y="1960721"/>
                  </a:cubicBezTo>
                  <a:cubicBezTo>
                    <a:pt x="693420" y="1798796"/>
                    <a:pt x="651320" y="1613249"/>
                    <a:pt x="617505" y="1464088"/>
                  </a:cubicBezTo>
                  <a:cubicBezTo>
                    <a:pt x="587597" y="1332167"/>
                    <a:pt x="537114" y="1163479"/>
                    <a:pt x="509968" y="1072801"/>
                  </a:cubicBezTo>
                  <a:cubicBezTo>
                    <a:pt x="503301" y="1050512"/>
                    <a:pt x="497967" y="1032701"/>
                    <a:pt x="494633" y="1020985"/>
                  </a:cubicBezTo>
                  <a:cubicBezTo>
                    <a:pt x="483584" y="982885"/>
                    <a:pt x="404146" y="897160"/>
                    <a:pt x="340328" y="828961"/>
                  </a:cubicBezTo>
                  <a:cubicBezTo>
                    <a:pt x="305467" y="791528"/>
                    <a:pt x="275368" y="759238"/>
                    <a:pt x="261842" y="740474"/>
                  </a:cubicBezTo>
                  <a:cubicBezTo>
                    <a:pt x="236315" y="705326"/>
                    <a:pt x="176117" y="534638"/>
                    <a:pt x="128492" y="397574"/>
                  </a:cubicBezTo>
                  <a:cubicBezTo>
                    <a:pt x="104299" y="328993"/>
                    <a:pt x="83534" y="269748"/>
                    <a:pt x="74676" y="250031"/>
                  </a:cubicBezTo>
                  <a:cubicBezTo>
                    <a:pt x="56292" y="208979"/>
                    <a:pt x="19431" y="73628"/>
                    <a:pt x="0" y="0"/>
                  </a:cubicBezTo>
                  <a:lnTo>
                    <a:pt x="4953" y="0"/>
                  </a:lnTo>
                  <a:cubicBezTo>
                    <a:pt x="24003" y="73724"/>
                    <a:pt x="60864" y="207550"/>
                    <a:pt x="79057" y="248126"/>
                  </a:cubicBezTo>
                  <a:cubicBezTo>
                    <a:pt x="87725" y="269177"/>
                    <a:pt x="108585" y="328422"/>
                    <a:pt x="132779" y="39709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Freeform: Shape 124">
              <a:extLst>
                <a:ext uri="{FF2B5EF4-FFF2-40B4-BE49-F238E27FC236}">
                  <a16:creationId xmlns:a16="http://schemas.microsoft.com/office/drawing/2014/main" id="{3C7D504F-5BFD-F044-91BF-19AE99DDC6A1}"/>
                </a:ext>
              </a:extLst>
            </p:cNvPr>
            <p:cNvSpPr/>
            <p:nvPr/>
          </p:nvSpPr>
          <p:spPr>
            <a:xfrm>
              <a:off x="6401958" y="-1668332"/>
              <a:ext cx="5018571" cy="8868868"/>
            </a:xfrm>
            <a:custGeom>
              <a:avLst/>
              <a:gdLst>
                <a:gd name="connsiteX0" fmla="*/ 93631 w 4110483"/>
                <a:gd name="connsiteY0" fmla="*/ 246507 h 7314913"/>
                <a:gd name="connsiteX1" fmla="*/ 192214 w 4110483"/>
                <a:gd name="connsiteY1" fmla="*/ 488918 h 7314913"/>
                <a:gd name="connsiteX2" fmla="*/ 354139 w 4110483"/>
                <a:gd name="connsiteY2" fmla="*/ 709517 h 7314913"/>
                <a:gd name="connsiteX3" fmla="*/ 468059 w 4110483"/>
                <a:gd name="connsiteY3" fmla="*/ 904875 h 7314913"/>
                <a:gd name="connsiteX4" fmla="*/ 476821 w 4110483"/>
                <a:gd name="connsiteY4" fmla="*/ 938784 h 7314913"/>
                <a:gd name="connsiteX5" fmla="*/ 532543 w 4110483"/>
                <a:gd name="connsiteY5" fmla="*/ 1106710 h 7314913"/>
                <a:gd name="connsiteX6" fmla="*/ 584454 w 4110483"/>
                <a:gd name="connsiteY6" fmla="*/ 1258348 h 7314913"/>
                <a:gd name="connsiteX7" fmla="*/ 862965 w 4110483"/>
                <a:gd name="connsiteY7" fmla="*/ 1783842 h 7314913"/>
                <a:gd name="connsiteX8" fmla="*/ 1073277 w 4110483"/>
                <a:gd name="connsiteY8" fmla="*/ 1950720 h 7314913"/>
                <a:gd name="connsiteX9" fmla="*/ 1152620 w 4110483"/>
                <a:gd name="connsiteY9" fmla="*/ 1983581 h 7314913"/>
                <a:gd name="connsiteX10" fmla="*/ 1297020 w 4110483"/>
                <a:gd name="connsiteY10" fmla="*/ 2162747 h 7314913"/>
                <a:gd name="connsiteX11" fmla="*/ 1347788 w 4110483"/>
                <a:gd name="connsiteY11" fmla="*/ 2250662 h 7314913"/>
                <a:gd name="connsiteX12" fmla="*/ 1483995 w 4110483"/>
                <a:gd name="connsiteY12" fmla="*/ 2362772 h 7314913"/>
                <a:gd name="connsiteX13" fmla="*/ 1592104 w 4110483"/>
                <a:gd name="connsiteY13" fmla="*/ 2437829 h 7314913"/>
                <a:gd name="connsiteX14" fmla="*/ 2045780 w 4110483"/>
                <a:gd name="connsiteY14" fmla="*/ 2695004 h 7314913"/>
                <a:gd name="connsiteX15" fmla="*/ 2583942 w 4110483"/>
                <a:gd name="connsiteY15" fmla="*/ 2720435 h 7314913"/>
                <a:gd name="connsiteX16" fmla="*/ 2745867 w 4110483"/>
                <a:gd name="connsiteY16" fmla="*/ 2672810 h 7314913"/>
                <a:gd name="connsiteX17" fmla="*/ 3002376 w 4110483"/>
                <a:gd name="connsiteY17" fmla="*/ 2622709 h 7314913"/>
                <a:gd name="connsiteX18" fmla="*/ 3214402 w 4110483"/>
                <a:gd name="connsiteY18" fmla="*/ 2608803 h 7314913"/>
                <a:gd name="connsiteX19" fmla="*/ 3315272 w 4110483"/>
                <a:gd name="connsiteY19" fmla="*/ 2594896 h 7314913"/>
                <a:gd name="connsiteX20" fmla="*/ 3413475 w 4110483"/>
                <a:gd name="connsiteY20" fmla="*/ 2663476 h 7314913"/>
                <a:gd name="connsiteX21" fmla="*/ 3500438 w 4110483"/>
                <a:gd name="connsiteY21" fmla="*/ 2733580 h 7314913"/>
                <a:gd name="connsiteX22" fmla="*/ 3627215 w 4110483"/>
                <a:gd name="connsiteY22" fmla="*/ 2843784 h 7314913"/>
                <a:gd name="connsiteX23" fmla="*/ 3692747 w 4110483"/>
                <a:gd name="connsiteY23" fmla="*/ 2915222 h 7314913"/>
                <a:gd name="connsiteX24" fmla="*/ 3785141 w 4110483"/>
                <a:gd name="connsiteY24" fmla="*/ 3050667 h 7314913"/>
                <a:gd name="connsiteX25" fmla="*/ 3889916 w 4110483"/>
                <a:gd name="connsiteY25" fmla="*/ 3200686 h 7314913"/>
                <a:gd name="connsiteX26" fmla="*/ 3983546 w 4110483"/>
                <a:gd name="connsiteY26" fmla="*/ 3821240 h 7314913"/>
                <a:gd name="connsiteX27" fmla="*/ 3983546 w 4110483"/>
                <a:gd name="connsiteY27" fmla="*/ 3830765 h 7314913"/>
                <a:gd name="connsiteX28" fmla="*/ 4077939 w 4110483"/>
                <a:gd name="connsiteY28" fmla="*/ 4060793 h 7314913"/>
                <a:gd name="connsiteX29" fmla="*/ 4098989 w 4110483"/>
                <a:gd name="connsiteY29" fmla="*/ 4091559 h 7314913"/>
                <a:gd name="connsiteX30" fmla="*/ 4108514 w 4110483"/>
                <a:gd name="connsiteY30" fmla="*/ 4132231 h 7314913"/>
                <a:gd name="connsiteX31" fmla="*/ 4009644 w 4110483"/>
                <a:gd name="connsiteY31" fmla="*/ 4176998 h 7314913"/>
                <a:gd name="connsiteX32" fmla="*/ 3903631 w 4110483"/>
                <a:gd name="connsiteY32" fmla="*/ 4210050 h 7314913"/>
                <a:gd name="connsiteX33" fmla="*/ 3479292 w 4110483"/>
                <a:gd name="connsiteY33" fmla="*/ 4214717 h 7314913"/>
                <a:gd name="connsiteX34" fmla="*/ 3087053 w 4110483"/>
                <a:gd name="connsiteY34" fmla="*/ 4349687 h 7314913"/>
                <a:gd name="connsiteX35" fmla="*/ 2981040 w 4110483"/>
                <a:gd name="connsiteY35" fmla="*/ 4414266 h 7314913"/>
                <a:gd name="connsiteX36" fmla="*/ 2736246 w 4110483"/>
                <a:gd name="connsiteY36" fmla="*/ 4845368 h 7314913"/>
                <a:gd name="connsiteX37" fmla="*/ 2674239 w 4110483"/>
                <a:gd name="connsiteY37" fmla="*/ 4991672 h 7314913"/>
                <a:gd name="connsiteX38" fmla="*/ 2290858 w 4110483"/>
                <a:gd name="connsiteY38" fmla="*/ 5349240 h 7314913"/>
                <a:gd name="connsiteX39" fmla="*/ 1914049 w 4110483"/>
                <a:gd name="connsiteY39" fmla="*/ 5701665 h 7314913"/>
                <a:gd name="connsiteX40" fmla="*/ 1902619 w 4110483"/>
                <a:gd name="connsiteY40" fmla="*/ 5770340 h 7314913"/>
                <a:gd name="connsiteX41" fmla="*/ 1858042 w 4110483"/>
                <a:gd name="connsiteY41" fmla="*/ 5977128 h 7314913"/>
                <a:gd name="connsiteX42" fmla="*/ 1892142 w 4110483"/>
                <a:gd name="connsiteY42" fmla="*/ 6561011 h 7314913"/>
                <a:gd name="connsiteX43" fmla="*/ 2013299 w 4110483"/>
                <a:gd name="connsiteY43" fmla="*/ 6764941 h 7314913"/>
                <a:gd name="connsiteX44" fmla="*/ 2052161 w 4110483"/>
                <a:gd name="connsiteY44" fmla="*/ 6841141 h 7314913"/>
                <a:gd name="connsiteX45" fmla="*/ 2230279 w 4110483"/>
                <a:gd name="connsiteY45" fmla="*/ 7027069 h 7314913"/>
                <a:gd name="connsiteX46" fmla="*/ 2301621 w 4110483"/>
                <a:gd name="connsiteY46" fmla="*/ 7140607 h 7314913"/>
                <a:gd name="connsiteX47" fmla="*/ 2382965 w 4110483"/>
                <a:gd name="connsiteY47" fmla="*/ 7314914 h 7314913"/>
                <a:gd name="connsiteX48" fmla="*/ 2376964 w 4110483"/>
                <a:gd name="connsiteY48" fmla="*/ 7314914 h 7314913"/>
                <a:gd name="connsiteX49" fmla="*/ 2297049 w 4110483"/>
                <a:gd name="connsiteY49" fmla="*/ 7141940 h 7314913"/>
                <a:gd name="connsiteX50" fmla="*/ 2228089 w 4110483"/>
                <a:gd name="connsiteY50" fmla="*/ 7031355 h 7314913"/>
                <a:gd name="connsiteX51" fmla="*/ 2047970 w 4110483"/>
                <a:gd name="connsiteY51" fmla="*/ 6843332 h 7314913"/>
                <a:gd name="connsiteX52" fmla="*/ 2009108 w 4110483"/>
                <a:gd name="connsiteY52" fmla="*/ 6767132 h 7314913"/>
                <a:gd name="connsiteX53" fmla="*/ 1888427 w 4110483"/>
                <a:gd name="connsiteY53" fmla="*/ 6564059 h 7314913"/>
                <a:gd name="connsiteX54" fmla="*/ 1853851 w 4110483"/>
                <a:gd name="connsiteY54" fmla="*/ 5975033 h 7314913"/>
                <a:gd name="connsiteX55" fmla="*/ 1897952 w 4110483"/>
                <a:gd name="connsiteY55" fmla="*/ 5769578 h 7314913"/>
                <a:gd name="connsiteX56" fmla="*/ 1909382 w 4110483"/>
                <a:gd name="connsiteY56" fmla="*/ 5700808 h 7314913"/>
                <a:gd name="connsiteX57" fmla="*/ 2289810 w 4110483"/>
                <a:gd name="connsiteY57" fmla="*/ 5344192 h 7314913"/>
                <a:gd name="connsiteX58" fmla="*/ 2670048 w 4110483"/>
                <a:gd name="connsiteY58" fmla="*/ 4989005 h 7314913"/>
                <a:gd name="connsiteX59" fmla="*/ 2731770 w 4110483"/>
                <a:gd name="connsiteY59" fmla="*/ 4843177 h 7314913"/>
                <a:gd name="connsiteX60" fmla="*/ 2978849 w 4110483"/>
                <a:gd name="connsiteY60" fmla="*/ 4409504 h 7314913"/>
                <a:gd name="connsiteX61" fmla="*/ 3084481 w 4110483"/>
                <a:gd name="connsiteY61" fmla="*/ 4345305 h 7314913"/>
                <a:gd name="connsiteX62" fmla="*/ 3480055 w 4110483"/>
                <a:gd name="connsiteY62" fmla="*/ 4209574 h 7314913"/>
                <a:gd name="connsiteX63" fmla="*/ 3901631 w 4110483"/>
                <a:gd name="connsiteY63" fmla="*/ 4205288 h 7314913"/>
                <a:gd name="connsiteX64" fmla="*/ 4008787 w 4110483"/>
                <a:gd name="connsiteY64" fmla="*/ 4172141 h 7314913"/>
                <a:gd name="connsiteX65" fmla="*/ 4104037 w 4110483"/>
                <a:gd name="connsiteY65" fmla="*/ 4130231 h 7314913"/>
                <a:gd name="connsiteX66" fmla="*/ 4094512 w 4110483"/>
                <a:gd name="connsiteY66" fmla="*/ 4093845 h 7314913"/>
                <a:gd name="connsiteX67" fmla="*/ 4073557 w 4110483"/>
                <a:gd name="connsiteY67" fmla="*/ 4063270 h 7314913"/>
                <a:gd name="connsiteX68" fmla="*/ 3978307 w 4110483"/>
                <a:gd name="connsiteY68" fmla="*/ 3830479 h 7314913"/>
                <a:gd name="connsiteX69" fmla="*/ 3978307 w 4110483"/>
                <a:gd name="connsiteY69" fmla="*/ 3820954 h 7314913"/>
                <a:gd name="connsiteX70" fmla="*/ 3886201 w 4110483"/>
                <a:gd name="connsiteY70" fmla="*/ 3203829 h 7314913"/>
                <a:gd name="connsiteX71" fmla="*/ 3780378 w 4110483"/>
                <a:gd name="connsiteY71" fmla="*/ 3052763 h 7314913"/>
                <a:gd name="connsiteX72" fmla="*/ 3688842 w 4110483"/>
                <a:gd name="connsiteY72" fmla="*/ 2918270 h 7314913"/>
                <a:gd name="connsiteX73" fmla="*/ 3623120 w 4110483"/>
                <a:gd name="connsiteY73" fmla="*/ 2846641 h 7314913"/>
                <a:gd name="connsiteX74" fmla="*/ 3497866 w 4110483"/>
                <a:gd name="connsiteY74" fmla="*/ 2737676 h 7314913"/>
                <a:gd name="connsiteX75" fmla="*/ 3409474 w 4110483"/>
                <a:gd name="connsiteY75" fmla="*/ 2666524 h 7314913"/>
                <a:gd name="connsiteX76" fmla="*/ 3314224 w 4110483"/>
                <a:gd name="connsiteY76" fmla="*/ 2599849 h 7314913"/>
                <a:gd name="connsiteX77" fmla="*/ 3214973 w 4110483"/>
                <a:gd name="connsiteY77" fmla="*/ 2613660 h 7314913"/>
                <a:gd name="connsiteX78" fmla="*/ 3000756 w 4110483"/>
                <a:gd name="connsiteY78" fmla="*/ 2627471 h 7314913"/>
                <a:gd name="connsiteX79" fmla="*/ 2747010 w 4110483"/>
                <a:gd name="connsiteY79" fmla="*/ 2677478 h 7314913"/>
                <a:gd name="connsiteX80" fmla="*/ 2584038 w 4110483"/>
                <a:gd name="connsiteY80" fmla="*/ 2725579 h 7314913"/>
                <a:gd name="connsiteX81" fmla="*/ 2043970 w 4110483"/>
                <a:gd name="connsiteY81" fmla="*/ 2699861 h 7314913"/>
                <a:gd name="connsiteX82" fmla="*/ 1589056 w 4110483"/>
                <a:gd name="connsiteY82" fmla="*/ 2441067 h 7314913"/>
                <a:gd name="connsiteX83" fmla="*/ 1482281 w 4110483"/>
                <a:gd name="connsiteY83" fmla="*/ 2366963 h 7314913"/>
                <a:gd name="connsiteX84" fmla="*/ 1344263 w 4110483"/>
                <a:gd name="connsiteY84" fmla="*/ 2253234 h 7314913"/>
                <a:gd name="connsiteX85" fmla="*/ 1293305 w 4110483"/>
                <a:gd name="connsiteY85" fmla="*/ 2165033 h 7314913"/>
                <a:gd name="connsiteX86" fmla="*/ 1150430 w 4110483"/>
                <a:gd name="connsiteY86" fmla="*/ 1987582 h 7314913"/>
                <a:gd name="connsiteX87" fmla="*/ 1072325 w 4110483"/>
                <a:gd name="connsiteY87" fmla="*/ 1955292 h 7314913"/>
                <a:gd name="connsiteX88" fmla="*/ 859536 w 4110483"/>
                <a:gd name="connsiteY88" fmla="*/ 1786795 h 7314913"/>
                <a:gd name="connsiteX89" fmla="*/ 580358 w 4110483"/>
                <a:gd name="connsiteY89" fmla="*/ 1259681 h 7314913"/>
                <a:gd name="connsiteX90" fmla="*/ 528447 w 4110483"/>
                <a:gd name="connsiteY90" fmla="*/ 1108329 h 7314913"/>
                <a:gd name="connsiteX91" fmla="*/ 472630 w 4110483"/>
                <a:gd name="connsiteY91" fmla="*/ 940022 h 7314913"/>
                <a:gd name="connsiteX92" fmla="*/ 463772 w 4110483"/>
                <a:gd name="connsiteY92" fmla="*/ 906113 h 7314913"/>
                <a:gd name="connsiteX93" fmla="*/ 352330 w 4110483"/>
                <a:gd name="connsiteY93" fmla="*/ 713327 h 7314913"/>
                <a:gd name="connsiteX94" fmla="*/ 188214 w 4110483"/>
                <a:gd name="connsiteY94" fmla="*/ 490728 h 7314913"/>
                <a:gd name="connsiteX95" fmla="*/ 89535 w 4110483"/>
                <a:gd name="connsiteY95" fmla="*/ 248317 h 7314913"/>
                <a:gd name="connsiteX96" fmla="*/ 38100 w 4110483"/>
                <a:gd name="connsiteY96" fmla="*/ 120015 h 7314913"/>
                <a:gd name="connsiteX97" fmla="*/ 0 w 4110483"/>
                <a:gd name="connsiteY97" fmla="*/ 0 h 7314913"/>
                <a:gd name="connsiteX98" fmla="*/ 4858 w 4110483"/>
                <a:gd name="connsiteY98" fmla="*/ 0 h 7314913"/>
                <a:gd name="connsiteX99" fmla="*/ 42958 w 4110483"/>
                <a:gd name="connsiteY99" fmla="*/ 118205 h 7314913"/>
                <a:gd name="connsiteX100" fmla="*/ 93631 w 4110483"/>
                <a:gd name="connsiteY100" fmla="*/ 246507 h 7314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Lst>
              <a:rect l="l" t="t" r="r" b="b"/>
              <a:pathLst>
                <a:path w="4110483" h="7314913">
                  <a:moveTo>
                    <a:pt x="93631" y="246507"/>
                  </a:moveTo>
                  <a:cubicBezTo>
                    <a:pt x="125730" y="327660"/>
                    <a:pt x="162020" y="419481"/>
                    <a:pt x="192214" y="488918"/>
                  </a:cubicBezTo>
                  <a:cubicBezTo>
                    <a:pt x="243459" y="606838"/>
                    <a:pt x="268414" y="645033"/>
                    <a:pt x="354139" y="709517"/>
                  </a:cubicBezTo>
                  <a:cubicBezTo>
                    <a:pt x="433102" y="767810"/>
                    <a:pt x="448533" y="828675"/>
                    <a:pt x="468059" y="904875"/>
                  </a:cubicBezTo>
                  <a:cubicBezTo>
                    <a:pt x="470821" y="915829"/>
                    <a:pt x="473679" y="927163"/>
                    <a:pt x="476821" y="938784"/>
                  </a:cubicBezTo>
                  <a:cubicBezTo>
                    <a:pt x="490824" y="990314"/>
                    <a:pt x="511112" y="1046893"/>
                    <a:pt x="532543" y="1106710"/>
                  </a:cubicBezTo>
                  <a:cubicBezTo>
                    <a:pt x="550164" y="1155764"/>
                    <a:pt x="568357" y="1206532"/>
                    <a:pt x="584454" y="1258348"/>
                  </a:cubicBezTo>
                  <a:cubicBezTo>
                    <a:pt x="646951" y="1447983"/>
                    <a:pt x="741120" y="1625661"/>
                    <a:pt x="862965" y="1783842"/>
                  </a:cubicBezTo>
                  <a:cubicBezTo>
                    <a:pt x="968597" y="1920907"/>
                    <a:pt x="1019461" y="1935385"/>
                    <a:pt x="1073277" y="1950720"/>
                  </a:cubicBezTo>
                  <a:cubicBezTo>
                    <a:pt x="1101250" y="1957549"/>
                    <a:pt x="1128010" y="1968632"/>
                    <a:pt x="1152620" y="1983581"/>
                  </a:cubicBezTo>
                  <a:cubicBezTo>
                    <a:pt x="1222439" y="2027015"/>
                    <a:pt x="1257395" y="2089976"/>
                    <a:pt x="1297020" y="2162747"/>
                  </a:cubicBezTo>
                  <a:cubicBezTo>
                    <a:pt x="1312450" y="2191322"/>
                    <a:pt x="1328452" y="2219897"/>
                    <a:pt x="1347788" y="2250662"/>
                  </a:cubicBezTo>
                  <a:cubicBezTo>
                    <a:pt x="1387126" y="2312765"/>
                    <a:pt x="1436370" y="2338197"/>
                    <a:pt x="1483995" y="2362772"/>
                  </a:cubicBezTo>
                  <a:cubicBezTo>
                    <a:pt x="1520762" y="2381822"/>
                    <a:pt x="1558862" y="2401443"/>
                    <a:pt x="1592104" y="2437829"/>
                  </a:cubicBezTo>
                  <a:cubicBezTo>
                    <a:pt x="1667447" y="2520410"/>
                    <a:pt x="1915954" y="2654903"/>
                    <a:pt x="2045780" y="2695004"/>
                  </a:cubicBezTo>
                  <a:cubicBezTo>
                    <a:pt x="2175606" y="2735104"/>
                    <a:pt x="2465832" y="2733104"/>
                    <a:pt x="2583942" y="2720435"/>
                  </a:cubicBezTo>
                  <a:cubicBezTo>
                    <a:pt x="2631567" y="2715387"/>
                    <a:pt x="2686812" y="2694623"/>
                    <a:pt x="2745867" y="2672810"/>
                  </a:cubicBezTo>
                  <a:cubicBezTo>
                    <a:pt x="2835974" y="2639187"/>
                    <a:pt x="2929128" y="2604421"/>
                    <a:pt x="3002376" y="2622709"/>
                  </a:cubicBezTo>
                  <a:cubicBezTo>
                    <a:pt x="3075622" y="2640997"/>
                    <a:pt x="3152394" y="2622709"/>
                    <a:pt x="3214402" y="2608803"/>
                  </a:cubicBezTo>
                  <a:cubicBezTo>
                    <a:pt x="3254883" y="2599278"/>
                    <a:pt x="3289841" y="2591562"/>
                    <a:pt x="3315272" y="2594896"/>
                  </a:cubicBezTo>
                  <a:cubicBezTo>
                    <a:pt x="3350990" y="2599658"/>
                    <a:pt x="3381280" y="2630615"/>
                    <a:pt x="3413475" y="2663476"/>
                  </a:cubicBezTo>
                  <a:cubicBezTo>
                    <a:pt x="3440335" y="2690813"/>
                    <a:pt x="3468053" y="2719102"/>
                    <a:pt x="3500438" y="2733580"/>
                  </a:cubicBezTo>
                  <a:cubicBezTo>
                    <a:pt x="3549968" y="2755773"/>
                    <a:pt x="3584067" y="2794635"/>
                    <a:pt x="3627215" y="2843784"/>
                  </a:cubicBezTo>
                  <a:cubicBezTo>
                    <a:pt x="3646265" y="2865406"/>
                    <a:pt x="3667697" y="2889885"/>
                    <a:pt x="3692747" y="2915222"/>
                  </a:cubicBezTo>
                  <a:cubicBezTo>
                    <a:pt x="3731419" y="2954274"/>
                    <a:pt x="3757518" y="3000947"/>
                    <a:pt x="3785141" y="3050667"/>
                  </a:cubicBezTo>
                  <a:cubicBezTo>
                    <a:pt x="3813716" y="3102769"/>
                    <a:pt x="3844195" y="3156585"/>
                    <a:pt x="3889916" y="3200686"/>
                  </a:cubicBezTo>
                  <a:cubicBezTo>
                    <a:pt x="3976878" y="3284315"/>
                    <a:pt x="3981926" y="3688366"/>
                    <a:pt x="3983546" y="3821240"/>
                  </a:cubicBezTo>
                  <a:lnTo>
                    <a:pt x="3983546" y="3830765"/>
                  </a:lnTo>
                  <a:cubicBezTo>
                    <a:pt x="3984784" y="3926015"/>
                    <a:pt x="4032123" y="3994690"/>
                    <a:pt x="4077939" y="4060793"/>
                  </a:cubicBezTo>
                  <a:cubicBezTo>
                    <a:pt x="4084987" y="4070985"/>
                    <a:pt x="4092036" y="4081177"/>
                    <a:pt x="4098989" y="4091559"/>
                  </a:cubicBezTo>
                  <a:cubicBezTo>
                    <a:pt x="4109848" y="4107752"/>
                    <a:pt x="4112990" y="4121087"/>
                    <a:pt x="4108514" y="4132231"/>
                  </a:cubicBezTo>
                  <a:cubicBezTo>
                    <a:pt x="4098989" y="4155662"/>
                    <a:pt x="4057746" y="4165568"/>
                    <a:pt x="4009644" y="4176998"/>
                  </a:cubicBezTo>
                  <a:cubicBezTo>
                    <a:pt x="3973317" y="4184548"/>
                    <a:pt x="3937813" y="4195618"/>
                    <a:pt x="3903631" y="4210050"/>
                  </a:cubicBezTo>
                  <a:cubicBezTo>
                    <a:pt x="3801904" y="4257675"/>
                    <a:pt x="3675983" y="4248150"/>
                    <a:pt x="3479292" y="4214717"/>
                  </a:cubicBezTo>
                  <a:cubicBezTo>
                    <a:pt x="3333083" y="4189762"/>
                    <a:pt x="3202401" y="4274725"/>
                    <a:pt x="3087053" y="4349687"/>
                  </a:cubicBezTo>
                  <a:cubicBezTo>
                    <a:pt x="3048953" y="4374261"/>
                    <a:pt x="3013900" y="4397312"/>
                    <a:pt x="2981040" y="4414266"/>
                  </a:cubicBezTo>
                  <a:cubicBezTo>
                    <a:pt x="2887314" y="4461891"/>
                    <a:pt x="2800065" y="4683729"/>
                    <a:pt x="2736246" y="4845368"/>
                  </a:cubicBezTo>
                  <a:cubicBezTo>
                    <a:pt x="2711768" y="4907376"/>
                    <a:pt x="2690718" y="4960906"/>
                    <a:pt x="2674239" y="4991672"/>
                  </a:cubicBezTo>
                  <a:cubicBezTo>
                    <a:pt x="2562987" y="5199603"/>
                    <a:pt x="2437639" y="5316569"/>
                    <a:pt x="2290858" y="5349240"/>
                  </a:cubicBezTo>
                  <a:cubicBezTo>
                    <a:pt x="2093976" y="5393151"/>
                    <a:pt x="1927574" y="5630037"/>
                    <a:pt x="1914049" y="5701665"/>
                  </a:cubicBezTo>
                  <a:cubicBezTo>
                    <a:pt x="1910715" y="5719477"/>
                    <a:pt x="1906810" y="5744147"/>
                    <a:pt x="1902619" y="5770340"/>
                  </a:cubicBezTo>
                  <a:cubicBezTo>
                    <a:pt x="1890236" y="5847588"/>
                    <a:pt x="1874901" y="5943696"/>
                    <a:pt x="1858042" y="5977128"/>
                  </a:cubicBezTo>
                  <a:cubicBezTo>
                    <a:pt x="1836039" y="6020943"/>
                    <a:pt x="1823752" y="6478334"/>
                    <a:pt x="1892142" y="6561011"/>
                  </a:cubicBezTo>
                  <a:cubicBezTo>
                    <a:pt x="1942243" y="6621780"/>
                    <a:pt x="1977867" y="6694361"/>
                    <a:pt x="2013299" y="6764941"/>
                  </a:cubicBezTo>
                  <a:cubicBezTo>
                    <a:pt x="2026539" y="6791611"/>
                    <a:pt x="2039017" y="6816757"/>
                    <a:pt x="2052161" y="6841141"/>
                  </a:cubicBezTo>
                  <a:cubicBezTo>
                    <a:pt x="2100549" y="6930771"/>
                    <a:pt x="2139506" y="6981444"/>
                    <a:pt x="2230279" y="7027069"/>
                  </a:cubicBezTo>
                  <a:cubicBezTo>
                    <a:pt x="2276094" y="7050119"/>
                    <a:pt x="2287429" y="7090029"/>
                    <a:pt x="2301621" y="7140607"/>
                  </a:cubicBezTo>
                  <a:cubicBezTo>
                    <a:pt x="2315242" y="7188803"/>
                    <a:pt x="2331911" y="7247668"/>
                    <a:pt x="2382965" y="7314914"/>
                  </a:cubicBezTo>
                  <a:lnTo>
                    <a:pt x="2376964" y="7314914"/>
                  </a:lnTo>
                  <a:cubicBezTo>
                    <a:pt x="2327053" y="7248239"/>
                    <a:pt x="2310289" y="7189852"/>
                    <a:pt x="2297049" y="7141940"/>
                  </a:cubicBezTo>
                  <a:cubicBezTo>
                    <a:pt x="2282571" y="7090505"/>
                    <a:pt x="2272094" y="7053453"/>
                    <a:pt x="2228089" y="7031355"/>
                  </a:cubicBezTo>
                  <a:cubicBezTo>
                    <a:pt x="2136267" y="6985159"/>
                    <a:pt x="2096834" y="6933914"/>
                    <a:pt x="2047970" y="6843332"/>
                  </a:cubicBezTo>
                  <a:cubicBezTo>
                    <a:pt x="2034826" y="6818948"/>
                    <a:pt x="2022348" y="6793802"/>
                    <a:pt x="2009108" y="6767132"/>
                  </a:cubicBezTo>
                  <a:cubicBezTo>
                    <a:pt x="1974247" y="6696933"/>
                    <a:pt x="1938242" y="6624257"/>
                    <a:pt x="1888427" y="6564059"/>
                  </a:cubicBezTo>
                  <a:cubicBezTo>
                    <a:pt x="1819466" y="6480524"/>
                    <a:pt x="1831277" y="6019133"/>
                    <a:pt x="1853851" y="5975033"/>
                  </a:cubicBezTo>
                  <a:cubicBezTo>
                    <a:pt x="1870330" y="5942267"/>
                    <a:pt x="1885665" y="5846540"/>
                    <a:pt x="1897952" y="5769578"/>
                  </a:cubicBezTo>
                  <a:cubicBezTo>
                    <a:pt x="1902238" y="5742242"/>
                    <a:pt x="1906048" y="5718715"/>
                    <a:pt x="1909382" y="5700808"/>
                  </a:cubicBezTo>
                  <a:cubicBezTo>
                    <a:pt x="1923002" y="5627846"/>
                    <a:pt x="2091024" y="5388483"/>
                    <a:pt x="2289810" y="5344192"/>
                  </a:cubicBezTo>
                  <a:cubicBezTo>
                    <a:pt x="2435162" y="5311711"/>
                    <a:pt x="2559558" y="5195507"/>
                    <a:pt x="2670048" y="4989005"/>
                  </a:cubicBezTo>
                  <a:cubicBezTo>
                    <a:pt x="2686336" y="4958430"/>
                    <a:pt x="2707387" y="4904994"/>
                    <a:pt x="2731770" y="4843177"/>
                  </a:cubicBezTo>
                  <a:cubicBezTo>
                    <a:pt x="2795873" y="4680776"/>
                    <a:pt x="2883599" y="4458367"/>
                    <a:pt x="2978849" y="4409504"/>
                  </a:cubicBezTo>
                  <a:cubicBezTo>
                    <a:pt x="3011519" y="4392740"/>
                    <a:pt x="3046953" y="4369689"/>
                    <a:pt x="3084481" y="4345305"/>
                  </a:cubicBezTo>
                  <a:cubicBezTo>
                    <a:pt x="3194780" y="4273487"/>
                    <a:pt x="3332131" y="4184237"/>
                    <a:pt x="3480055" y="4209574"/>
                  </a:cubicBezTo>
                  <a:cubicBezTo>
                    <a:pt x="3671221" y="4242245"/>
                    <a:pt x="3801523" y="4252056"/>
                    <a:pt x="3901631" y="4205288"/>
                  </a:cubicBezTo>
                  <a:cubicBezTo>
                    <a:pt x="3936157" y="4190698"/>
                    <a:pt x="3972054" y="4179593"/>
                    <a:pt x="4008787" y="4172141"/>
                  </a:cubicBezTo>
                  <a:cubicBezTo>
                    <a:pt x="4055554" y="4160996"/>
                    <a:pt x="4096036" y="4151281"/>
                    <a:pt x="4104037" y="4130231"/>
                  </a:cubicBezTo>
                  <a:cubicBezTo>
                    <a:pt x="4107846" y="4120706"/>
                    <a:pt x="4104894" y="4108704"/>
                    <a:pt x="4094512" y="4093845"/>
                  </a:cubicBezTo>
                  <a:cubicBezTo>
                    <a:pt x="4087654" y="4083558"/>
                    <a:pt x="4080605" y="4073462"/>
                    <a:pt x="4073557" y="4063270"/>
                  </a:cubicBezTo>
                  <a:cubicBezTo>
                    <a:pt x="4027361" y="3996595"/>
                    <a:pt x="3979545" y="3927539"/>
                    <a:pt x="3978307" y="3830479"/>
                  </a:cubicBezTo>
                  <a:lnTo>
                    <a:pt x="3978307" y="3820954"/>
                  </a:lnTo>
                  <a:cubicBezTo>
                    <a:pt x="3973926" y="3466053"/>
                    <a:pt x="3942969" y="3258407"/>
                    <a:pt x="3886201" y="3203829"/>
                  </a:cubicBezTo>
                  <a:cubicBezTo>
                    <a:pt x="3839814" y="3159252"/>
                    <a:pt x="3810001" y="3105055"/>
                    <a:pt x="3780378" y="3052763"/>
                  </a:cubicBezTo>
                  <a:cubicBezTo>
                    <a:pt x="3752946" y="3003423"/>
                    <a:pt x="3726942" y="2956846"/>
                    <a:pt x="3688842" y="2918270"/>
                  </a:cubicBezTo>
                  <a:cubicBezTo>
                    <a:pt x="3663697" y="2892838"/>
                    <a:pt x="3642075" y="2868263"/>
                    <a:pt x="3623120" y="2846641"/>
                  </a:cubicBezTo>
                  <a:cubicBezTo>
                    <a:pt x="3580353" y="2797874"/>
                    <a:pt x="3546920" y="2759393"/>
                    <a:pt x="3497866" y="2737676"/>
                  </a:cubicBezTo>
                  <a:cubicBezTo>
                    <a:pt x="3464719" y="2722816"/>
                    <a:pt x="3436620" y="2694241"/>
                    <a:pt x="3409474" y="2666524"/>
                  </a:cubicBezTo>
                  <a:cubicBezTo>
                    <a:pt x="3377947" y="2634329"/>
                    <a:pt x="3348134" y="2603849"/>
                    <a:pt x="3314224" y="2599849"/>
                  </a:cubicBezTo>
                  <a:cubicBezTo>
                    <a:pt x="3289555" y="2596610"/>
                    <a:pt x="3254979" y="2604516"/>
                    <a:pt x="3214973" y="2613660"/>
                  </a:cubicBezTo>
                  <a:cubicBezTo>
                    <a:pt x="3152490" y="2628043"/>
                    <a:pt x="3074670" y="2645855"/>
                    <a:pt x="3000756" y="2627471"/>
                  </a:cubicBezTo>
                  <a:cubicBezTo>
                    <a:pt x="2928843" y="2609660"/>
                    <a:pt x="2836450" y="2644140"/>
                    <a:pt x="2747010" y="2677478"/>
                  </a:cubicBezTo>
                  <a:cubicBezTo>
                    <a:pt x="2687860" y="2699576"/>
                    <a:pt x="2631853" y="2720435"/>
                    <a:pt x="2584038" y="2725579"/>
                  </a:cubicBezTo>
                  <a:cubicBezTo>
                    <a:pt x="2465642" y="2738152"/>
                    <a:pt x="2175796" y="2740438"/>
                    <a:pt x="2043970" y="2699861"/>
                  </a:cubicBezTo>
                  <a:cubicBezTo>
                    <a:pt x="1912144" y="2659285"/>
                    <a:pt x="1664398" y="2524125"/>
                    <a:pt x="1589056" y="2441067"/>
                  </a:cubicBezTo>
                  <a:cubicBezTo>
                    <a:pt x="1556385" y="2405253"/>
                    <a:pt x="1518761" y="2385822"/>
                    <a:pt x="1482281" y="2366963"/>
                  </a:cubicBezTo>
                  <a:cubicBezTo>
                    <a:pt x="1434084" y="2342102"/>
                    <a:pt x="1384268" y="2316385"/>
                    <a:pt x="1344263" y="2253234"/>
                  </a:cubicBezTo>
                  <a:cubicBezTo>
                    <a:pt x="1325213" y="2222468"/>
                    <a:pt x="1308831" y="2193322"/>
                    <a:pt x="1293305" y="2165033"/>
                  </a:cubicBezTo>
                  <a:cubicBezTo>
                    <a:pt x="1253586" y="2092833"/>
                    <a:pt x="1219391" y="2030444"/>
                    <a:pt x="1150430" y="1987582"/>
                  </a:cubicBezTo>
                  <a:cubicBezTo>
                    <a:pt x="1126185" y="1972915"/>
                    <a:pt x="1099849" y="1962026"/>
                    <a:pt x="1072325" y="1955292"/>
                  </a:cubicBezTo>
                  <a:cubicBezTo>
                    <a:pt x="1017747" y="1939766"/>
                    <a:pt x="966216" y="1925003"/>
                    <a:pt x="859536" y="1786795"/>
                  </a:cubicBezTo>
                  <a:cubicBezTo>
                    <a:pt x="737324" y="1628151"/>
                    <a:pt x="642924" y="1449916"/>
                    <a:pt x="580358" y="1259681"/>
                  </a:cubicBezTo>
                  <a:cubicBezTo>
                    <a:pt x="564261" y="1208056"/>
                    <a:pt x="546068" y="1157383"/>
                    <a:pt x="528447" y="1108329"/>
                  </a:cubicBezTo>
                  <a:cubicBezTo>
                    <a:pt x="506921" y="1048417"/>
                    <a:pt x="486633" y="991743"/>
                    <a:pt x="472630" y="940022"/>
                  </a:cubicBezTo>
                  <a:cubicBezTo>
                    <a:pt x="469488" y="928307"/>
                    <a:pt x="466630" y="917067"/>
                    <a:pt x="463772" y="906113"/>
                  </a:cubicBezTo>
                  <a:cubicBezTo>
                    <a:pt x="444722" y="830390"/>
                    <a:pt x="429292" y="770668"/>
                    <a:pt x="352330" y="713327"/>
                  </a:cubicBezTo>
                  <a:cubicBezTo>
                    <a:pt x="265081" y="648176"/>
                    <a:pt x="239935" y="609600"/>
                    <a:pt x="188214" y="490728"/>
                  </a:cubicBezTo>
                  <a:cubicBezTo>
                    <a:pt x="158020" y="421386"/>
                    <a:pt x="121539" y="329375"/>
                    <a:pt x="89535" y="248317"/>
                  </a:cubicBezTo>
                  <a:cubicBezTo>
                    <a:pt x="68580" y="195358"/>
                    <a:pt x="50578" y="149543"/>
                    <a:pt x="38100" y="120015"/>
                  </a:cubicBezTo>
                  <a:cubicBezTo>
                    <a:pt x="22947" y="80830"/>
                    <a:pt x="10223" y="40749"/>
                    <a:pt x="0" y="0"/>
                  </a:cubicBezTo>
                  <a:lnTo>
                    <a:pt x="4858" y="0"/>
                  </a:lnTo>
                  <a:cubicBezTo>
                    <a:pt x="15118" y="40147"/>
                    <a:pt x="27842" y="79623"/>
                    <a:pt x="42958" y="118205"/>
                  </a:cubicBezTo>
                  <a:cubicBezTo>
                    <a:pt x="54959" y="147828"/>
                    <a:pt x="73057" y="193548"/>
                    <a:pt x="93631" y="24650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8" name="Freeform: Shape 125">
              <a:extLst>
                <a:ext uri="{FF2B5EF4-FFF2-40B4-BE49-F238E27FC236}">
                  <a16:creationId xmlns:a16="http://schemas.microsoft.com/office/drawing/2014/main" id="{963F3786-DA7C-8C43-8F5E-0784A2704065}"/>
                </a:ext>
              </a:extLst>
            </p:cNvPr>
            <p:cNvSpPr/>
            <p:nvPr/>
          </p:nvSpPr>
          <p:spPr>
            <a:xfrm>
              <a:off x="6523716" y="-1667063"/>
              <a:ext cx="5213630" cy="8868754"/>
            </a:xfrm>
            <a:custGeom>
              <a:avLst/>
              <a:gdLst>
                <a:gd name="connsiteX0" fmla="*/ 322612 w 4270247"/>
                <a:gd name="connsiteY0" fmla="*/ 548545 h 7314819"/>
                <a:gd name="connsiteX1" fmla="*/ 479107 w 4270247"/>
                <a:gd name="connsiteY1" fmla="*/ 771620 h 7314819"/>
                <a:gd name="connsiteX2" fmla="*/ 643604 w 4270247"/>
                <a:gd name="connsiteY2" fmla="*/ 1175480 h 7314819"/>
                <a:gd name="connsiteX3" fmla="*/ 704850 w 4270247"/>
                <a:gd name="connsiteY3" fmla="*/ 1295305 h 7314819"/>
                <a:gd name="connsiteX4" fmla="*/ 1053084 w 4270247"/>
                <a:gd name="connsiteY4" fmla="*/ 1735455 h 7314819"/>
                <a:gd name="connsiteX5" fmla="*/ 1300734 w 4270247"/>
                <a:gd name="connsiteY5" fmla="*/ 2055685 h 7314819"/>
                <a:gd name="connsiteX6" fmla="*/ 1457801 w 4270247"/>
                <a:gd name="connsiteY6" fmla="*/ 2148935 h 7314819"/>
                <a:gd name="connsiteX7" fmla="*/ 1801939 w 4270247"/>
                <a:gd name="connsiteY7" fmla="*/ 2384393 h 7314819"/>
                <a:gd name="connsiteX8" fmla="*/ 2180368 w 4270247"/>
                <a:gd name="connsiteY8" fmla="*/ 2644902 h 7314819"/>
                <a:gd name="connsiteX9" fmla="*/ 2566606 w 4270247"/>
                <a:gd name="connsiteY9" fmla="*/ 2566892 h 7314819"/>
                <a:gd name="connsiteX10" fmla="*/ 2622327 w 4270247"/>
                <a:gd name="connsiteY10" fmla="*/ 2548985 h 7314819"/>
                <a:gd name="connsiteX11" fmla="*/ 2737199 w 4270247"/>
                <a:gd name="connsiteY11" fmla="*/ 2509837 h 7314819"/>
                <a:gd name="connsiteX12" fmla="*/ 3138869 w 4270247"/>
                <a:gd name="connsiteY12" fmla="*/ 2386965 h 7314819"/>
                <a:gd name="connsiteX13" fmla="*/ 3333941 w 4270247"/>
                <a:gd name="connsiteY13" fmla="*/ 2445830 h 7314819"/>
                <a:gd name="connsiteX14" fmla="*/ 3365088 w 4270247"/>
                <a:gd name="connsiteY14" fmla="*/ 2470595 h 7314819"/>
                <a:gd name="connsiteX15" fmla="*/ 3677221 w 4270247"/>
                <a:gd name="connsiteY15" fmla="*/ 2816162 h 7314819"/>
                <a:gd name="connsiteX16" fmla="*/ 3942112 w 4270247"/>
                <a:gd name="connsiteY16" fmla="*/ 3253454 h 7314819"/>
                <a:gd name="connsiteX17" fmla="*/ 3978117 w 4270247"/>
                <a:gd name="connsiteY17" fmla="*/ 3437382 h 7314819"/>
                <a:gd name="connsiteX18" fmla="*/ 3983736 w 4270247"/>
                <a:gd name="connsiteY18" fmla="*/ 3494532 h 7314819"/>
                <a:gd name="connsiteX19" fmla="*/ 3995166 w 4270247"/>
                <a:gd name="connsiteY19" fmla="*/ 3551682 h 7314819"/>
                <a:gd name="connsiteX20" fmla="*/ 4128516 w 4270247"/>
                <a:gd name="connsiteY20" fmla="*/ 3932682 h 7314819"/>
                <a:gd name="connsiteX21" fmla="*/ 4269581 w 4270247"/>
                <a:gd name="connsiteY21" fmla="*/ 4147852 h 7314819"/>
                <a:gd name="connsiteX22" fmla="*/ 3950685 w 4270247"/>
                <a:gd name="connsiteY22" fmla="*/ 4379500 h 7314819"/>
                <a:gd name="connsiteX23" fmla="*/ 3941160 w 4270247"/>
                <a:gd name="connsiteY23" fmla="*/ 4384167 h 7314819"/>
                <a:gd name="connsiteX24" fmla="*/ 3634454 w 4270247"/>
                <a:gd name="connsiteY24" fmla="*/ 4384929 h 7314819"/>
                <a:gd name="connsiteX25" fmla="*/ 3590925 w 4270247"/>
                <a:gd name="connsiteY25" fmla="*/ 4378547 h 7314819"/>
                <a:gd name="connsiteX26" fmla="*/ 3226499 w 4270247"/>
                <a:gd name="connsiteY26" fmla="*/ 4378547 h 7314819"/>
                <a:gd name="connsiteX27" fmla="*/ 3206020 w 4270247"/>
                <a:gd name="connsiteY27" fmla="*/ 4386834 h 7314819"/>
                <a:gd name="connsiteX28" fmla="*/ 3030759 w 4270247"/>
                <a:gd name="connsiteY28" fmla="*/ 4502849 h 7314819"/>
                <a:gd name="connsiteX29" fmla="*/ 2791206 w 4270247"/>
                <a:gd name="connsiteY29" fmla="*/ 4861465 h 7314819"/>
                <a:gd name="connsiteX30" fmla="*/ 2714054 w 4270247"/>
                <a:gd name="connsiteY30" fmla="*/ 5013103 h 7314819"/>
                <a:gd name="connsiteX31" fmla="*/ 2596038 w 4270247"/>
                <a:gd name="connsiteY31" fmla="*/ 5243513 h 7314819"/>
                <a:gd name="connsiteX32" fmla="*/ 2365724 w 4270247"/>
                <a:gd name="connsiteY32" fmla="*/ 5445824 h 7314819"/>
                <a:gd name="connsiteX33" fmla="*/ 2328767 w 4270247"/>
                <a:gd name="connsiteY33" fmla="*/ 5458873 h 7314819"/>
                <a:gd name="connsiteX34" fmla="*/ 2283143 w 4270247"/>
                <a:gd name="connsiteY34" fmla="*/ 5474685 h 7314819"/>
                <a:gd name="connsiteX35" fmla="*/ 1965293 w 4270247"/>
                <a:gd name="connsiteY35" fmla="*/ 5694236 h 7314819"/>
                <a:gd name="connsiteX36" fmla="*/ 1908143 w 4270247"/>
                <a:gd name="connsiteY36" fmla="*/ 5933504 h 7314819"/>
                <a:gd name="connsiteX37" fmla="*/ 1888236 w 4270247"/>
                <a:gd name="connsiteY37" fmla="*/ 6074283 h 7314819"/>
                <a:gd name="connsiteX38" fmla="*/ 1913191 w 4270247"/>
                <a:gd name="connsiteY38" fmla="*/ 6530245 h 7314819"/>
                <a:gd name="connsiteX39" fmla="*/ 1996726 w 4270247"/>
                <a:gd name="connsiteY39" fmla="*/ 6702457 h 7314819"/>
                <a:gd name="connsiteX40" fmla="*/ 2028730 w 4270247"/>
                <a:gd name="connsiteY40" fmla="*/ 6801326 h 7314819"/>
                <a:gd name="connsiteX41" fmla="*/ 2200180 w 4270247"/>
                <a:gd name="connsiteY41" fmla="*/ 6970681 h 7314819"/>
                <a:gd name="connsiteX42" fmla="*/ 2213134 w 4270247"/>
                <a:gd name="connsiteY42" fmla="*/ 6977444 h 7314819"/>
                <a:gd name="connsiteX43" fmla="*/ 2302859 w 4270247"/>
                <a:gd name="connsiteY43" fmla="*/ 7116033 h 7314819"/>
                <a:gd name="connsiteX44" fmla="*/ 2407634 w 4270247"/>
                <a:gd name="connsiteY44" fmla="*/ 7300817 h 7314819"/>
                <a:gd name="connsiteX45" fmla="*/ 2418969 w 4270247"/>
                <a:gd name="connsiteY45" fmla="*/ 7314819 h 7314819"/>
                <a:gd name="connsiteX46" fmla="*/ 2413254 w 4270247"/>
                <a:gd name="connsiteY46" fmla="*/ 7314819 h 7314819"/>
                <a:gd name="connsiteX47" fmla="*/ 2404300 w 4270247"/>
                <a:gd name="connsiteY47" fmla="*/ 7303961 h 7314819"/>
                <a:gd name="connsiteX48" fmla="*/ 2298478 w 4270247"/>
                <a:gd name="connsiteY48" fmla="*/ 7118032 h 7314819"/>
                <a:gd name="connsiteX49" fmla="*/ 2210943 w 4270247"/>
                <a:gd name="connsiteY49" fmla="*/ 6981635 h 7314819"/>
                <a:gd name="connsiteX50" fmla="*/ 2197989 w 4270247"/>
                <a:gd name="connsiteY50" fmla="*/ 6974872 h 7314819"/>
                <a:gd name="connsiteX51" fmla="*/ 2024253 w 4270247"/>
                <a:gd name="connsiteY51" fmla="*/ 6803422 h 7314819"/>
                <a:gd name="connsiteX52" fmla="*/ 1992153 w 4270247"/>
                <a:gd name="connsiteY52" fmla="*/ 6704172 h 7314819"/>
                <a:gd name="connsiteX53" fmla="*/ 1910239 w 4270247"/>
                <a:gd name="connsiteY53" fmla="*/ 6534341 h 7314819"/>
                <a:gd name="connsiteX54" fmla="*/ 1883759 w 4270247"/>
                <a:gd name="connsiteY54" fmla="*/ 6073045 h 7314819"/>
                <a:gd name="connsiteX55" fmla="*/ 1903476 w 4270247"/>
                <a:gd name="connsiteY55" fmla="*/ 5933694 h 7314819"/>
                <a:gd name="connsiteX56" fmla="*/ 1960626 w 4270247"/>
                <a:gd name="connsiteY56" fmla="*/ 5692426 h 7314819"/>
                <a:gd name="connsiteX57" fmla="*/ 2281238 w 4270247"/>
                <a:gd name="connsiteY57" fmla="*/ 5470589 h 7314819"/>
                <a:gd name="connsiteX58" fmla="*/ 2326386 w 4270247"/>
                <a:gd name="connsiteY58" fmla="*/ 5454872 h 7314819"/>
                <a:gd name="connsiteX59" fmla="*/ 2363724 w 4270247"/>
                <a:gd name="connsiteY59" fmla="*/ 5441728 h 7314819"/>
                <a:gd name="connsiteX60" fmla="*/ 2591181 w 4270247"/>
                <a:gd name="connsiteY60" fmla="*/ 5241703 h 7314819"/>
                <a:gd name="connsiteX61" fmla="*/ 2709386 w 4270247"/>
                <a:gd name="connsiteY61" fmla="*/ 5011008 h 7314819"/>
                <a:gd name="connsiteX62" fmla="*/ 2786347 w 4270247"/>
                <a:gd name="connsiteY62" fmla="*/ 4859846 h 7314819"/>
                <a:gd name="connsiteX63" fmla="*/ 3027235 w 4270247"/>
                <a:gd name="connsiteY63" fmla="*/ 4499420 h 7314819"/>
                <a:gd name="connsiteX64" fmla="*/ 3203829 w 4270247"/>
                <a:gd name="connsiteY64" fmla="*/ 4382548 h 7314819"/>
                <a:gd name="connsiteX65" fmla="*/ 3224022 w 4270247"/>
                <a:gd name="connsiteY65" fmla="*/ 4374356 h 7314819"/>
                <a:gd name="connsiteX66" fmla="*/ 3591116 w 4270247"/>
                <a:gd name="connsiteY66" fmla="*/ 4374356 h 7314819"/>
                <a:gd name="connsiteX67" fmla="*/ 3634645 w 4270247"/>
                <a:gd name="connsiteY67" fmla="*/ 4380738 h 7314819"/>
                <a:gd name="connsiteX68" fmla="*/ 3938683 w 4270247"/>
                <a:gd name="connsiteY68" fmla="*/ 4380738 h 7314819"/>
                <a:gd name="connsiteX69" fmla="*/ 3948208 w 4270247"/>
                <a:gd name="connsiteY69" fmla="*/ 4376071 h 7314819"/>
                <a:gd name="connsiteX70" fmla="*/ 4264342 w 4270247"/>
                <a:gd name="connsiteY70" fmla="*/ 4148328 h 7314819"/>
                <a:gd name="connsiteX71" fmla="*/ 4125182 w 4270247"/>
                <a:gd name="connsiteY71" fmla="*/ 3937349 h 7314819"/>
                <a:gd name="connsiteX72" fmla="*/ 3989737 w 4270247"/>
                <a:gd name="connsiteY72" fmla="*/ 3553682 h 7314819"/>
                <a:gd name="connsiteX73" fmla="*/ 3978497 w 4270247"/>
                <a:gd name="connsiteY73" fmla="*/ 3497294 h 7314819"/>
                <a:gd name="connsiteX74" fmla="*/ 3972687 w 4270247"/>
                <a:gd name="connsiteY74" fmla="*/ 3438811 h 7314819"/>
                <a:gd name="connsiteX75" fmla="*/ 3937159 w 4270247"/>
                <a:gd name="connsiteY75" fmla="*/ 3256788 h 7314819"/>
                <a:gd name="connsiteX76" fmla="*/ 3672935 w 4270247"/>
                <a:gd name="connsiteY76" fmla="*/ 2820448 h 7314819"/>
                <a:gd name="connsiteX77" fmla="*/ 3361564 w 4270247"/>
                <a:gd name="connsiteY77" fmla="*/ 2475738 h 7314819"/>
                <a:gd name="connsiteX78" fmla="*/ 3330321 w 4270247"/>
                <a:gd name="connsiteY78" fmla="*/ 2450878 h 7314819"/>
                <a:gd name="connsiteX79" fmla="*/ 3138869 w 4270247"/>
                <a:gd name="connsiteY79" fmla="*/ 2393061 h 7314819"/>
                <a:gd name="connsiteX80" fmla="*/ 2738056 w 4270247"/>
                <a:gd name="connsiteY80" fmla="*/ 2515648 h 7314819"/>
                <a:gd name="connsiteX81" fmla="*/ 2622995 w 4270247"/>
                <a:gd name="connsiteY81" fmla="*/ 2554891 h 7314819"/>
                <a:gd name="connsiteX82" fmla="*/ 2567464 w 4270247"/>
                <a:gd name="connsiteY82" fmla="*/ 2572798 h 7314819"/>
                <a:gd name="connsiteX83" fmla="*/ 2178272 w 4270247"/>
                <a:gd name="connsiteY83" fmla="*/ 2650808 h 7314819"/>
                <a:gd name="connsiteX84" fmla="*/ 1797272 w 4270247"/>
                <a:gd name="connsiteY84" fmla="*/ 2388299 h 7314819"/>
                <a:gd name="connsiteX85" fmla="*/ 1455039 w 4270247"/>
                <a:gd name="connsiteY85" fmla="*/ 2154555 h 7314819"/>
                <a:gd name="connsiteX86" fmla="*/ 1296162 w 4270247"/>
                <a:gd name="connsiteY86" fmla="*/ 2059305 h 7314819"/>
                <a:gd name="connsiteX87" fmla="*/ 1049274 w 4270247"/>
                <a:gd name="connsiteY87" fmla="*/ 1740313 h 7314819"/>
                <a:gd name="connsiteX88" fmla="*/ 699706 w 4270247"/>
                <a:gd name="connsiteY88" fmla="*/ 1298353 h 7314819"/>
                <a:gd name="connsiteX89" fmla="*/ 638556 w 4270247"/>
                <a:gd name="connsiteY89" fmla="*/ 1178719 h 7314819"/>
                <a:gd name="connsiteX90" fmla="*/ 473583 w 4270247"/>
                <a:gd name="connsiteY90" fmla="*/ 773811 h 7314819"/>
                <a:gd name="connsiteX91" fmla="*/ 318992 w 4270247"/>
                <a:gd name="connsiteY91" fmla="*/ 553498 h 7314819"/>
                <a:gd name="connsiteX92" fmla="*/ 156305 w 4270247"/>
                <a:gd name="connsiteY92" fmla="*/ 367284 h 7314819"/>
                <a:gd name="connsiteX93" fmla="*/ 0 w 4270247"/>
                <a:gd name="connsiteY93" fmla="*/ 0 h 7314819"/>
                <a:gd name="connsiteX94" fmla="*/ 5143 w 4270247"/>
                <a:gd name="connsiteY94" fmla="*/ 0 h 7314819"/>
                <a:gd name="connsiteX95" fmla="*/ 160591 w 4270247"/>
                <a:gd name="connsiteY95" fmla="*/ 365189 h 7314819"/>
                <a:gd name="connsiteX96" fmla="*/ 322612 w 4270247"/>
                <a:gd name="connsiteY96" fmla="*/ 548545 h 7314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4270247" h="7314819">
                  <a:moveTo>
                    <a:pt x="322612" y="548545"/>
                  </a:moveTo>
                  <a:cubicBezTo>
                    <a:pt x="386334" y="594836"/>
                    <a:pt x="446437" y="638556"/>
                    <a:pt x="479107" y="771620"/>
                  </a:cubicBezTo>
                  <a:cubicBezTo>
                    <a:pt x="522541" y="948881"/>
                    <a:pt x="586835" y="1069277"/>
                    <a:pt x="643604" y="1175480"/>
                  </a:cubicBezTo>
                  <a:cubicBezTo>
                    <a:pt x="665607" y="1216533"/>
                    <a:pt x="686372" y="1255395"/>
                    <a:pt x="704850" y="1295305"/>
                  </a:cubicBezTo>
                  <a:cubicBezTo>
                    <a:pt x="773716" y="1443800"/>
                    <a:pt x="998411" y="1693831"/>
                    <a:pt x="1053084" y="1735455"/>
                  </a:cubicBezTo>
                  <a:cubicBezTo>
                    <a:pt x="1119759" y="1786604"/>
                    <a:pt x="1293590" y="2044732"/>
                    <a:pt x="1300734" y="2055685"/>
                  </a:cubicBezTo>
                  <a:cubicBezTo>
                    <a:pt x="1318260" y="2081689"/>
                    <a:pt x="1382935" y="2112836"/>
                    <a:pt x="1457801" y="2148935"/>
                  </a:cubicBezTo>
                  <a:cubicBezTo>
                    <a:pt x="1580864" y="2208181"/>
                    <a:pt x="1734026" y="2282285"/>
                    <a:pt x="1801939" y="2384393"/>
                  </a:cubicBezTo>
                  <a:cubicBezTo>
                    <a:pt x="1920431" y="2562701"/>
                    <a:pt x="2116265" y="2624614"/>
                    <a:pt x="2180368" y="2644902"/>
                  </a:cubicBezTo>
                  <a:cubicBezTo>
                    <a:pt x="2257330" y="2669191"/>
                    <a:pt x="2458498" y="2602706"/>
                    <a:pt x="2566606" y="2566892"/>
                  </a:cubicBezTo>
                  <a:cubicBezTo>
                    <a:pt x="2590514" y="2558987"/>
                    <a:pt x="2609373" y="2552795"/>
                    <a:pt x="2622327" y="2548985"/>
                  </a:cubicBezTo>
                  <a:cubicBezTo>
                    <a:pt x="2643378" y="2542889"/>
                    <a:pt x="2684812" y="2528316"/>
                    <a:pt x="2737199" y="2509837"/>
                  </a:cubicBezTo>
                  <a:cubicBezTo>
                    <a:pt x="2862263" y="2465737"/>
                    <a:pt x="3051524" y="2399157"/>
                    <a:pt x="3138869" y="2386965"/>
                  </a:cubicBezTo>
                  <a:cubicBezTo>
                    <a:pt x="3243644" y="2372487"/>
                    <a:pt x="3281744" y="2403253"/>
                    <a:pt x="3333941" y="2445830"/>
                  </a:cubicBezTo>
                  <a:cubicBezTo>
                    <a:pt x="3343466" y="2453735"/>
                    <a:pt x="3353848" y="2462022"/>
                    <a:pt x="3365088" y="2470595"/>
                  </a:cubicBezTo>
                  <a:cubicBezTo>
                    <a:pt x="3442431" y="2529269"/>
                    <a:pt x="3638741" y="2768727"/>
                    <a:pt x="3677221" y="2816162"/>
                  </a:cubicBezTo>
                  <a:cubicBezTo>
                    <a:pt x="3734371" y="2886837"/>
                    <a:pt x="3893249" y="3148394"/>
                    <a:pt x="3942112" y="3253454"/>
                  </a:cubicBezTo>
                  <a:cubicBezTo>
                    <a:pt x="3974592" y="3323177"/>
                    <a:pt x="3976688" y="3389186"/>
                    <a:pt x="3978117" y="3437382"/>
                  </a:cubicBezTo>
                  <a:cubicBezTo>
                    <a:pt x="3977635" y="3456590"/>
                    <a:pt x="3979522" y="3475785"/>
                    <a:pt x="3983736" y="3494532"/>
                  </a:cubicBezTo>
                  <a:cubicBezTo>
                    <a:pt x="3986403" y="3503105"/>
                    <a:pt x="3990023" y="3523107"/>
                    <a:pt x="3995166" y="3551682"/>
                  </a:cubicBezTo>
                  <a:cubicBezTo>
                    <a:pt x="4014216" y="3656457"/>
                    <a:pt x="4053459" y="3875532"/>
                    <a:pt x="4128516" y="3932682"/>
                  </a:cubicBezTo>
                  <a:cubicBezTo>
                    <a:pt x="4227671" y="4007644"/>
                    <a:pt x="4276630" y="4061460"/>
                    <a:pt x="4269581" y="4147852"/>
                  </a:cubicBezTo>
                  <a:cubicBezTo>
                    <a:pt x="4262533" y="4234244"/>
                    <a:pt x="4044029" y="4335780"/>
                    <a:pt x="3950685" y="4379500"/>
                  </a:cubicBezTo>
                  <a:lnTo>
                    <a:pt x="3941160" y="4384167"/>
                  </a:lnTo>
                  <a:cubicBezTo>
                    <a:pt x="3866673" y="4419219"/>
                    <a:pt x="3769233" y="4404836"/>
                    <a:pt x="3634454" y="4384929"/>
                  </a:cubicBezTo>
                  <a:lnTo>
                    <a:pt x="3590925" y="4378547"/>
                  </a:lnTo>
                  <a:cubicBezTo>
                    <a:pt x="3437478" y="4356354"/>
                    <a:pt x="3266123" y="4360355"/>
                    <a:pt x="3226499" y="4378547"/>
                  </a:cubicBezTo>
                  <a:cubicBezTo>
                    <a:pt x="3219355" y="4381786"/>
                    <a:pt x="3212877" y="4384262"/>
                    <a:pt x="3206020" y="4386834"/>
                  </a:cubicBezTo>
                  <a:cubicBezTo>
                    <a:pt x="3175159" y="4398455"/>
                    <a:pt x="3140107" y="4411599"/>
                    <a:pt x="3030759" y="4502849"/>
                  </a:cubicBezTo>
                  <a:cubicBezTo>
                    <a:pt x="2905220" y="4607624"/>
                    <a:pt x="2839212" y="4742974"/>
                    <a:pt x="2791206" y="4861465"/>
                  </a:cubicBezTo>
                  <a:cubicBezTo>
                    <a:pt x="2768558" y="4913515"/>
                    <a:pt x="2742793" y="4964152"/>
                    <a:pt x="2714054" y="5013103"/>
                  </a:cubicBezTo>
                  <a:cubicBezTo>
                    <a:pt x="2678620" y="5076825"/>
                    <a:pt x="2638425" y="5149025"/>
                    <a:pt x="2596038" y="5243513"/>
                  </a:cubicBezTo>
                  <a:cubicBezTo>
                    <a:pt x="2528792" y="5393151"/>
                    <a:pt x="2434114" y="5423631"/>
                    <a:pt x="2365724" y="5445824"/>
                  </a:cubicBezTo>
                  <a:cubicBezTo>
                    <a:pt x="2352294" y="5450205"/>
                    <a:pt x="2339531" y="5454301"/>
                    <a:pt x="2328767" y="5458873"/>
                  </a:cubicBezTo>
                  <a:cubicBezTo>
                    <a:pt x="2318004" y="5463445"/>
                    <a:pt x="2301621" y="5468398"/>
                    <a:pt x="2283143" y="5474685"/>
                  </a:cubicBezTo>
                  <a:cubicBezTo>
                    <a:pt x="2197989" y="5502402"/>
                    <a:pt x="2039302" y="5553837"/>
                    <a:pt x="1965293" y="5694236"/>
                  </a:cubicBezTo>
                  <a:cubicBezTo>
                    <a:pt x="1911953" y="5795582"/>
                    <a:pt x="1910048" y="5865686"/>
                    <a:pt x="1908143" y="5933504"/>
                  </a:cubicBezTo>
                  <a:cubicBezTo>
                    <a:pt x="1906905" y="5979700"/>
                    <a:pt x="1905762" y="6023420"/>
                    <a:pt x="1888236" y="6074283"/>
                  </a:cubicBezTo>
                  <a:cubicBezTo>
                    <a:pt x="1846326" y="6196108"/>
                    <a:pt x="1853946" y="6484525"/>
                    <a:pt x="1913191" y="6530245"/>
                  </a:cubicBezTo>
                  <a:cubicBezTo>
                    <a:pt x="1955387" y="6562820"/>
                    <a:pt x="1974532" y="6627495"/>
                    <a:pt x="1996726" y="6702457"/>
                  </a:cubicBezTo>
                  <a:cubicBezTo>
                    <a:pt x="2006251" y="6734937"/>
                    <a:pt x="2016252" y="6768560"/>
                    <a:pt x="2028730" y="6801326"/>
                  </a:cubicBezTo>
                  <a:cubicBezTo>
                    <a:pt x="2066830" y="6900958"/>
                    <a:pt x="2134552" y="6936391"/>
                    <a:pt x="2200180" y="6970681"/>
                  </a:cubicBezTo>
                  <a:lnTo>
                    <a:pt x="2213134" y="6977444"/>
                  </a:lnTo>
                  <a:cubicBezTo>
                    <a:pt x="2249710" y="6996494"/>
                    <a:pt x="2274379" y="7052024"/>
                    <a:pt x="2302859" y="7116033"/>
                  </a:cubicBezTo>
                  <a:cubicBezTo>
                    <a:pt x="2329720" y="7176611"/>
                    <a:pt x="2360009" y="7245192"/>
                    <a:pt x="2407634" y="7300817"/>
                  </a:cubicBezTo>
                  <a:cubicBezTo>
                    <a:pt x="2411444" y="7305199"/>
                    <a:pt x="2415254" y="7310342"/>
                    <a:pt x="2418969" y="7314819"/>
                  </a:cubicBezTo>
                  <a:lnTo>
                    <a:pt x="2413254" y="7314819"/>
                  </a:lnTo>
                  <a:cubicBezTo>
                    <a:pt x="2410301" y="7311009"/>
                    <a:pt x="2407349" y="7307390"/>
                    <a:pt x="2404300" y="7303961"/>
                  </a:cubicBezTo>
                  <a:cubicBezTo>
                    <a:pt x="2356675" y="7247764"/>
                    <a:pt x="2325529" y="7178802"/>
                    <a:pt x="2298478" y="7118032"/>
                  </a:cubicBezTo>
                  <a:cubicBezTo>
                    <a:pt x="2269903" y="7054787"/>
                    <a:pt x="2246090" y="7000208"/>
                    <a:pt x="2210943" y="6981635"/>
                  </a:cubicBezTo>
                  <a:lnTo>
                    <a:pt x="2197989" y="6974872"/>
                  </a:lnTo>
                  <a:cubicBezTo>
                    <a:pt x="2131314" y="6940201"/>
                    <a:pt x="2062829" y="6904387"/>
                    <a:pt x="2024253" y="6803422"/>
                  </a:cubicBezTo>
                  <a:cubicBezTo>
                    <a:pt x="2011680" y="6770465"/>
                    <a:pt x="2001774" y="6736747"/>
                    <a:pt x="1992153" y="6704172"/>
                  </a:cubicBezTo>
                  <a:cubicBezTo>
                    <a:pt x="1970246" y="6630067"/>
                    <a:pt x="1951291" y="6566059"/>
                    <a:pt x="1910239" y="6534341"/>
                  </a:cubicBezTo>
                  <a:cubicBezTo>
                    <a:pt x="1848517" y="6486716"/>
                    <a:pt x="1840325" y="6199156"/>
                    <a:pt x="1883759" y="6073045"/>
                  </a:cubicBezTo>
                  <a:cubicBezTo>
                    <a:pt x="1900999" y="6022944"/>
                    <a:pt x="1902143" y="5979605"/>
                    <a:pt x="1903476" y="5933694"/>
                  </a:cubicBezTo>
                  <a:cubicBezTo>
                    <a:pt x="1905286" y="5865400"/>
                    <a:pt x="1907191" y="5794724"/>
                    <a:pt x="1960626" y="5692426"/>
                  </a:cubicBezTo>
                  <a:cubicBezTo>
                    <a:pt x="2035493" y="5550313"/>
                    <a:pt x="2195322" y="5498402"/>
                    <a:pt x="2281238" y="5470589"/>
                  </a:cubicBezTo>
                  <a:cubicBezTo>
                    <a:pt x="2299525" y="5464683"/>
                    <a:pt x="2315337" y="5459540"/>
                    <a:pt x="2326386" y="5454872"/>
                  </a:cubicBezTo>
                  <a:cubicBezTo>
                    <a:pt x="2337435" y="5450205"/>
                    <a:pt x="2350199" y="5446014"/>
                    <a:pt x="2363724" y="5441728"/>
                  </a:cubicBezTo>
                  <a:cubicBezTo>
                    <a:pt x="2431733" y="5419725"/>
                    <a:pt x="2524792" y="5389626"/>
                    <a:pt x="2591181" y="5241703"/>
                  </a:cubicBezTo>
                  <a:cubicBezTo>
                    <a:pt x="2633758" y="5147120"/>
                    <a:pt x="2673953" y="5074825"/>
                    <a:pt x="2709386" y="5011008"/>
                  </a:cubicBezTo>
                  <a:cubicBezTo>
                    <a:pt x="2738060" y="4962216"/>
                    <a:pt x="2763760" y="4911736"/>
                    <a:pt x="2786347" y="4859846"/>
                  </a:cubicBezTo>
                  <a:cubicBezTo>
                    <a:pt x="2834545" y="4740783"/>
                    <a:pt x="2900649" y="4604861"/>
                    <a:pt x="3027235" y="4499420"/>
                  </a:cubicBezTo>
                  <a:cubicBezTo>
                    <a:pt x="3137249" y="4407599"/>
                    <a:pt x="3172587" y="4394645"/>
                    <a:pt x="3203829" y="4382548"/>
                  </a:cubicBezTo>
                  <a:cubicBezTo>
                    <a:pt x="3210687" y="4379976"/>
                    <a:pt x="3217069" y="4377595"/>
                    <a:pt x="3224022" y="4374356"/>
                  </a:cubicBezTo>
                  <a:cubicBezTo>
                    <a:pt x="3264217" y="4356069"/>
                    <a:pt x="3436905" y="4351973"/>
                    <a:pt x="3591116" y="4374356"/>
                  </a:cubicBezTo>
                  <a:lnTo>
                    <a:pt x="3634645" y="4380738"/>
                  </a:lnTo>
                  <a:cubicBezTo>
                    <a:pt x="3768662" y="4400550"/>
                    <a:pt x="3865435" y="4414933"/>
                    <a:pt x="3938683" y="4380738"/>
                  </a:cubicBezTo>
                  <a:lnTo>
                    <a:pt x="3948208" y="4376071"/>
                  </a:lnTo>
                  <a:cubicBezTo>
                    <a:pt x="4032885" y="4336447"/>
                    <a:pt x="4257580" y="4231005"/>
                    <a:pt x="4264342" y="4148328"/>
                  </a:cubicBezTo>
                  <a:cubicBezTo>
                    <a:pt x="4271295" y="4064127"/>
                    <a:pt x="4222909" y="4011263"/>
                    <a:pt x="4125182" y="3937349"/>
                  </a:cubicBezTo>
                  <a:cubicBezTo>
                    <a:pt x="4048411" y="3879247"/>
                    <a:pt x="4008787" y="3659410"/>
                    <a:pt x="3989737" y="3553682"/>
                  </a:cubicBezTo>
                  <a:cubicBezTo>
                    <a:pt x="3984784" y="3525679"/>
                    <a:pt x="3981069" y="3505486"/>
                    <a:pt x="3978497" y="3497294"/>
                  </a:cubicBezTo>
                  <a:cubicBezTo>
                    <a:pt x="3974199" y="3478107"/>
                    <a:pt x="3972248" y="3458469"/>
                    <a:pt x="3972687" y="3438811"/>
                  </a:cubicBezTo>
                  <a:cubicBezTo>
                    <a:pt x="3971258" y="3391186"/>
                    <a:pt x="3969258" y="3325654"/>
                    <a:pt x="3937159" y="3256788"/>
                  </a:cubicBezTo>
                  <a:cubicBezTo>
                    <a:pt x="3888295" y="3152013"/>
                    <a:pt x="3730276" y="2891028"/>
                    <a:pt x="3672935" y="2820448"/>
                  </a:cubicBezTo>
                  <a:cubicBezTo>
                    <a:pt x="3634835" y="2772823"/>
                    <a:pt x="3438430" y="2534031"/>
                    <a:pt x="3361564" y="2475738"/>
                  </a:cubicBezTo>
                  <a:cubicBezTo>
                    <a:pt x="3350228" y="2467070"/>
                    <a:pt x="3340132" y="2458784"/>
                    <a:pt x="3330321" y="2450878"/>
                  </a:cubicBezTo>
                  <a:cubicBezTo>
                    <a:pt x="3276981" y="2407444"/>
                    <a:pt x="3241738" y="2378774"/>
                    <a:pt x="3138869" y="2393061"/>
                  </a:cubicBezTo>
                  <a:cubicBezTo>
                    <a:pt x="3051715" y="2405158"/>
                    <a:pt x="2862644" y="2471642"/>
                    <a:pt x="2738056" y="2515648"/>
                  </a:cubicBezTo>
                  <a:cubicBezTo>
                    <a:pt x="2685573" y="2534126"/>
                    <a:pt x="2644140" y="2548700"/>
                    <a:pt x="2622995" y="2554891"/>
                  </a:cubicBezTo>
                  <a:cubicBezTo>
                    <a:pt x="2610136" y="2558701"/>
                    <a:pt x="2591276" y="2564892"/>
                    <a:pt x="2567464" y="2572798"/>
                  </a:cubicBezTo>
                  <a:cubicBezTo>
                    <a:pt x="2458879" y="2608707"/>
                    <a:pt x="2256663" y="2675573"/>
                    <a:pt x="2178272" y="2650808"/>
                  </a:cubicBezTo>
                  <a:cubicBezTo>
                    <a:pt x="2113597" y="2630329"/>
                    <a:pt x="1916716" y="2568131"/>
                    <a:pt x="1797272" y="2388299"/>
                  </a:cubicBezTo>
                  <a:cubicBezTo>
                    <a:pt x="1730026" y="2287048"/>
                    <a:pt x="1577531" y="2213610"/>
                    <a:pt x="1455039" y="2154555"/>
                  </a:cubicBezTo>
                  <a:cubicBezTo>
                    <a:pt x="1376458" y="2116455"/>
                    <a:pt x="1314355" y="2086737"/>
                    <a:pt x="1296162" y="2059305"/>
                  </a:cubicBezTo>
                  <a:cubicBezTo>
                    <a:pt x="1288828" y="2048447"/>
                    <a:pt x="1115663" y="1790891"/>
                    <a:pt x="1049274" y="1740313"/>
                  </a:cubicBezTo>
                  <a:cubicBezTo>
                    <a:pt x="986599" y="1692688"/>
                    <a:pt x="765620" y="1440561"/>
                    <a:pt x="699706" y="1298353"/>
                  </a:cubicBezTo>
                  <a:cubicBezTo>
                    <a:pt x="681228" y="1258538"/>
                    <a:pt x="660463" y="1219772"/>
                    <a:pt x="638556" y="1178719"/>
                  </a:cubicBezTo>
                  <a:cubicBezTo>
                    <a:pt x="581406" y="1072325"/>
                    <a:pt x="517207" y="951643"/>
                    <a:pt x="473583" y="773811"/>
                  </a:cubicBezTo>
                  <a:cubicBezTo>
                    <a:pt x="441388" y="642461"/>
                    <a:pt x="381952" y="599218"/>
                    <a:pt x="318992" y="553498"/>
                  </a:cubicBezTo>
                  <a:cubicBezTo>
                    <a:pt x="263080" y="512826"/>
                    <a:pt x="205264" y="470821"/>
                    <a:pt x="156305" y="367284"/>
                  </a:cubicBezTo>
                  <a:cubicBezTo>
                    <a:pt x="80105" y="205359"/>
                    <a:pt x="24479" y="64675"/>
                    <a:pt x="0" y="0"/>
                  </a:cubicBezTo>
                  <a:lnTo>
                    <a:pt x="5143" y="0"/>
                  </a:lnTo>
                  <a:cubicBezTo>
                    <a:pt x="29813" y="65341"/>
                    <a:pt x="84772" y="204883"/>
                    <a:pt x="160591" y="365189"/>
                  </a:cubicBezTo>
                  <a:cubicBezTo>
                    <a:pt x="209931" y="466630"/>
                    <a:pt x="267271" y="508349"/>
                    <a:pt x="322612" y="54854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9" name="Freeform: Shape 126">
              <a:extLst>
                <a:ext uri="{FF2B5EF4-FFF2-40B4-BE49-F238E27FC236}">
                  <a16:creationId xmlns:a16="http://schemas.microsoft.com/office/drawing/2014/main" id="{D71CE64E-7029-F742-AEC9-542FEE0CD02C}"/>
                </a:ext>
              </a:extLst>
            </p:cNvPr>
            <p:cNvSpPr/>
            <p:nvPr/>
          </p:nvSpPr>
          <p:spPr>
            <a:xfrm>
              <a:off x="6687572" y="-1668332"/>
              <a:ext cx="5262116" cy="8870485"/>
            </a:xfrm>
            <a:custGeom>
              <a:avLst/>
              <a:gdLst>
                <a:gd name="connsiteX0" fmla="*/ 109538 w 4309959"/>
                <a:gd name="connsiteY0" fmla="*/ 251460 h 7316247"/>
                <a:gd name="connsiteX1" fmla="*/ 197644 w 4309959"/>
                <a:gd name="connsiteY1" fmla="*/ 308610 h 7316247"/>
                <a:gd name="connsiteX2" fmla="*/ 396145 w 4309959"/>
                <a:gd name="connsiteY2" fmla="*/ 467297 h 7316247"/>
                <a:gd name="connsiteX3" fmla="*/ 429768 w 4309959"/>
                <a:gd name="connsiteY3" fmla="*/ 537686 h 7316247"/>
                <a:gd name="connsiteX4" fmla="*/ 603123 w 4309959"/>
                <a:gd name="connsiteY4" fmla="*/ 839724 h 7316247"/>
                <a:gd name="connsiteX5" fmla="*/ 742760 w 4309959"/>
                <a:gd name="connsiteY5" fmla="*/ 980218 h 7316247"/>
                <a:gd name="connsiteX6" fmla="*/ 920877 w 4309959"/>
                <a:gd name="connsiteY6" fmla="*/ 1170718 h 7316247"/>
                <a:gd name="connsiteX7" fmla="*/ 1079849 w 4309959"/>
                <a:gd name="connsiteY7" fmla="*/ 1518761 h 7316247"/>
                <a:gd name="connsiteX8" fmla="*/ 1096709 w 4309959"/>
                <a:gd name="connsiteY8" fmla="*/ 1608392 h 7316247"/>
                <a:gd name="connsiteX9" fmla="*/ 1176242 w 4309959"/>
                <a:gd name="connsiteY9" fmla="*/ 1753934 h 7316247"/>
                <a:gd name="connsiteX10" fmla="*/ 1511998 w 4309959"/>
                <a:gd name="connsiteY10" fmla="*/ 1958340 h 7316247"/>
                <a:gd name="connsiteX11" fmla="*/ 1567148 w 4309959"/>
                <a:gd name="connsiteY11" fmla="*/ 1981295 h 7316247"/>
                <a:gd name="connsiteX12" fmla="*/ 1755934 w 4309959"/>
                <a:gd name="connsiteY12" fmla="*/ 2129504 h 7316247"/>
                <a:gd name="connsiteX13" fmla="*/ 2023777 w 4309959"/>
                <a:gd name="connsiteY13" fmla="*/ 2392871 h 7316247"/>
                <a:gd name="connsiteX14" fmla="*/ 2446687 w 4309959"/>
                <a:gd name="connsiteY14" fmla="*/ 2426875 h 7316247"/>
                <a:gd name="connsiteX15" fmla="*/ 2774633 w 4309959"/>
                <a:gd name="connsiteY15" fmla="*/ 2279809 h 7316247"/>
                <a:gd name="connsiteX16" fmla="*/ 2909983 w 4309959"/>
                <a:gd name="connsiteY16" fmla="*/ 2215991 h 7316247"/>
                <a:gd name="connsiteX17" fmla="*/ 2920651 w 4309959"/>
                <a:gd name="connsiteY17" fmla="*/ 2211991 h 7316247"/>
                <a:gd name="connsiteX18" fmla="*/ 3193828 w 4309959"/>
                <a:gd name="connsiteY18" fmla="*/ 2173891 h 7316247"/>
                <a:gd name="connsiteX19" fmla="*/ 3255264 w 4309959"/>
                <a:gd name="connsiteY19" fmla="*/ 2244662 h 7316247"/>
                <a:gd name="connsiteX20" fmla="*/ 3307938 w 4309959"/>
                <a:gd name="connsiteY20" fmla="*/ 2301812 h 7316247"/>
                <a:gd name="connsiteX21" fmla="*/ 3466434 w 4309959"/>
                <a:gd name="connsiteY21" fmla="*/ 2516315 h 7316247"/>
                <a:gd name="connsiteX22" fmla="*/ 3740563 w 4309959"/>
                <a:gd name="connsiteY22" fmla="*/ 2909697 h 7316247"/>
                <a:gd name="connsiteX23" fmla="*/ 3951257 w 4309959"/>
                <a:gd name="connsiteY23" fmla="*/ 3336893 h 7316247"/>
                <a:gd name="connsiteX24" fmla="*/ 4056984 w 4309959"/>
                <a:gd name="connsiteY24" fmla="*/ 3736943 h 7316247"/>
                <a:gd name="connsiteX25" fmla="*/ 4213574 w 4309959"/>
                <a:gd name="connsiteY25" fmla="*/ 3989641 h 7316247"/>
                <a:gd name="connsiteX26" fmla="*/ 4308824 w 4309959"/>
                <a:gd name="connsiteY26" fmla="*/ 4189666 h 7316247"/>
                <a:gd name="connsiteX27" fmla="*/ 4124134 w 4309959"/>
                <a:gd name="connsiteY27" fmla="*/ 4479322 h 7316247"/>
                <a:gd name="connsiteX28" fmla="*/ 3659981 w 4309959"/>
                <a:gd name="connsiteY28" fmla="*/ 4532662 h 7316247"/>
                <a:gd name="connsiteX29" fmla="*/ 3611690 w 4309959"/>
                <a:gd name="connsiteY29" fmla="*/ 4529805 h 7316247"/>
                <a:gd name="connsiteX30" fmla="*/ 3152109 w 4309959"/>
                <a:gd name="connsiteY30" fmla="*/ 4560189 h 7316247"/>
                <a:gd name="connsiteX31" fmla="*/ 3106293 w 4309959"/>
                <a:gd name="connsiteY31" fmla="*/ 4581335 h 7316247"/>
                <a:gd name="connsiteX32" fmla="*/ 2748439 w 4309959"/>
                <a:gd name="connsiteY32" fmla="*/ 4983099 h 7316247"/>
                <a:gd name="connsiteX33" fmla="*/ 2292572 w 4309959"/>
                <a:gd name="connsiteY33" fmla="*/ 5612797 h 7316247"/>
                <a:gd name="connsiteX34" fmla="*/ 2230946 w 4309959"/>
                <a:gd name="connsiteY34" fmla="*/ 5637753 h 7316247"/>
                <a:gd name="connsiteX35" fmla="*/ 1952244 w 4309959"/>
                <a:gd name="connsiteY35" fmla="*/ 5941028 h 7316247"/>
                <a:gd name="connsiteX36" fmla="*/ 1961007 w 4309959"/>
                <a:gd name="connsiteY36" fmla="*/ 6176677 h 7316247"/>
                <a:gd name="connsiteX37" fmla="*/ 1972247 w 4309959"/>
                <a:gd name="connsiteY37" fmla="*/ 6249733 h 7316247"/>
                <a:gd name="connsiteX38" fmla="*/ 1972247 w 4309959"/>
                <a:gd name="connsiteY38" fmla="*/ 6358890 h 7316247"/>
                <a:gd name="connsiteX39" fmla="*/ 2006251 w 4309959"/>
                <a:gd name="connsiteY39" fmla="*/ 6751796 h 7316247"/>
                <a:gd name="connsiteX40" fmla="*/ 2138934 w 4309959"/>
                <a:gd name="connsiteY40" fmla="*/ 6917245 h 7316247"/>
                <a:gd name="connsiteX41" fmla="*/ 2162842 w 4309959"/>
                <a:gd name="connsiteY41" fmla="*/ 6934105 h 7316247"/>
                <a:gd name="connsiteX42" fmla="*/ 2206562 w 4309959"/>
                <a:gd name="connsiteY42" fmla="*/ 7012401 h 7316247"/>
                <a:gd name="connsiteX43" fmla="*/ 2334768 w 4309959"/>
                <a:gd name="connsiteY43" fmla="*/ 7230523 h 7316247"/>
                <a:gd name="connsiteX44" fmla="*/ 2388965 w 4309959"/>
                <a:gd name="connsiteY44" fmla="*/ 7316248 h 7316247"/>
                <a:gd name="connsiteX45" fmla="*/ 2383822 w 4309959"/>
                <a:gd name="connsiteY45" fmla="*/ 7316248 h 7316247"/>
                <a:gd name="connsiteX46" fmla="*/ 2331244 w 4309959"/>
                <a:gd name="connsiteY46" fmla="*/ 7233952 h 7316247"/>
                <a:gd name="connsiteX47" fmla="*/ 2202466 w 4309959"/>
                <a:gd name="connsiteY47" fmla="*/ 7014877 h 7316247"/>
                <a:gd name="connsiteX48" fmla="*/ 2159889 w 4309959"/>
                <a:gd name="connsiteY48" fmla="*/ 6938010 h 7316247"/>
                <a:gd name="connsiteX49" fmla="*/ 2136553 w 4309959"/>
                <a:gd name="connsiteY49" fmla="*/ 6921628 h 7316247"/>
                <a:gd name="connsiteX50" fmla="*/ 2001964 w 4309959"/>
                <a:gd name="connsiteY50" fmla="*/ 6753892 h 7316247"/>
                <a:gd name="connsiteX51" fmla="*/ 1967675 w 4309959"/>
                <a:gd name="connsiteY51" fmla="*/ 6359176 h 7316247"/>
                <a:gd name="connsiteX52" fmla="*/ 1967675 w 4309959"/>
                <a:gd name="connsiteY52" fmla="*/ 6250401 h 7316247"/>
                <a:gd name="connsiteX53" fmla="*/ 1956531 w 4309959"/>
                <a:gd name="connsiteY53" fmla="*/ 6178106 h 7316247"/>
                <a:gd name="connsiteX54" fmla="*/ 1947672 w 4309959"/>
                <a:gd name="connsiteY54" fmla="*/ 5941028 h 7316247"/>
                <a:gd name="connsiteX55" fmla="*/ 2229422 w 4309959"/>
                <a:gd name="connsiteY55" fmla="*/ 5633657 h 7316247"/>
                <a:gd name="connsiteX56" fmla="*/ 2290858 w 4309959"/>
                <a:gd name="connsiteY56" fmla="*/ 5608796 h 7316247"/>
                <a:gd name="connsiteX57" fmla="*/ 2744438 w 4309959"/>
                <a:gd name="connsiteY57" fmla="*/ 4981289 h 7316247"/>
                <a:gd name="connsiteX58" fmla="*/ 3104484 w 4309959"/>
                <a:gd name="connsiteY58" fmla="*/ 4577334 h 7316247"/>
                <a:gd name="connsiteX59" fmla="*/ 3150108 w 4309959"/>
                <a:gd name="connsiteY59" fmla="*/ 4556284 h 7316247"/>
                <a:gd name="connsiteX60" fmla="*/ 3612261 w 4309959"/>
                <a:gd name="connsiteY60" fmla="*/ 4525423 h 7316247"/>
                <a:gd name="connsiteX61" fmla="*/ 3659886 w 4309959"/>
                <a:gd name="connsiteY61" fmla="*/ 4528281 h 7316247"/>
                <a:gd name="connsiteX62" fmla="*/ 4122325 w 4309959"/>
                <a:gd name="connsiteY62" fmla="*/ 4475131 h 7316247"/>
                <a:gd name="connsiteX63" fmla="*/ 4303300 w 4309959"/>
                <a:gd name="connsiteY63" fmla="*/ 4189381 h 7316247"/>
                <a:gd name="connsiteX64" fmla="*/ 4209764 w 4309959"/>
                <a:gd name="connsiteY64" fmla="*/ 3993356 h 7316247"/>
                <a:gd name="connsiteX65" fmla="*/ 4051745 w 4309959"/>
                <a:gd name="connsiteY65" fmla="*/ 3738848 h 7316247"/>
                <a:gd name="connsiteX66" fmla="*/ 3945827 w 4309959"/>
                <a:gd name="connsiteY66" fmla="*/ 3337846 h 7316247"/>
                <a:gd name="connsiteX67" fmla="*/ 3736277 w 4309959"/>
                <a:gd name="connsiteY67" fmla="*/ 2912745 h 7316247"/>
                <a:gd name="connsiteX68" fmla="*/ 3461290 w 4309959"/>
                <a:gd name="connsiteY68" fmla="*/ 2517743 h 7316247"/>
                <a:gd name="connsiteX69" fmla="*/ 3305270 w 4309959"/>
                <a:gd name="connsiteY69" fmla="*/ 2306098 h 7316247"/>
                <a:gd name="connsiteX70" fmla="*/ 3250692 w 4309959"/>
                <a:gd name="connsiteY70" fmla="*/ 2247424 h 7316247"/>
                <a:gd name="connsiteX71" fmla="*/ 3190589 w 4309959"/>
                <a:gd name="connsiteY71" fmla="*/ 2178082 h 7316247"/>
                <a:gd name="connsiteX72" fmla="*/ 2921699 w 4309959"/>
                <a:gd name="connsiteY72" fmla="*/ 2217039 h 7316247"/>
                <a:gd name="connsiteX73" fmla="*/ 2911031 w 4309959"/>
                <a:gd name="connsiteY73" fmla="*/ 2221040 h 7316247"/>
                <a:gd name="connsiteX74" fmla="*/ 2776252 w 4309959"/>
                <a:gd name="connsiteY74" fmla="*/ 2284667 h 7316247"/>
                <a:gd name="connsiteX75" fmla="*/ 2447639 w 4309959"/>
                <a:gd name="connsiteY75" fmla="*/ 2431923 h 7316247"/>
                <a:gd name="connsiteX76" fmla="*/ 2021872 w 4309959"/>
                <a:gd name="connsiteY76" fmla="*/ 2396871 h 7316247"/>
                <a:gd name="connsiteX77" fmla="*/ 1752029 w 4309959"/>
                <a:gd name="connsiteY77" fmla="*/ 2131790 h 7316247"/>
                <a:gd name="connsiteX78" fmla="*/ 1565530 w 4309959"/>
                <a:gd name="connsiteY78" fmla="*/ 1985486 h 7316247"/>
                <a:gd name="connsiteX79" fmla="*/ 1509713 w 4309959"/>
                <a:gd name="connsiteY79" fmla="*/ 1962150 h 7316247"/>
                <a:gd name="connsiteX80" fmla="*/ 1173385 w 4309959"/>
                <a:gd name="connsiteY80" fmla="*/ 1757363 h 7316247"/>
                <a:gd name="connsiteX81" fmla="*/ 1091946 w 4309959"/>
                <a:gd name="connsiteY81" fmla="*/ 1608677 h 7316247"/>
                <a:gd name="connsiteX82" fmla="*/ 1075277 w 4309959"/>
                <a:gd name="connsiteY82" fmla="*/ 1519523 h 7316247"/>
                <a:gd name="connsiteX83" fmla="*/ 916781 w 4309959"/>
                <a:gd name="connsiteY83" fmla="*/ 1172909 h 7316247"/>
                <a:gd name="connsiteX84" fmla="*/ 739426 w 4309959"/>
                <a:gd name="connsiteY84" fmla="*/ 983742 h 7316247"/>
                <a:gd name="connsiteX85" fmla="*/ 599599 w 4309959"/>
                <a:gd name="connsiteY85" fmla="*/ 842963 h 7316247"/>
                <a:gd name="connsiteX86" fmla="*/ 425482 w 4309959"/>
                <a:gd name="connsiteY86" fmla="*/ 539782 h 7316247"/>
                <a:gd name="connsiteX87" fmla="*/ 391954 w 4309959"/>
                <a:gd name="connsiteY87" fmla="*/ 469583 h 7316247"/>
                <a:gd name="connsiteX88" fmla="*/ 195167 w 4309959"/>
                <a:gd name="connsiteY88" fmla="*/ 312801 h 7316247"/>
                <a:gd name="connsiteX89" fmla="*/ 106585 w 4309959"/>
                <a:gd name="connsiteY89" fmla="*/ 255175 h 7316247"/>
                <a:gd name="connsiteX90" fmla="*/ 0 w 4309959"/>
                <a:gd name="connsiteY90" fmla="*/ 0 h 7316247"/>
                <a:gd name="connsiteX91" fmla="*/ 4953 w 4309959"/>
                <a:gd name="connsiteY91" fmla="*/ 0 h 7316247"/>
                <a:gd name="connsiteX92" fmla="*/ 109538 w 4309959"/>
                <a:gd name="connsiteY92" fmla="*/ 251460 h 731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4309959" h="7316247">
                  <a:moveTo>
                    <a:pt x="109538" y="251460"/>
                  </a:moveTo>
                  <a:cubicBezTo>
                    <a:pt x="137808" y="272152"/>
                    <a:pt x="167224" y="291232"/>
                    <a:pt x="197644" y="308610"/>
                  </a:cubicBezTo>
                  <a:cubicBezTo>
                    <a:pt x="273368" y="354425"/>
                    <a:pt x="367570" y="411575"/>
                    <a:pt x="396145" y="467297"/>
                  </a:cubicBezTo>
                  <a:cubicBezTo>
                    <a:pt x="405670" y="486347"/>
                    <a:pt x="416814" y="509873"/>
                    <a:pt x="429768" y="537686"/>
                  </a:cubicBezTo>
                  <a:cubicBezTo>
                    <a:pt x="473773" y="631984"/>
                    <a:pt x="533877" y="761143"/>
                    <a:pt x="603123" y="839724"/>
                  </a:cubicBezTo>
                  <a:cubicBezTo>
                    <a:pt x="640175" y="881729"/>
                    <a:pt x="692277" y="931831"/>
                    <a:pt x="742760" y="980218"/>
                  </a:cubicBezTo>
                  <a:cubicBezTo>
                    <a:pt x="814959" y="1049465"/>
                    <a:pt x="889540" y="1121093"/>
                    <a:pt x="920877" y="1170718"/>
                  </a:cubicBezTo>
                  <a:cubicBezTo>
                    <a:pt x="974408" y="1254919"/>
                    <a:pt x="1048227" y="1396556"/>
                    <a:pt x="1079849" y="1518761"/>
                  </a:cubicBezTo>
                  <a:cubicBezTo>
                    <a:pt x="1087259" y="1548274"/>
                    <a:pt x="1092889" y="1578204"/>
                    <a:pt x="1096709" y="1608392"/>
                  </a:cubicBezTo>
                  <a:cubicBezTo>
                    <a:pt x="1105091" y="1668494"/>
                    <a:pt x="1110234" y="1704785"/>
                    <a:pt x="1176242" y="1753934"/>
                  </a:cubicBezTo>
                  <a:cubicBezTo>
                    <a:pt x="1268254" y="1822514"/>
                    <a:pt x="1436084" y="1917573"/>
                    <a:pt x="1511998" y="1958340"/>
                  </a:cubicBezTo>
                  <a:cubicBezTo>
                    <a:pt x="1529760" y="1967408"/>
                    <a:pt x="1548199" y="1975082"/>
                    <a:pt x="1567148" y="1981295"/>
                  </a:cubicBezTo>
                  <a:cubicBezTo>
                    <a:pt x="1620964" y="2000345"/>
                    <a:pt x="1682020" y="2022634"/>
                    <a:pt x="1755934" y="2129504"/>
                  </a:cubicBezTo>
                  <a:cubicBezTo>
                    <a:pt x="1845850" y="2259616"/>
                    <a:pt x="1945958" y="2358104"/>
                    <a:pt x="2023777" y="2392871"/>
                  </a:cubicBezTo>
                  <a:cubicBezTo>
                    <a:pt x="2175130" y="2460593"/>
                    <a:pt x="2317528" y="2472023"/>
                    <a:pt x="2446687" y="2426875"/>
                  </a:cubicBezTo>
                  <a:cubicBezTo>
                    <a:pt x="2560321" y="2387251"/>
                    <a:pt x="2679192" y="2327720"/>
                    <a:pt x="2774633" y="2279809"/>
                  </a:cubicBezTo>
                  <a:cubicBezTo>
                    <a:pt x="2830925" y="2251234"/>
                    <a:pt x="2879408" y="2227326"/>
                    <a:pt x="2909983" y="2215991"/>
                  </a:cubicBezTo>
                  <a:lnTo>
                    <a:pt x="2920651" y="2211991"/>
                  </a:lnTo>
                  <a:cubicBezTo>
                    <a:pt x="3000470" y="2182082"/>
                    <a:pt x="3133916" y="2132171"/>
                    <a:pt x="3193828" y="2173891"/>
                  </a:cubicBezTo>
                  <a:cubicBezTo>
                    <a:pt x="3219273" y="2192664"/>
                    <a:pt x="3240252" y="2216831"/>
                    <a:pt x="3255264" y="2244662"/>
                  </a:cubicBezTo>
                  <a:cubicBezTo>
                    <a:pt x="3270028" y="2268474"/>
                    <a:pt x="3282696" y="2289048"/>
                    <a:pt x="3307938" y="2301812"/>
                  </a:cubicBezTo>
                  <a:cubicBezTo>
                    <a:pt x="3361754" y="2328482"/>
                    <a:pt x="3448527" y="2458688"/>
                    <a:pt x="3466434" y="2516315"/>
                  </a:cubicBezTo>
                  <a:cubicBezTo>
                    <a:pt x="3484341" y="2573941"/>
                    <a:pt x="3636932" y="2781014"/>
                    <a:pt x="3740563" y="2909697"/>
                  </a:cubicBezTo>
                  <a:cubicBezTo>
                    <a:pt x="3832288" y="3023521"/>
                    <a:pt x="3931063" y="3223165"/>
                    <a:pt x="3951257" y="3336893"/>
                  </a:cubicBezTo>
                  <a:cubicBezTo>
                    <a:pt x="3972211" y="3452432"/>
                    <a:pt x="4029456" y="3669316"/>
                    <a:pt x="4056984" y="3736943"/>
                  </a:cubicBezTo>
                  <a:cubicBezTo>
                    <a:pt x="4085559" y="3807524"/>
                    <a:pt x="4153568" y="3938492"/>
                    <a:pt x="4213574" y="3989641"/>
                  </a:cubicBezTo>
                  <a:cubicBezTo>
                    <a:pt x="4253675" y="4023741"/>
                    <a:pt x="4319397" y="4095179"/>
                    <a:pt x="4308824" y="4189666"/>
                  </a:cubicBezTo>
                  <a:cubicBezTo>
                    <a:pt x="4302253" y="4248531"/>
                    <a:pt x="4282155" y="4427792"/>
                    <a:pt x="4124134" y="4479322"/>
                  </a:cubicBezTo>
                  <a:cubicBezTo>
                    <a:pt x="3978021" y="4526947"/>
                    <a:pt x="3762184" y="4537329"/>
                    <a:pt x="3659981" y="4532662"/>
                  </a:cubicBezTo>
                  <a:cubicBezTo>
                    <a:pt x="3647218" y="4532090"/>
                    <a:pt x="3630835" y="4531043"/>
                    <a:pt x="3611690" y="4529805"/>
                  </a:cubicBezTo>
                  <a:cubicBezTo>
                    <a:pt x="3488817" y="4521899"/>
                    <a:pt x="3260122" y="4507040"/>
                    <a:pt x="3152109" y="4560189"/>
                  </a:cubicBezTo>
                  <a:cubicBezTo>
                    <a:pt x="3136392" y="4567809"/>
                    <a:pt x="3121057" y="4574667"/>
                    <a:pt x="3106293" y="4581335"/>
                  </a:cubicBezTo>
                  <a:cubicBezTo>
                    <a:pt x="2999423" y="4628960"/>
                    <a:pt x="2907125" y="4670298"/>
                    <a:pt x="2748439" y="4983099"/>
                  </a:cubicBezTo>
                  <a:cubicBezTo>
                    <a:pt x="2563082" y="5348383"/>
                    <a:pt x="2458688" y="5542312"/>
                    <a:pt x="2292572" y="5612797"/>
                  </a:cubicBezTo>
                  <a:cubicBezTo>
                    <a:pt x="2271808" y="5621560"/>
                    <a:pt x="2251044" y="5629751"/>
                    <a:pt x="2230946" y="5637753"/>
                  </a:cubicBezTo>
                  <a:cubicBezTo>
                    <a:pt x="2088738" y="5694140"/>
                    <a:pt x="1965865" y="5742528"/>
                    <a:pt x="1952244" y="5941028"/>
                  </a:cubicBezTo>
                  <a:cubicBezTo>
                    <a:pt x="1941767" y="6093428"/>
                    <a:pt x="1951577" y="6135529"/>
                    <a:pt x="1961007" y="6176677"/>
                  </a:cubicBezTo>
                  <a:cubicBezTo>
                    <a:pt x="1967066" y="6200617"/>
                    <a:pt x="1970830" y="6225080"/>
                    <a:pt x="1972247" y="6249733"/>
                  </a:cubicBezTo>
                  <a:cubicBezTo>
                    <a:pt x="1973771" y="6275928"/>
                    <a:pt x="1973104" y="6314408"/>
                    <a:pt x="1972247" y="6358890"/>
                  </a:cubicBezTo>
                  <a:cubicBezTo>
                    <a:pt x="1970247" y="6482715"/>
                    <a:pt x="1967579" y="6652165"/>
                    <a:pt x="2006251" y="6751796"/>
                  </a:cubicBezTo>
                  <a:cubicBezTo>
                    <a:pt x="2047685" y="6858762"/>
                    <a:pt x="2102644" y="6893910"/>
                    <a:pt x="2138934" y="6917245"/>
                  </a:cubicBezTo>
                  <a:cubicBezTo>
                    <a:pt x="2147329" y="6922236"/>
                    <a:pt x="2155322" y="6927873"/>
                    <a:pt x="2162842" y="6934105"/>
                  </a:cubicBezTo>
                  <a:cubicBezTo>
                    <a:pt x="2174367" y="6944392"/>
                    <a:pt x="2187893" y="6972872"/>
                    <a:pt x="2206562" y="7012401"/>
                  </a:cubicBezTo>
                  <a:cubicBezTo>
                    <a:pt x="2235708" y="7073836"/>
                    <a:pt x="2275523" y="7157847"/>
                    <a:pt x="2334768" y="7230523"/>
                  </a:cubicBezTo>
                  <a:cubicBezTo>
                    <a:pt x="2355614" y="7257243"/>
                    <a:pt x="2373768" y="7285957"/>
                    <a:pt x="2388965" y="7316248"/>
                  </a:cubicBezTo>
                  <a:lnTo>
                    <a:pt x="2383822" y="7316248"/>
                  </a:lnTo>
                  <a:cubicBezTo>
                    <a:pt x="2369002" y="7287178"/>
                    <a:pt x="2351393" y="7259617"/>
                    <a:pt x="2331244" y="7233952"/>
                  </a:cubicBezTo>
                  <a:cubicBezTo>
                    <a:pt x="2271617" y="7160800"/>
                    <a:pt x="2231708" y="7076408"/>
                    <a:pt x="2202466" y="7014877"/>
                  </a:cubicBezTo>
                  <a:cubicBezTo>
                    <a:pt x="2184655" y="6977349"/>
                    <a:pt x="2170653" y="6947630"/>
                    <a:pt x="2159889" y="6938010"/>
                  </a:cubicBezTo>
                  <a:cubicBezTo>
                    <a:pt x="2152527" y="6931979"/>
                    <a:pt x="2144727" y="6926503"/>
                    <a:pt x="2136553" y="6921628"/>
                  </a:cubicBezTo>
                  <a:cubicBezTo>
                    <a:pt x="2099691" y="6898005"/>
                    <a:pt x="2044065" y="6862287"/>
                    <a:pt x="2001964" y="6753892"/>
                  </a:cubicBezTo>
                  <a:cubicBezTo>
                    <a:pt x="1963008" y="6653403"/>
                    <a:pt x="1965674" y="6483382"/>
                    <a:pt x="1967675" y="6359176"/>
                  </a:cubicBezTo>
                  <a:cubicBezTo>
                    <a:pt x="1968437" y="6314789"/>
                    <a:pt x="1969008" y="6276404"/>
                    <a:pt x="1967675" y="6250401"/>
                  </a:cubicBezTo>
                  <a:cubicBezTo>
                    <a:pt x="1966276" y="6226002"/>
                    <a:pt x="1962544" y="6201793"/>
                    <a:pt x="1956531" y="6178106"/>
                  </a:cubicBezTo>
                  <a:cubicBezTo>
                    <a:pt x="1947006" y="6136577"/>
                    <a:pt x="1937481" y="6093714"/>
                    <a:pt x="1947672" y="5941028"/>
                  </a:cubicBezTo>
                  <a:cubicBezTo>
                    <a:pt x="1961483" y="5739956"/>
                    <a:pt x="2085690" y="5690712"/>
                    <a:pt x="2229422" y="5633657"/>
                  </a:cubicBezTo>
                  <a:cubicBezTo>
                    <a:pt x="2249424" y="5625751"/>
                    <a:pt x="2270189" y="5617464"/>
                    <a:pt x="2290858" y="5608796"/>
                  </a:cubicBezTo>
                  <a:cubicBezTo>
                    <a:pt x="2455450" y="5538978"/>
                    <a:pt x="2559558" y="5345620"/>
                    <a:pt x="2744438" y="4981289"/>
                  </a:cubicBezTo>
                  <a:cubicBezTo>
                    <a:pt x="2903887" y="4666965"/>
                    <a:pt x="2996851" y="4625435"/>
                    <a:pt x="3104484" y="4577334"/>
                  </a:cubicBezTo>
                  <a:cubicBezTo>
                    <a:pt x="3119342" y="4570762"/>
                    <a:pt x="3134582" y="4563904"/>
                    <a:pt x="3150108" y="4556284"/>
                  </a:cubicBezTo>
                  <a:cubicBezTo>
                    <a:pt x="3259360" y="4502658"/>
                    <a:pt x="3488913" y="4517422"/>
                    <a:pt x="3612261" y="4525423"/>
                  </a:cubicBezTo>
                  <a:cubicBezTo>
                    <a:pt x="3631311" y="4526661"/>
                    <a:pt x="3647694" y="4527709"/>
                    <a:pt x="3659886" y="4528281"/>
                  </a:cubicBezTo>
                  <a:cubicBezTo>
                    <a:pt x="3761518" y="4532948"/>
                    <a:pt x="3976878" y="4522661"/>
                    <a:pt x="4122325" y="4475131"/>
                  </a:cubicBezTo>
                  <a:cubicBezTo>
                    <a:pt x="4277488" y="4424553"/>
                    <a:pt x="4297300" y="4247674"/>
                    <a:pt x="4303300" y="4189381"/>
                  </a:cubicBezTo>
                  <a:cubicBezTo>
                    <a:pt x="4313682" y="4096893"/>
                    <a:pt x="4249103" y="4026884"/>
                    <a:pt x="4209764" y="3993356"/>
                  </a:cubicBezTo>
                  <a:cubicBezTo>
                    <a:pt x="4149090" y="3941636"/>
                    <a:pt x="4080701" y="3809810"/>
                    <a:pt x="4051745" y="3738848"/>
                  </a:cubicBezTo>
                  <a:cubicBezTo>
                    <a:pt x="4024217" y="3671030"/>
                    <a:pt x="3966781" y="3453670"/>
                    <a:pt x="3945827" y="3337846"/>
                  </a:cubicBezTo>
                  <a:cubicBezTo>
                    <a:pt x="3925443" y="3224689"/>
                    <a:pt x="3827432" y="3026093"/>
                    <a:pt x="3736277" y="2912745"/>
                  </a:cubicBezTo>
                  <a:cubicBezTo>
                    <a:pt x="3649885" y="2805494"/>
                    <a:pt x="3480531" y="2579370"/>
                    <a:pt x="3461290" y="2517743"/>
                  </a:cubicBezTo>
                  <a:cubicBezTo>
                    <a:pt x="3443574" y="2460593"/>
                    <a:pt x="3358135" y="2332387"/>
                    <a:pt x="3305270" y="2306098"/>
                  </a:cubicBezTo>
                  <a:cubicBezTo>
                    <a:pt x="3278791" y="2293049"/>
                    <a:pt x="3265171" y="2270855"/>
                    <a:pt x="3250692" y="2247424"/>
                  </a:cubicBezTo>
                  <a:cubicBezTo>
                    <a:pt x="3236043" y="2220142"/>
                    <a:pt x="3215514" y="2196457"/>
                    <a:pt x="3190589" y="2178082"/>
                  </a:cubicBezTo>
                  <a:cubicBezTo>
                    <a:pt x="3132773" y="2138077"/>
                    <a:pt x="3000661" y="2187607"/>
                    <a:pt x="2921699" y="2217039"/>
                  </a:cubicBezTo>
                  <a:lnTo>
                    <a:pt x="2911031" y="2221040"/>
                  </a:lnTo>
                  <a:cubicBezTo>
                    <a:pt x="2880837" y="2232279"/>
                    <a:pt x="2832354" y="2256568"/>
                    <a:pt x="2776252" y="2284667"/>
                  </a:cubicBezTo>
                  <a:cubicBezTo>
                    <a:pt x="2681002" y="2332292"/>
                    <a:pt x="2561654" y="2392204"/>
                    <a:pt x="2447639" y="2431923"/>
                  </a:cubicBezTo>
                  <a:cubicBezTo>
                    <a:pt x="2317909" y="2476500"/>
                    <a:pt x="2174272" y="2465070"/>
                    <a:pt x="2021872" y="2396871"/>
                  </a:cubicBezTo>
                  <a:cubicBezTo>
                    <a:pt x="1943386" y="2361724"/>
                    <a:pt x="1842516" y="2262664"/>
                    <a:pt x="1752029" y="2131790"/>
                  </a:cubicBezTo>
                  <a:cubicBezTo>
                    <a:pt x="1678972" y="2026158"/>
                    <a:pt x="1621822" y="2005489"/>
                    <a:pt x="1565530" y="1985486"/>
                  </a:cubicBezTo>
                  <a:cubicBezTo>
                    <a:pt x="1546384" y="1979070"/>
                    <a:pt x="1527729" y="1971270"/>
                    <a:pt x="1509713" y="1962150"/>
                  </a:cubicBezTo>
                  <a:cubicBezTo>
                    <a:pt x="1433513" y="1921383"/>
                    <a:pt x="1265587" y="1826133"/>
                    <a:pt x="1173385" y="1757363"/>
                  </a:cubicBezTo>
                  <a:cubicBezTo>
                    <a:pt x="1105758" y="1706975"/>
                    <a:pt x="1100614" y="1670018"/>
                    <a:pt x="1091946" y="1608677"/>
                  </a:cubicBezTo>
                  <a:cubicBezTo>
                    <a:pt x="1088205" y="1578649"/>
                    <a:pt x="1082638" y="1548875"/>
                    <a:pt x="1075277" y="1519523"/>
                  </a:cubicBezTo>
                  <a:cubicBezTo>
                    <a:pt x="1043750" y="1397889"/>
                    <a:pt x="970502" y="1256824"/>
                    <a:pt x="916781" y="1172909"/>
                  </a:cubicBezTo>
                  <a:cubicBezTo>
                    <a:pt x="885825" y="1124236"/>
                    <a:pt x="811435" y="1052798"/>
                    <a:pt x="739426" y="983742"/>
                  </a:cubicBezTo>
                  <a:cubicBezTo>
                    <a:pt x="688943" y="935260"/>
                    <a:pt x="636747" y="885158"/>
                    <a:pt x="599599" y="842963"/>
                  </a:cubicBezTo>
                  <a:cubicBezTo>
                    <a:pt x="529876" y="763810"/>
                    <a:pt x="469297" y="634365"/>
                    <a:pt x="425482" y="539782"/>
                  </a:cubicBezTo>
                  <a:cubicBezTo>
                    <a:pt x="412528" y="512064"/>
                    <a:pt x="401384" y="488061"/>
                    <a:pt x="391954" y="469583"/>
                  </a:cubicBezTo>
                  <a:cubicBezTo>
                    <a:pt x="363950" y="415004"/>
                    <a:pt x="270415" y="358331"/>
                    <a:pt x="195167" y="312801"/>
                  </a:cubicBezTo>
                  <a:cubicBezTo>
                    <a:pt x="164610" y="295223"/>
                    <a:pt x="135039" y="275985"/>
                    <a:pt x="106585" y="255175"/>
                  </a:cubicBezTo>
                  <a:cubicBezTo>
                    <a:pt x="57245" y="216027"/>
                    <a:pt x="17050" y="70295"/>
                    <a:pt x="0" y="0"/>
                  </a:cubicBezTo>
                  <a:lnTo>
                    <a:pt x="4953" y="0"/>
                  </a:lnTo>
                  <a:cubicBezTo>
                    <a:pt x="22193" y="70199"/>
                    <a:pt x="62199" y="213836"/>
                    <a:pt x="109538" y="2514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0" name="Freeform: Shape 127">
              <a:extLst>
                <a:ext uri="{FF2B5EF4-FFF2-40B4-BE49-F238E27FC236}">
                  <a16:creationId xmlns:a16="http://schemas.microsoft.com/office/drawing/2014/main" id="{2A1FC6B6-D774-4B4B-A551-9BFF6FB6B08E}"/>
                </a:ext>
              </a:extLst>
            </p:cNvPr>
            <p:cNvSpPr/>
            <p:nvPr/>
          </p:nvSpPr>
          <p:spPr>
            <a:xfrm>
              <a:off x="6837707" y="-1666601"/>
              <a:ext cx="5303409" cy="8867367"/>
            </a:xfrm>
            <a:custGeom>
              <a:avLst/>
              <a:gdLst>
                <a:gd name="connsiteX0" fmla="*/ 119253 w 4343781"/>
                <a:gd name="connsiteY0" fmla="*/ 128492 h 7313675"/>
                <a:gd name="connsiteX1" fmla="*/ 268605 w 4343781"/>
                <a:gd name="connsiteY1" fmla="*/ 134684 h 7313675"/>
                <a:gd name="connsiteX2" fmla="*/ 616362 w 4343781"/>
                <a:gd name="connsiteY2" fmla="*/ 269939 h 7313675"/>
                <a:gd name="connsiteX3" fmla="*/ 811435 w 4343781"/>
                <a:gd name="connsiteY3" fmla="*/ 482156 h 7313675"/>
                <a:gd name="connsiteX4" fmla="*/ 934307 w 4343781"/>
                <a:gd name="connsiteY4" fmla="*/ 646176 h 7313675"/>
                <a:gd name="connsiteX5" fmla="*/ 990695 w 4343781"/>
                <a:gd name="connsiteY5" fmla="*/ 736187 h 7313675"/>
                <a:gd name="connsiteX6" fmla="*/ 1040130 w 4343781"/>
                <a:gd name="connsiteY6" fmla="*/ 786765 h 7313675"/>
                <a:gd name="connsiteX7" fmla="*/ 1238536 w 4343781"/>
                <a:gd name="connsiteY7" fmla="*/ 1045750 h 7313675"/>
                <a:gd name="connsiteX8" fmla="*/ 1269302 w 4343781"/>
                <a:gd name="connsiteY8" fmla="*/ 1237298 h 7313675"/>
                <a:gd name="connsiteX9" fmla="*/ 1480185 w 4343781"/>
                <a:gd name="connsiteY9" fmla="*/ 1702784 h 7313675"/>
                <a:gd name="connsiteX10" fmla="*/ 1705165 w 4343781"/>
                <a:gd name="connsiteY10" fmla="*/ 1861566 h 7313675"/>
                <a:gd name="connsiteX11" fmla="*/ 1832800 w 4343781"/>
                <a:gd name="connsiteY11" fmla="*/ 2022920 h 7313675"/>
                <a:gd name="connsiteX12" fmla="*/ 2156650 w 4343781"/>
                <a:gd name="connsiteY12" fmla="*/ 2234279 h 7313675"/>
                <a:gd name="connsiteX13" fmla="*/ 2205323 w 4343781"/>
                <a:gd name="connsiteY13" fmla="*/ 2254853 h 7313675"/>
                <a:gd name="connsiteX14" fmla="*/ 2950750 w 4343781"/>
                <a:gd name="connsiteY14" fmla="*/ 1986344 h 7313675"/>
                <a:gd name="connsiteX15" fmla="*/ 3226975 w 4343781"/>
                <a:gd name="connsiteY15" fmla="*/ 1913192 h 7313675"/>
                <a:gd name="connsiteX16" fmla="*/ 3320701 w 4343781"/>
                <a:gd name="connsiteY16" fmla="*/ 2126647 h 7313675"/>
                <a:gd name="connsiteX17" fmla="*/ 3402139 w 4343781"/>
                <a:gd name="connsiteY17" fmla="*/ 2347246 h 7313675"/>
                <a:gd name="connsiteX18" fmla="*/ 3460718 w 4343781"/>
                <a:gd name="connsiteY18" fmla="*/ 2462784 h 7313675"/>
                <a:gd name="connsiteX19" fmla="*/ 3862006 w 4343781"/>
                <a:gd name="connsiteY19" fmla="*/ 3054191 h 7313675"/>
                <a:gd name="connsiteX20" fmla="*/ 3982784 w 4343781"/>
                <a:gd name="connsiteY20" fmla="*/ 3364516 h 7313675"/>
                <a:gd name="connsiteX21" fmla="*/ 4032313 w 4343781"/>
                <a:gd name="connsiteY21" fmla="*/ 3518916 h 7313675"/>
                <a:gd name="connsiteX22" fmla="*/ 4072890 w 4343781"/>
                <a:gd name="connsiteY22" fmla="*/ 3650075 h 7313675"/>
                <a:gd name="connsiteX23" fmla="*/ 4303871 w 4343781"/>
                <a:gd name="connsiteY23" fmla="*/ 4040600 h 7313675"/>
                <a:gd name="connsiteX24" fmla="*/ 4311492 w 4343781"/>
                <a:gd name="connsiteY24" fmla="*/ 4450175 h 7313675"/>
                <a:gd name="connsiteX25" fmla="*/ 4107370 w 4343781"/>
                <a:gd name="connsiteY25" fmla="*/ 4601147 h 7313675"/>
                <a:gd name="connsiteX26" fmla="*/ 3973068 w 4343781"/>
                <a:gd name="connsiteY26" fmla="*/ 4667822 h 7313675"/>
                <a:gd name="connsiteX27" fmla="*/ 3696843 w 4343781"/>
                <a:gd name="connsiteY27" fmla="*/ 4686872 h 7313675"/>
                <a:gd name="connsiteX28" fmla="*/ 3583877 w 4343781"/>
                <a:gd name="connsiteY28" fmla="*/ 4668869 h 7313675"/>
                <a:gd name="connsiteX29" fmla="*/ 3085623 w 4343781"/>
                <a:gd name="connsiteY29" fmla="*/ 4728401 h 7313675"/>
                <a:gd name="connsiteX30" fmla="*/ 2711006 w 4343781"/>
                <a:gd name="connsiteY30" fmla="*/ 5102066 h 7313675"/>
                <a:gd name="connsiteX31" fmla="*/ 2537460 w 4343781"/>
                <a:gd name="connsiteY31" fmla="*/ 5401152 h 7313675"/>
                <a:gd name="connsiteX32" fmla="*/ 2396681 w 4343781"/>
                <a:gd name="connsiteY32" fmla="*/ 5562219 h 7313675"/>
                <a:gd name="connsiteX33" fmla="*/ 2255711 w 4343781"/>
                <a:gd name="connsiteY33" fmla="*/ 5722906 h 7313675"/>
                <a:gd name="connsiteX34" fmla="*/ 2090547 w 4343781"/>
                <a:gd name="connsiteY34" fmla="*/ 6019610 h 7313675"/>
                <a:gd name="connsiteX35" fmla="*/ 2090547 w 4343781"/>
                <a:gd name="connsiteY35" fmla="*/ 6158294 h 7313675"/>
                <a:gd name="connsiteX36" fmla="*/ 2089213 w 4343781"/>
                <a:gd name="connsiteY36" fmla="*/ 6501194 h 7313675"/>
                <a:gd name="connsiteX37" fmla="*/ 2188274 w 4343781"/>
                <a:gd name="connsiteY37" fmla="*/ 6990493 h 7313675"/>
                <a:gd name="connsiteX38" fmla="*/ 2235041 w 4343781"/>
                <a:gd name="connsiteY38" fmla="*/ 7124795 h 7313675"/>
                <a:gd name="connsiteX39" fmla="*/ 2338388 w 4343781"/>
                <a:gd name="connsiteY39" fmla="*/ 7302056 h 7313675"/>
                <a:gd name="connsiteX40" fmla="*/ 2347341 w 4343781"/>
                <a:gd name="connsiteY40" fmla="*/ 7313676 h 7313675"/>
                <a:gd name="connsiteX41" fmla="*/ 2341340 w 4343781"/>
                <a:gd name="connsiteY41" fmla="*/ 7313676 h 7313675"/>
                <a:gd name="connsiteX42" fmla="*/ 2334673 w 4343781"/>
                <a:gd name="connsiteY42" fmla="*/ 7305009 h 7313675"/>
                <a:gd name="connsiteX43" fmla="*/ 2230374 w 4343781"/>
                <a:gd name="connsiteY43" fmla="*/ 7126034 h 7313675"/>
                <a:gd name="connsiteX44" fmla="*/ 2183796 w 4343781"/>
                <a:gd name="connsiteY44" fmla="*/ 6992684 h 7313675"/>
                <a:gd name="connsiteX45" fmla="*/ 2084451 w 4343781"/>
                <a:gd name="connsiteY45" fmla="*/ 6501575 h 7313675"/>
                <a:gd name="connsiteX46" fmla="*/ 2085784 w 4343781"/>
                <a:gd name="connsiteY46" fmla="*/ 6158675 h 7313675"/>
                <a:gd name="connsiteX47" fmla="*/ 2085784 w 4343781"/>
                <a:gd name="connsiteY47" fmla="*/ 6019705 h 7313675"/>
                <a:gd name="connsiteX48" fmla="*/ 2252377 w 4343781"/>
                <a:gd name="connsiteY48" fmla="*/ 5719763 h 7313675"/>
                <a:gd name="connsiteX49" fmla="*/ 2393061 w 4343781"/>
                <a:gd name="connsiteY49" fmla="*/ 5559457 h 7313675"/>
                <a:gd name="connsiteX50" fmla="*/ 2534031 w 4343781"/>
                <a:gd name="connsiteY50" fmla="*/ 5398104 h 7313675"/>
                <a:gd name="connsiteX51" fmla="*/ 2706624 w 4343781"/>
                <a:gd name="connsiteY51" fmla="*/ 5100543 h 7313675"/>
                <a:gd name="connsiteX52" fmla="*/ 3084100 w 4343781"/>
                <a:gd name="connsiteY52" fmla="*/ 4724210 h 7313675"/>
                <a:gd name="connsiteX53" fmla="*/ 3583972 w 4343781"/>
                <a:gd name="connsiteY53" fmla="*/ 4664393 h 7313675"/>
                <a:gd name="connsiteX54" fmla="*/ 3698272 w 4343781"/>
                <a:gd name="connsiteY54" fmla="*/ 4682490 h 7313675"/>
                <a:gd name="connsiteX55" fmla="*/ 3970591 w 4343781"/>
                <a:gd name="connsiteY55" fmla="*/ 4664297 h 7313675"/>
                <a:gd name="connsiteX56" fmla="*/ 4105370 w 4343781"/>
                <a:gd name="connsiteY56" fmla="*/ 4597051 h 7313675"/>
                <a:gd name="connsiteX57" fmla="*/ 4307109 w 4343781"/>
                <a:gd name="connsiteY57" fmla="*/ 4448556 h 7313675"/>
                <a:gd name="connsiteX58" fmla="*/ 4300442 w 4343781"/>
                <a:gd name="connsiteY58" fmla="*/ 4044125 h 7313675"/>
                <a:gd name="connsiteX59" fmla="*/ 4068127 w 4343781"/>
                <a:gd name="connsiteY59" fmla="*/ 3650742 h 7313675"/>
                <a:gd name="connsiteX60" fmla="*/ 4028028 w 4343781"/>
                <a:gd name="connsiteY60" fmla="*/ 3521107 h 7313675"/>
                <a:gd name="connsiteX61" fmla="*/ 3978021 w 4343781"/>
                <a:gd name="connsiteY61" fmla="*/ 3365278 h 7313675"/>
                <a:gd name="connsiteX62" fmla="*/ 3858577 w 4343781"/>
                <a:gd name="connsiteY62" fmla="*/ 3057620 h 7313675"/>
                <a:gd name="connsiteX63" fmla="*/ 3456241 w 4343781"/>
                <a:gd name="connsiteY63" fmla="*/ 2464499 h 7313675"/>
                <a:gd name="connsiteX64" fmla="*/ 3398139 w 4343781"/>
                <a:gd name="connsiteY64" fmla="*/ 2350199 h 7313675"/>
                <a:gd name="connsiteX65" fmla="*/ 3315938 w 4343781"/>
                <a:gd name="connsiteY65" fmla="*/ 2127695 h 7313675"/>
                <a:gd name="connsiteX66" fmla="*/ 3224974 w 4343781"/>
                <a:gd name="connsiteY66" fmla="*/ 1918145 h 7313675"/>
                <a:gd name="connsiteX67" fmla="*/ 2953512 w 4343781"/>
                <a:gd name="connsiteY67" fmla="*/ 1991106 h 7313675"/>
                <a:gd name="connsiteX68" fmla="*/ 2203228 w 4343781"/>
                <a:gd name="connsiteY68" fmla="*/ 2259616 h 7313675"/>
                <a:gd name="connsiteX69" fmla="*/ 2155603 w 4343781"/>
                <a:gd name="connsiteY69" fmla="*/ 2239423 h 7313675"/>
                <a:gd name="connsiteX70" fmla="*/ 1829752 w 4343781"/>
                <a:gd name="connsiteY70" fmla="*/ 2027015 h 7313675"/>
                <a:gd name="connsiteX71" fmla="*/ 1701451 w 4343781"/>
                <a:gd name="connsiteY71" fmla="*/ 1865090 h 7313675"/>
                <a:gd name="connsiteX72" fmla="*/ 1478946 w 4343781"/>
                <a:gd name="connsiteY72" fmla="*/ 1708214 h 7313675"/>
                <a:gd name="connsiteX73" fmla="*/ 1264920 w 4343781"/>
                <a:gd name="connsiteY73" fmla="*/ 1238631 h 7313675"/>
                <a:gd name="connsiteX74" fmla="*/ 1234344 w 4343781"/>
                <a:gd name="connsiteY74" fmla="*/ 1048131 h 7313675"/>
                <a:gd name="connsiteX75" fmla="*/ 1037082 w 4343781"/>
                <a:gd name="connsiteY75" fmla="*/ 790956 h 7313675"/>
                <a:gd name="connsiteX76" fmla="*/ 987361 w 4343781"/>
                <a:gd name="connsiteY76" fmla="*/ 739997 h 7313675"/>
                <a:gd name="connsiteX77" fmla="*/ 930211 w 4343781"/>
                <a:gd name="connsiteY77" fmla="*/ 649319 h 7313675"/>
                <a:gd name="connsiteX78" fmla="*/ 809054 w 4343781"/>
                <a:gd name="connsiteY78" fmla="*/ 487394 h 7313675"/>
                <a:gd name="connsiteX79" fmla="*/ 612267 w 4343781"/>
                <a:gd name="connsiteY79" fmla="*/ 273463 h 7313675"/>
                <a:gd name="connsiteX80" fmla="*/ 270700 w 4343781"/>
                <a:gd name="connsiteY80" fmla="*/ 140113 h 7313675"/>
                <a:gd name="connsiteX81" fmla="*/ 117253 w 4343781"/>
                <a:gd name="connsiteY81" fmla="*/ 133922 h 7313675"/>
                <a:gd name="connsiteX82" fmla="*/ 0 w 4343781"/>
                <a:gd name="connsiteY82" fmla="*/ 0 h 7313675"/>
                <a:gd name="connsiteX83" fmla="*/ 1334 w 4343781"/>
                <a:gd name="connsiteY83" fmla="*/ 0 h 7313675"/>
                <a:gd name="connsiteX84" fmla="*/ 4858 w 4343781"/>
                <a:gd name="connsiteY84" fmla="*/ 0 h 7313675"/>
                <a:gd name="connsiteX85" fmla="*/ 119253 w 4343781"/>
                <a:gd name="connsiteY85" fmla="*/ 128492 h 7313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4343781" h="7313675">
                  <a:moveTo>
                    <a:pt x="119253" y="128492"/>
                  </a:moveTo>
                  <a:cubicBezTo>
                    <a:pt x="170593" y="153353"/>
                    <a:pt x="224028" y="155543"/>
                    <a:pt x="268605" y="134684"/>
                  </a:cubicBezTo>
                  <a:cubicBezTo>
                    <a:pt x="376714" y="84487"/>
                    <a:pt x="562070" y="171069"/>
                    <a:pt x="616362" y="269939"/>
                  </a:cubicBezTo>
                  <a:cubicBezTo>
                    <a:pt x="665702" y="359855"/>
                    <a:pt x="735044" y="435197"/>
                    <a:pt x="811435" y="482156"/>
                  </a:cubicBezTo>
                  <a:cubicBezTo>
                    <a:pt x="858107" y="510731"/>
                    <a:pt x="898588" y="582740"/>
                    <a:pt x="934307" y="646176"/>
                  </a:cubicBezTo>
                  <a:cubicBezTo>
                    <a:pt x="950603" y="677675"/>
                    <a:pt x="969462" y="707781"/>
                    <a:pt x="990695" y="736187"/>
                  </a:cubicBezTo>
                  <a:cubicBezTo>
                    <a:pt x="1002316" y="749713"/>
                    <a:pt x="1019842" y="766858"/>
                    <a:pt x="1040130" y="786765"/>
                  </a:cubicBezTo>
                  <a:cubicBezTo>
                    <a:pt x="1101471" y="846868"/>
                    <a:pt x="1194149" y="937736"/>
                    <a:pt x="1238536" y="1045750"/>
                  </a:cubicBezTo>
                  <a:cubicBezTo>
                    <a:pt x="1256347" y="1089184"/>
                    <a:pt x="1262348" y="1157859"/>
                    <a:pt x="1269302" y="1237298"/>
                  </a:cubicBezTo>
                  <a:cubicBezTo>
                    <a:pt x="1285208" y="1418273"/>
                    <a:pt x="1305020" y="1643825"/>
                    <a:pt x="1480185" y="1702784"/>
                  </a:cubicBezTo>
                  <a:cubicBezTo>
                    <a:pt x="1639348" y="1756410"/>
                    <a:pt x="1662684" y="1793748"/>
                    <a:pt x="1705165" y="1861566"/>
                  </a:cubicBezTo>
                  <a:cubicBezTo>
                    <a:pt x="1740615" y="1920601"/>
                    <a:pt x="1783512" y="1974830"/>
                    <a:pt x="1832800" y="2022920"/>
                  </a:cubicBezTo>
                  <a:cubicBezTo>
                    <a:pt x="1978723" y="2168366"/>
                    <a:pt x="2089975" y="2209610"/>
                    <a:pt x="2156650" y="2234279"/>
                  </a:cubicBezTo>
                  <a:cubicBezTo>
                    <a:pt x="2173383" y="2239868"/>
                    <a:pt x="2189655" y="2246747"/>
                    <a:pt x="2205323" y="2254853"/>
                  </a:cubicBezTo>
                  <a:cubicBezTo>
                    <a:pt x="2254186" y="2283428"/>
                    <a:pt x="2646616" y="2171986"/>
                    <a:pt x="2950750" y="1986344"/>
                  </a:cubicBezTo>
                  <a:cubicBezTo>
                    <a:pt x="3077909" y="1908810"/>
                    <a:pt x="3168206" y="1884807"/>
                    <a:pt x="3226975" y="1913192"/>
                  </a:cubicBezTo>
                  <a:cubicBezTo>
                    <a:pt x="3293650" y="1945196"/>
                    <a:pt x="3310033" y="2040160"/>
                    <a:pt x="3320701" y="2126647"/>
                  </a:cubicBezTo>
                  <a:cubicBezTo>
                    <a:pt x="3334036" y="2235137"/>
                    <a:pt x="3367088" y="2289620"/>
                    <a:pt x="3402139" y="2347246"/>
                  </a:cubicBezTo>
                  <a:cubicBezTo>
                    <a:pt x="3425750" y="2383548"/>
                    <a:pt x="3445390" y="2422283"/>
                    <a:pt x="3460718" y="2462784"/>
                  </a:cubicBezTo>
                  <a:cubicBezTo>
                    <a:pt x="3504628" y="2585085"/>
                    <a:pt x="3810095" y="3000470"/>
                    <a:pt x="3862006" y="3054191"/>
                  </a:cubicBezTo>
                  <a:cubicBezTo>
                    <a:pt x="3918013" y="3112199"/>
                    <a:pt x="3959828" y="3219450"/>
                    <a:pt x="3982784" y="3364516"/>
                  </a:cubicBezTo>
                  <a:cubicBezTo>
                    <a:pt x="3990405" y="3418422"/>
                    <a:pt x="4007154" y="3470636"/>
                    <a:pt x="4032313" y="3518916"/>
                  </a:cubicBezTo>
                  <a:cubicBezTo>
                    <a:pt x="4054238" y="3559582"/>
                    <a:pt x="4068020" y="3604133"/>
                    <a:pt x="4072890" y="3650075"/>
                  </a:cubicBezTo>
                  <a:cubicBezTo>
                    <a:pt x="4087749" y="3780949"/>
                    <a:pt x="4261676" y="3994880"/>
                    <a:pt x="4303871" y="4040600"/>
                  </a:cubicBezTo>
                  <a:cubicBezTo>
                    <a:pt x="4357116" y="4098417"/>
                    <a:pt x="4354450" y="4344257"/>
                    <a:pt x="4311492" y="4450175"/>
                  </a:cubicBezTo>
                  <a:cubicBezTo>
                    <a:pt x="4282917" y="4520851"/>
                    <a:pt x="4201478" y="4558094"/>
                    <a:pt x="4107370" y="4601147"/>
                  </a:cubicBezTo>
                  <a:cubicBezTo>
                    <a:pt x="4061499" y="4621074"/>
                    <a:pt x="4016672" y="4643328"/>
                    <a:pt x="3973068" y="4667822"/>
                  </a:cubicBezTo>
                  <a:cubicBezTo>
                    <a:pt x="3874199" y="4725543"/>
                    <a:pt x="3784282" y="4705922"/>
                    <a:pt x="3696843" y="4686872"/>
                  </a:cubicBezTo>
                  <a:cubicBezTo>
                    <a:pt x="3659805" y="4677493"/>
                    <a:pt x="3621996" y="4671468"/>
                    <a:pt x="3583877" y="4668869"/>
                  </a:cubicBezTo>
                  <a:cubicBezTo>
                    <a:pt x="3460052" y="4664583"/>
                    <a:pt x="3182016" y="4694587"/>
                    <a:pt x="3085623" y="4728401"/>
                  </a:cubicBezTo>
                  <a:cubicBezTo>
                    <a:pt x="2987707" y="4762786"/>
                    <a:pt x="2749772" y="5009293"/>
                    <a:pt x="2711006" y="5102066"/>
                  </a:cubicBezTo>
                  <a:cubicBezTo>
                    <a:pt x="2669952" y="5200460"/>
                    <a:pt x="2599848" y="5337810"/>
                    <a:pt x="2537460" y="5401152"/>
                  </a:cubicBezTo>
                  <a:cubicBezTo>
                    <a:pt x="2506789" y="5432298"/>
                    <a:pt x="2450782" y="5498401"/>
                    <a:pt x="2396681" y="5562219"/>
                  </a:cubicBezTo>
                  <a:cubicBezTo>
                    <a:pt x="2338102" y="5631371"/>
                    <a:pt x="2282857" y="5696712"/>
                    <a:pt x="2255711" y="5722906"/>
                  </a:cubicBezTo>
                  <a:cubicBezTo>
                    <a:pt x="2149697" y="5825395"/>
                    <a:pt x="2092547" y="5927979"/>
                    <a:pt x="2090547" y="6019610"/>
                  </a:cubicBezTo>
                  <a:cubicBezTo>
                    <a:pt x="2089404" y="6072283"/>
                    <a:pt x="2089880" y="6110288"/>
                    <a:pt x="2090547" y="6158294"/>
                  </a:cubicBezTo>
                  <a:cubicBezTo>
                    <a:pt x="2091499" y="6229255"/>
                    <a:pt x="2092643" y="6317551"/>
                    <a:pt x="2089213" y="6501194"/>
                  </a:cubicBezTo>
                  <a:cubicBezTo>
                    <a:pt x="2085118" y="6723602"/>
                    <a:pt x="2142268" y="6871526"/>
                    <a:pt x="2188274" y="6990493"/>
                  </a:cubicBezTo>
                  <a:cubicBezTo>
                    <a:pt x="2206224" y="7034403"/>
                    <a:pt x="2221835" y="7079233"/>
                    <a:pt x="2235041" y="7124795"/>
                  </a:cubicBezTo>
                  <a:cubicBezTo>
                    <a:pt x="2252853" y="7191947"/>
                    <a:pt x="2294382" y="7245382"/>
                    <a:pt x="2338388" y="7302056"/>
                  </a:cubicBezTo>
                  <a:lnTo>
                    <a:pt x="2347341" y="7313676"/>
                  </a:lnTo>
                  <a:lnTo>
                    <a:pt x="2341340" y="7313676"/>
                  </a:lnTo>
                  <a:lnTo>
                    <a:pt x="2334673" y="7305009"/>
                  </a:lnTo>
                  <a:cubicBezTo>
                    <a:pt x="2290381" y="7247859"/>
                    <a:pt x="2248948" y="7194042"/>
                    <a:pt x="2230374" y="7126034"/>
                  </a:cubicBezTo>
                  <a:cubicBezTo>
                    <a:pt x="2217244" y="7080783"/>
                    <a:pt x="2201696" y="7036269"/>
                    <a:pt x="2183796" y="6992684"/>
                  </a:cubicBezTo>
                  <a:cubicBezTo>
                    <a:pt x="2137696" y="6873336"/>
                    <a:pt x="2080355" y="6724936"/>
                    <a:pt x="2084451" y="6501575"/>
                  </a:cubicBezTo>
                  <a:cubicBezTo>
                    <a:pt x="2087880" y="6318123"/>
                    <a:pt x="2086737" y="6229827"/>
                    <a:pt x="2085784" y="6158675"/>
                  </a:cubicBezTo>
                  <a:cubicBezTo>
                    <a:pt x="2085213" y="6110573"/>
                    <a:pt x="2084737" y="6072950"/>
                    <a:pt x="2085784" y="6019705"/>
                  </a:cubicBezTo>
                  <a:cubicBezTo>
                    <a:pt x="2087880" y="5926836"/>
                    <a:pt x="2145411" y="5823109"/>
                    <a:pt x="2252377" y="5719763"/>
                  </a:cubicBezTo>
                  <a:cubicBezTo>
                    <a:pt x="2279333" y="5693759"/>
                    <a:pt x="2337149" y="5625465"/>
                    <a:pt x="2393061" y="5559457"/>
                  </a:cubicBezTo>
                  <a:cubicBezTo>
                    <a:pt x="2447258" y="5495544"/>
                    <a:pt x="2503265" y="5429441"/>
                    <a:pt x="2534031" y="5398104"/>
                  </a:cubicBezTo>
                  <a:cubicBezTo>
                    <a:pt x="2595944" y="5335239"/>
                    <a:pt x="2665666" y="5198079"/>
                    <a:pt x="2706624" y="5100543"/>
                  </a:cubicBezTo>
                  <a:cubicBezTo>
                    <a:pt x="2745581" y="5007102"/>
                    <a:pt x="2985420" y="4758786"/>
                    <a:pt x="3084100" y="4724210"/>
                  </a:cubicBezTo>
                  <a:cubicBezTo>
                    <a:pt x="3180873" y="4690301"/>
                    <a:pt x="3460338" y="4660106"/>
                    <a:pt x="3583972" y="4664393"/>
                  </a:cubicBezTo>
                  <a:cubicBezTo>
                    <a:pt x="3622538" y="4666985"/>
                    <a:pt x="3660792" y="4673041"/>
                    <a:pt x="3698272" y="4682490"/>
                  </a:cubicBezTo>
                  <a:cubicBezTo>
                    <a:pt x="3783997" y="4701540"/>
                    <a:pt x="3873437" y="4721066"/>
                    <a:pt x="3970591" y="4664297"/>
                  </a:cubicBezTo>
                  <a:cubicBezTo>
                    <a:pt x="4014367" y="4639645"/>
                    <a:pt x="4059349" y="4617202"/>
                    <a:pt x="4105370" y="4597051"/>
                  </a:cubicBezTo>
                  <a:cubicBezTo>
                    <a:pt x="4198620" y="4554379"/>
                    <a:pt x="4279106" y="4517517"/>
                    <a:pt x="4307109" y="4448556"/>
                  </a:cubicBezTo>
                  <a:cubicBezTo>
                    <a:pt x="4348544" y="4346353"/>
                    <a:pt x="4351496" y="4099751"/>
                    <a:pt x="4300442" y="4044125"/>
                  </a:cubicBezTo>
                  <a:cubicBezTo>
                    <a:pt x="4257961" y="3997928"/>
                    <a:pt x="4083176" y="3782854"/>
                    <a:pt x="4068127" y="3650742"/>
                  </a:cubicBezTo>
                  <a:cubicBezTo>
                    <a:pt x="4063332" y="3605331"/>
                    <a:pt x="4049710" y="3561294"/>
                    <a:pt x="4028028" y="3521107"/>
                  </a:cubicBezTo>
                  <a:cubicBezTo>
                    <a:pt x="4002735" y="3472337"/>
                    <a:pt x="3985830" y="3419658"/>
                    <a:pt x="3978021" y="3365278"/>
                  </a:cubicBezTo>
                  <a:cubicBezTo>
                    <a:pt x="3949446" y="3183350"/>
                    <a:pt x="3897154" y="3097530"/>
                    <a:pt x="3858577" y="3057620"/>
                  </a:cubicBezTo>
                  <a:cubicBezTo>
                    <a:pt x="3806476" y="3003804"/>
                    <a:pt x="3500247" y="2587181"/>
                    <a:pt x="3456241" y="2464499"/>
                  </a:cubicBezTo>
                  <a:cubicBezTo>
                    <a:pt x="3440987" y="2424444"/>
                    <a:pt x="3421510" y="2386128"/>
                    <a:pt x="3398139" y="2350199"/>
                  </a:cubicBezTo>
                  <a:cubicBezTo>
                    <a:pt x="3364325" y="2294668"/>
                    <a:pt x="3329463" y="2237232"/>
                    <a:pt x="3315938" y="2127695"/>
                  </a:cubicBezTo>
                  <a:cubicBezTo>
                    <a:pt x="3305461" y="2042446"/>
                    <a:pt x="3288982" y="1948910"/>
                    <a:pt x="3224974" y="1918145"/>
                  </a:cubicBezTo>
                  <a:cubicBezTo>
                    <a:pt x="3167824" y="1890522"/>
                    <a:pt x="3079147" y="1914430"/>
                    <a:pt x="2953512" y="1991106"/>
                  </a:cubicBezTo>
                  <a:cubicBezTo>
                    <a:pt x="2666239" y="2166461"/>
                    <a:pt x="2258854" y="2291810"/>
                    <a:pt x="2203228" y="2259616"/>
                  </a:cubicBezTo>
                  <a:cubicBezTo>
                    <a:pt x="2187883" y="2251698"/>
                    <a:pt x="2171963" y="2244947"/>
                    <a:pt x="2155603" y="2239423"/>
                  </a:cubicBezTo>
                  <a:cubicBezTo>
                    <a:pt x="2088928" y="2214658"/>
                    <a:pt x="1976342" y="2172748"/>
                    <a:pt x="1829752" y="2027015"/>
                  </a:cubicBezTo>
                  <a:cubicBezTo>
                    <a:pt x="1780240" y="1978746"/>
                    <a:pt x="1737121" y="1924327"/>
                    <a:pt x="1701451" y="1865090"/>
                  </a:cubicBezTo>
                  <a:cubicBezTo>
                    <a:pt x="1659541" y="1798415"/>
                    <a:pt x="1636490" y="1761268"/>
                    <a:pt x="1478946" y="1708214"/>
                  </a:cubicBezTo>
                  <a:cubicBezTo>
                    <a:pt x="1300829" y="1648301"/>
                    <a:pt x="1280922" y="1421130"/>
                    <a:pt x="1264920" y="1238631"/>
                  </a:cubicBezTo>
                  <a:cubicBezTo>
                    <a:pt x="1257967" y="1159574"/>
                    <a:pt x="1251966" y="1091279"/>
                    <a:pt x="1234344" y="1048131"/>
                  </a:cubicBezTo>
                  <a:cubicBezTo>
                    <a:pt x="1190434" y="941070"/>
                    <a:pt x="1098137" y="850583"/>
                    <a:pt x="1037082" y="790956"/>
                  </a:cubicBezTo>
                  <a:cubicBezTo>
                    <a:pt x="1016698" y="770953"/>
                    <a:pt x="998982" y="753713"/>
                    <a:pt x="987361" y="739997"/>
                  </a:cubicBezTo>
                  <a:cubicBezTo>
                    <a:pt x="965855" y="711391"/>
                    <a:pt x="946740" y="681062"/>
                    <a:pt x="930211" y="649319"/>
                  </a:cubicBezTo>
                  <a:cubicBezTo>
                    <a:pt x="894779" y="586359"/>
                    <a:pt x="854678" y="514922"/>
                    <a:pt x="809054" y="487394"/>
                  </a:cubicBezTo>
                  <a:cubicBezTo>
                    <a:pt x="731901" y="439769"/>
                    <a:pt x="662083" y="364141"/>
                    <a:pt x="612267" y="273463"/>
                  </a:cubicBezTo>
                  <a:cubicBezTo>
                    <a:pt x="558832" y="176213"/>
                    <a:pt x="376809" y="90964"/>
                    <a:pt x="270700" y="140113"/>
                  </a:cubicBezTo>
                  <a:cubicBezTo>
                    <a:pt x="224409" y="161639"/>
                    <a:pt x="169926" y="159163"/>
                    <a:pt x="117253" y="133922"/>
                  </a:cubicBezTo>
                  <a:cubicBezTo>
                    <a:pt x="58674" y="105347"/>
                    <a:pt x="12478" y="53054"/>
                    <a:pt x="0" y="0"/>
                  </a:cubicBezTo>
                  <a:lnTo>
                    <a:pt x="1334" y="0"/>
                  </a:lnTo>
                  <a:lnTo>
                    <a:pt x="4858" y="0"/>
                  </a:lnTo>
                  <a:cubicBezTo>
                    <a:pt x="17336" y="49911"/>
                    <a:pt x="62198" y="100870"/>
                    <a:pt x="119253" y="1284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1" name="Freeform: Shape 128">
              <a:extLst>
                <a:ext uri="{FF2B5EF4-FFF2-40B4-BE49-F238E27FC236}">
                  <a16:creationId xmlns:a16="http://schemas.microsoft.com/office/drawing/2014/main" id="{8EB4723C-07EB-E645-A995-695080AD098B}"/>
                </a:ext>
              </a:extLst>
            </p:cNvPr>
            <p:cNvSpPr/>
            <p:nvPr/>
          </p:nvSpPr>
          <p:spPr>
            <a:xfrm>
              <a:off x="8112971" y="-1668332"/>
              <a:ext cx="4426025" cy="8868061"/>
            </a:xfrm>
            <a:custGeom>
              <a:avLst/>
              <a:gdLst>
                <a:gd name="connsiteX0" fmla="*/ 287179 w 3625155"/>
                <a:gd name="connsiteY0" fmla="*/ 278892 h 7314247"/>
                <a:gd name="connsiteX1" fmla="*/ 584835 w 3625155"/>
                <a:gd name="connsiteY1" fmla="*/ 471011 h 7314247"/>
                <a:gd name="connsiteX2" fmla="*/ 674847 w 3625155"/>
                <a:gd name="connsiteY2" fmla="*/ 560356 h 7314247"/>
                <a:gd name="connsiteX3" fmla="*/ 786860 w 3625155"/>
                <a:gd name="connsiteY3" fmla="*/ 659130 h 7314247"/>
                <a:gd name="connsiteX4" fmla="*/ 817245 w 3625155"/>
                <a:gd name="connsiteY4" fmla="*/ 670274 h 7314247"/>
                <a:gd name="connsiteX5" fmla="*/ 912495 w 3625155"/>
                <a:gd name="connsiteY5" fmla="*/ 728663 h 7314247"/>
                <a:gd name="connsiteX6" fmla="*/ 960120 w 3625155"/>
                <a:gd name="connsiteY6" fmla="*/ 819531 h 7314247"/>
                <a:gd name="connsiteX7" fmla="*/ 1038701 w 3625155"/>
                <a:gd name="connsiteY7" fmla="*/ 965264 h 7314247"/>
                <a:gd name="connsiteX8" fmla="*/ 1153763 w 3625155"/>
                <a:gd name="connsiteY8" fmla="*/ 1223105 h 7314247"/>
                <a:gd name="connsiteX9" fmla="*/ 1266920 w 3625155"/>
                <a:gd name="connsiteY9" fmla="*/ 1365980 h 7314247"/>
                <a:gd name="connsiteX10" fmla="*/ 1334644 w 3625155"/>
                <a:gd name="connsiteY10" fmla="*/ 1441037 h 7314247"/>
                <a:gd name="connsiteX11" fmla="*/ 1359408 w 3625155"/>
                <a:gd name="connsiteY11" fmla="*/ 1477613 h 7314247"/>
                <a:gd name="connsiteX12" fmla="*/ 1429703 w 3625155"/>
                <a:gd name="connsiteY12" fmla="*/ 1558862 h 7314247"/>
                <a:gd name="connsiteX13" fmla="*/ 1454944 w 3625155"/>
                <a:gd name="connsiteY13" fmla="*/ 1581055 h 7314247"/>
                <a:gd name="connsiteX14" fmla="*/ 1657826 w 3625155"/>
                <a:gd name="connsiteY14" fmla="*/ 1722882 h 7314247"/>
                <a:gd name="connsiteX15" fmla="*/ 1887664 w 3625155"/>
                <a:gd name="connsiteY15" fmla="*/ 1640396 h 7314247"/>
                <a:gd name="connsiteX16" fmla="*/ 1900428 w 3625155"/>
                <a:gd name="connsiteY16" fmla="*/ 1627918 h 7314247"/>
                <a:gd name="connsiteX17" fmla="*/ 2203895 w 3625155"/>
                <a:gd name="connsiteY17" fmla="*/ 1443704 h 7314247"/>
                <a:gd name="connsiteX18" fmla="*/ 2397919 w 3625155"/>
                <a:gd name="connsiteY18" fmla="*/ 1747171 h 7314247"/>
                <a:gd name="connsiteX19" fmla="*/ 2494217 w 3625155"/>
                <a:gd name="connsiteY19" fmla="*/ 2072545 h 7314247"/>
                <a:gd name="connsiteX20" fmla="*/ 2560892 w 3625155"/>
                <a:gd name="connsiteY20" fmla="*/ 2211705 h 7314247"/>
                <a:gd name="connsiteX21" fmla="*/ 2722817 w 3625155"/>
                <a:gd name="connsiteY21" fmla="*/ 2545556 h 7314247"/>
                <a:gd name="connsiteX22" fmla="*/ 2929414 w 3625155"/>
                <a:gd name="connsiteY22" fmla="*/ 2863024 h 7314247"/>
                <a:gd name="connsiteX23" fmla="*/ 3070764 w 3625155"/>
                <a:gd name="connsiteY23" fmla="*/ 2958846 h 7314247"/>
                <a:gd name="connsiteX24" fmla="*/ 3189732 w 3625155"/>
                <a:gd name="connsiteY24" fmla="*/ 3028950 h 7314247"/>
                <a:gd name="connsiteX25" fmla="*/ 3262978 w 3625155"/>
                <a:gd name="connsiteY25" fmla="*/ 3076575 h 7314247"/>
                <a:gd name="connsiteX26" fmla="*/ 3336417 w 3625155"/>
                <a:gd name="connsiteY26" fmla="*/ 3164015 h 7314247"/>
                <a:gd name="connsiteX27" fmla="*/ 3355467 w 3625155"/>
                <a:gd name="connsiteY27" fmla="*/ 3231451 h 7314247"/>
                <a:gd name="connsiteX28" fmla="*/ 3395567 w 3625155"/>
                <a:gd name="connsiteY28" fmla="*/ 3323177 h 7314247"/>
                <a:gd name="connsiteX29" fmla="*/ 3432334 w 3625155"/>
                <a:gd name="connsiteY29" fmla="*/ 3370803 h 7314247"/>
                <a:gd name="connsiteX30" fmla="*/ 3507487 w 3625155"/>
                <a:gd name="connsiteY30" fmla="*/ 3507581 h 7314247"/>
                <a:gd name="connsiteX31" fmla="*/ 3517012 w 3625155"/>
                <a:gd name="connsiteY31" fmla="*/ 3633121 h 7314247"/>
                <a:gd name="connsiteX32" fmla="*/ 3533490 w 3625155"/>
                <a:gd name="connsiteY32" fmla="*/ 3807809 h 7314247"/>
                <a:gd name="connsiteX33" fmla="*/ 3555683 w 3625155"/>
                <a:gd name="connsiteY33" fmla="*/ 3880390 h 7314247"/>
                <a:gd name="connsiteX34" fmla="*/ 3623596 w 3625155"/>
                <a:gd name="connsiteY34" fmla="*/ 4235291 h 7314247"/>
                <a:gd name="connsiteX35" fmla="*/ 3620833 w 3625155"/>
                <a:gd name="connsiteY35" fmla="*/ 4265772 h 7314247"/>
                <a:gd name="connsiteX36" fmla="*/ 3439858 w 3625155"/>
                <a:gd name="connsiteY36" fmla="*/ 4652106 h 7314247"/>
                <a:gd name="connsiteX37" fmla="*/ 2972562 w 3625155"/>
                <a:gd name="connsiteY37" fmla="*/ 5002911 h 7314247"/>
                <a:gd name="connsiteX38" fmla="*/ 2899696 w 3625155"/>
                <a:gd name="connsiteY38" fmla="*/ 4999673 h 7314247"/>
                <a:gd name="connsiteX39" fmla="*/ 2315051 w 3625155"/>
                <a:gd name="connsiteY39" fmla="*/ 5039487 h 7314247"/>
                <a:gd name="connsiteX40" fmla="*/ 2301240 w 3625155"/>
                <a:gd name="connsiteY40" fmla="*/ 5045298 h 7314247"/>
                <a:gd name="connsiteX41" fmla="*/ 1770222 w 3625155"/>
                <a:gd name="connsiteY41" fmla="*/ 5457254 h 7314247"/>
                <a:gd name="connsiteX42" fmla="*/ 1512094 w 3625155"/>
                <a:gd name="connsiteY42" fmla="*/ 6016848 h 7314247"/>
                <a:gd name="connsiteX43" fmla="*/ 1471041 w 3625155"/>
                <a:gd name="connsiteY43" fmla="*/ 6291549 h 7314247"/>
                <a:gd name="connsiteX44" fmla="*/ 1434941 w 3625155"/>
                <a:gd name="connsiteY44" fmla="*/ 6496431 h 7314247"/>
                <a:gd name="connsiteX45" fmla="*/ 1449801 w 3625155"/>
                <a:gd name="connsiteY45" fmla="*/ 7134606 h 7314247"/>
                <a:gd name="connsiteX46" fmla="*/ 1546098 w 3625155"/>
                <a:gd name="connsiteY46" fmla="*/ 7266623 h 7314247"/>
                <a:gd name="connsiteX47" fmla="*/ 1590961 w 3625155"/>
                <a:gd name="connsiteY47" fmla="*/ 7314248 h 7314247"/>
                <a:gd name="connsiteX48" fmla="*/ 1584675 w 3625155"/>
                <a:gd name="connsiteY48" fmla="*/ 7314248 h 7314247"/>
                <a:gd name="connsiteX49" fmla="*/ 1542765 w 3625155"/>
                <a:gd name="connsiteY49" fmla="*/ 7270147 h 7314247"/>
                <a:gd name="connsiteX50" fmla="*/ 1445324 w 3625155"/>
                <a:gd name="connsiteY50" fmla="*/ 7136797 h 7314247"/>
                <a:gd name="connsiteX51" fmla="*/ 1430178 w 3625155"/>
                <a:gd name="connsiteY51" fmla="*/ 6496622 h 7314247"/>
                <a:gd name="connsiteX52" fmla="*/ 1466374 w 3625155"/>
                <a:gd name="connsiteY52" fmla="*/ 6290977 h 7314247"/>
                <a:gd name="connsiteX53" fmla="*/ 1507332 w 3625155"/>
                <a:gd name="connsiteY53" fmla="*/ 6017419 h 7314247"/>
                <a:gd name="connsiteX54" fmla="*/ 1766221 w 3625155"/>
                <a:gd name="connsiteY54" fmla="*/ 5455444 h 7314247"/>
                <a:gd name="connsiteX55" fmla="*/ 2299621 w 3625155"/>
                <a:gd name="connsiteY55" fmla="*/ 5041678 h 7314247"/>
                <a:gd name="connsiteX56" fmla="*/ 2313433 w 3625155"/>
                <a:gd name="connsiteY56" fmla="*/ 5035868 h 7314247"/>
                <a:gd name="connsiteX57" fmla="*/ 2900268 w 3625155"/>
                <a:gd name="connsiteY57" fmla="*/ 4995672 h 7314247"/>
                <a:gd name="connsiteX58" fmla="*/ 2972944 w 3625155"/>
                <a:gd name="connsiteY58" fmla="*/ 4998911 h 7314247"/>
                <a:gd name="connsiteX59" fmla="*/ 2976943 w 3625155"/>
                <a:gd name="connsiteY59" fmla="*/ 4998911 h 7314247"/>
                <a:gd name="connsiteX60" fmla="*/ 3436525 w 3625155"/>
                <a:gd name="connsiteY60" fmla="*/ 4649724 h 7314247"/>
                <a:gd name="connsiteX61" fmla="*/ 3616547 w 3625155"/>
                <a:gd name="connsiteY61" fmla="*/ 4266057 h 7314247"/>
                <a:gd name="connsiteX62" fmla="*/ 3619405 w 3625155"/>
                <a:gd name="connsiteY62" fmla="*/ 4235482 h 7314247"/>
                <a:gd name="connsiteX63" fmla="*/ 3551587 w 3625155"/>
                <a:gd name="connsiteY63" fmla="*/ 3882485 h 7314247"/>
                <a:gd name="connsiteX64" fmla="*/ 3529298 w 3625155"/>
                <a:gd name="connsiteY64" fmla="*/ 3809619 h 7314247"/>
                <a:gd name="connsiteX65" fmla="*/ 3512725 w 3625155"/>
                <a:gd name="connsiteY65" fmla="*/ 3633978 h 7314247"/>
                <a:gd name="connsiteX66" fmla="*/ 3503200 w 3625155"/>
                <a:gd name="connsiteY66" fmla="*/ 3509105 h 7314247"/>
                <a:gd name="connsiteX67" fmla="*/ 3429001 w 3625155"/>
                <a:gd name="connsiteY67" fmla="*/ 3374422 h 7314247"/>
                <a:gd name="connsiteX68" fmla="*/ 3392044 w 3625155"/>
                <a:gd name="connsiteY68" fmla="*/ 3326225 h 7314247"/>
                <a:gd name="connsiteX69" fmla="*/ 3351181 w 3625155"/>
                <a:gd name="connsiteY69" fmla="*/ 3232785 h 7314247"/>
                <a:gd name="connsiteX70" fmla="*/ 3332797 w 3625155"/>
                <a:gd name="connsiteY70" fmla="*/ 3166110 h 7314247"/>
                <a:gd name="connsiteX71" fmla="*/ 3261455 w 3625155"/>
                <a:gd name="connsiteY71" fmla="*/ 3081242 h 7314247"/>
                <a:gd name="connsiteX72" fmla="*/ 3187732 w 3625155"/>
                <a:gd name="connsiteY72" fmla="*/ 3033046 h 7314247"/>
                <a:gd name="connsiteX73" fmla="*/ 3069431 w 3625155"/>
                <a:gd name="connsiteY73" fmla="*/ 2963418 h 7314247"/>
                <a:gd name="connsiteX74" fmla="*/ 2926557 w 3625155"/>
                <a:gd name="connsiteY74" fmla="*/ 2866549 h 7314247"/>
                <a:gd name="connsiteX75" fmla="*/ 2719198 w 3625155"/>
                <a:gd name="connsiteY75" fmla="*/ 2547938 h 7314247"/>
                <a:gd name="connsiteX76" fmla="*/ 2557273 w 3625155"/>
                <a:gd name="connsiteY76" fmla="*/ 2214563 h 7314247"/>
                <a:gd name="connsiteX77" fmla="*/ 2490598 w 3625155"/>
                <a:gd name="connsiteY77" fmla="*/ 2075402 h 7314247"/>
                <a:gd name="connsiteX78" fmla="*/ 2393823 w 3625155"/>
                <a:gd name="connsiteY78" fmla="*/ 1748885 h 7314247"/>
                <a:gd name="connsiteX79" fmla="*/ 2201323 w 3625155"/>
                <a:gd name="connsiteY79" fmla="*/ 1447800 h 7314247"/>
                <a:gd name="connsiteX80" fmla="*/ 1903952 w 3625155"/>
                <a:gd name="connsiteY80" fmla="*/ 1631537 h 7314247"/>
                <a:gd name="connsiteX81" fmla="*/ 1891189 w 3625155"/>
                <a:gd name="connsiteY81" fmla="*/ 1644110 h 7314247"/>
                <a:gd name="connsiteX82" fmla="*/ 1657731 w 3625155"/>
                <a:gd name="connsiteY82" fmla="*/ 1727930 h 7314247"/>
                <a:gd name="connsiteX83" fmla="*/ 1451991 w 3625155"/>
                <a:gd name="connsiteY83" fmla="*/ 1585055 h 7314247"/>
                <a:gd name="connsiteX84" fmla="*/ 1426750 w 3625155"/>
                <a:gd name="connsiteY84" fmla="*/ 1562957 h 7314247"/>
                <a:gd name="connsiteX85" fmla="*/ 1355598 w 3625155"/>
                <a:gd name="connsiteY85" fmla="*/ 1480661 h 7314247"/>
                <a:gd name="connsiteX86" fmla="*/ 1330929 w 3625155"/>
                <a:gd name="connsiteY86" fmla="*/ 1444276 h 7314247"/>
                <a:gd name="connsiteX87" fmla="*/ 1263682 w 3625155"/>
                <a:gd name="connsiteY87" fmla="*/ 1369790 h 7314247"/>
                <a:gd name="connsiteX88" fmla="*/ 1149382 w 3625155"/>
                <a:gd name="connsiteY88" fmla="*/ 1224629 h 7314247"/>
                <a:gd name="connsiteX89" fmla="*/ 1035082 w 3625155"/>
                <a:gd name="connsiteY89" fmla="*/ 968026 h 7314247"/>
                <a:gd name="connsiteX90" fmla="*/ 956214 w 3625155"/>
                <a:gd name="connsiteY90" fmla="*/ 821722 h 7314247"/>
                <a:gd name="connsiteX91" fmla="*/ 908589 w 3625155"/>
                <a:gd name="connsiteY91" fmla="*/ 731520 h 7314247"/>
                <a:gd name="connsiteX92" fmla="*/ 815912 w 3625155"/>
                <a:gd name="connsiteY92" fmla="*/ 674370 h 7314247"/>
                <a:gd name="connsiteX93" fmla="*/ 785241 w 3625155"/>
                <a:gd name="connsiteY93" fmla="*/ 663226 h 7314247"/>
                <a:gd name="connsiteX94" fmla="*/ 671513 w 3625155"/>
                <a:gd name="connsiteY94" fmla="*/ 563309 h 7314247"/>
                <a:gd name="connsiteX95" fmla="*/ 581883 w 3625155"/>
                <a:gd name="connsiteY95" fmla="*/ 474155 h 7314247"/>
                <a:gd name="connsiteX96" fmla="*/ 285274 w 3625155"/>
                <a:gd name="connsiteY96" fmla="*/ 282797 h 7314247"/>
                <a:gd name="connsiteX97" fmla="*/ 19241 w 3625155"/>
                <a:gd name="connsiteY97" fmla="*/ 21336 h 7314247"/>
                <a:gd name="connsiteX98" fmla="*/ 0 w 3625155"/>
                <a:gd name="connsiteY98" fmla="*/ 0 h 7314247"/>
                <a:gd name="connsiteX99" fmla="*/ 6668 w 3625155"/>
                <a:gd name="connsiteY99" fmla="*/ 0 h 7314247"/>
                <a:gd name="connsiteX100" fmla="*/ 23050 w 3625155"/>
                <a:gd name="connsiteY100" fmla="*/ 19050 h 7314247"/>
                <a:gd name="connsiteX101" fmla="*/ 287179 w 3625155"/>
                <a:gd name="connsiteY101" fmla="*/ 278892 h 7314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3625155" h="7314247">
                  <a:moveTo>
                    <a:pt x="287179" y="278892"/>
                  </a:moveTo>
                  <a:cubicBezTo>
                    <a:pt x="377380" y="323088"/>
                    <a:pt x="504349" y="399669"/>
                    <a:pt x="584835" y="471011"/>
                  </a:cubicBezTo>
                  <a:cubicBezTo>
                    <a:pt x="615982" y="498539"/>
                    <a:pt x="645890" y="529971"/>
                    <a:pt x="674847" y="560356"/>
                  </a:cubicBezTo>
                  <a:cubicBezTo>
                    <a:pt x="719424" y="607219"/>
                    <a:pt x="757904" y="647700"/>
                    <a:pt x="786860" y="659130"/>
                  </a:cubicBezTo>
                  <a:cubicBezTo>
                    <a:pt x="797052" y="663226"/>
                    <a:pt x="807339" y="666750"/>
                    <a:pt x="817245" y="670274"/>
                  </a:cubicBezTo>
                  <a:cubicBezTo>
                    <a:pt x="854202" y="683133"/>
                    <a:pt x="889064" y="695420"/>
                    <a:pt x="912495" y="728663"/>
                  </a:cubicBezTo>
                  <a:cubicBezTo>
                    <a:pt x="930256" y="757926"/>
                    <a:pt x="946162" y="788275"/>
                    <a:pt x="960120" y="819531"/>
                  </a:cubicBezTo>
                  <a:cubicBezTo>
                    <a:pt x="983153" y="869748"/>
                    <a:pt x="1009401" y="918426"/>
                    <a:pt x="1038701" y="965264"/>
                  </a:cubicBezTo>
                  <a:cubicBezTo>
                    <a:pt x="1098232" y="1053941"/>
                    <a:pt x="1145001" y="1195673"/>
                    <a:pt x="1153763" y="1223105"/>
                  </a:cubicBezTo>
                  <a:cubicBezTo>
                    <a:pt x="1166432" y="1262920"/>
                    <a:pt x="1219867" y="1318355"/>
                    <a:pt x="1266920" y="1365980"/>
                  </a:cubicBezTo>
                  <a:cubicBezTo>
                    <a:pt x="1291123" y="1389481"/>
                    <a:pt x="1313746" y="1414554"/>
                    <a:pt x="1334644" y="1441037"/>
                  </a:cubicBezTo>
                  <a:cubicBezTo>
                    <a:pt x="1344835" y="1455420"/>
                    <a:pt x="1352551" y="1467231"/>
                    <a:pt x="1359408" y="1477613"/>
                  </a:cubicBezTo>
                  <a:cubicBezTo>
                    <a:pt x="1378004" y="1508529"/>
                    <a:pt x="1401783" y="1536014"/>
                    <a:pt x="1429703" y="1558862"/>
                  </a:cubicBezTo>
                  <a:lnTo>
                    <a:pt x="1454944" y="1581055"/>
                  </a:lnTo>
                  <a:cubicBezTo>
                    <a:pt x="1513808" y="1633061"/>
                    <a:pt x="1612296" y="1720120"/>
                    <a:pt x="1657826" y="1722882"/>
                  </a:cubicBezTo>
                  <a:cubicBezTo>
                    <a:pt x="1710023" y="1726025"/>
                    <a:pt x="1851660" y="1675257"/>
                    <a:pt x="1887664" y="1640396"/>
                  </a:cubicBezTo>
                  <a:cubicBezTo>
                    <a:pt x="1890808" y="1637443"/>
                    <a:pt x="1895094" y="1633157"/>
                    <a:pt x="1900428" y="1627918"/>
                  </a:cubicBezTo>
                  <a:cubicBezTo>
                    <a:pt x="1958531" y="1570101"/>
                    <a:pt x="2135505" y="1394270"/>
                    <a:pt x="2203895" y="1443704"/>
                  </a:cubicBezTo>
                  <a:cubicBezTo>
                    <a:pt x="2302975" y="1518221"/>
                    <a:pt x="2371863" y="1625966"/>
                    <a:pt x="2397919" y="1747171"/>
                  </a:cubicBezTo>
                  <a:cubicBezTo>
                    <a:pt x="2428494" y="1897380"/>
                    <a:pt x="2459069" y="2000822"/>
                    <a:pt x="2494217" y="2072545"/>
                  </a:cubicBezTo>
                  <a:cubicBezTo>
                    <a:pt x="2507933" y="2101120"/>
                    <a:pt x="2532317" y="2152174"/>
                    <a:pt x="2560892" y="2211705"/>
                  </a:cubicBezTo>
                  <a:cubicBezTo>
                    <a:pt x="2611660" y="2317623"/>
                    <a:pt x="2675192" y="2449830"/>
                    <a:pt x="2722817" y="2545556"/>
                  </a:cubicBezTo>
                  <a:cubicBezTo>
                    <a:pt x="2794921" y="2691289"/>
                    <a:pt x="2852834" y="2780348"/>
                    <a:pt x="2929414" y="2863024"/>
                  </a:cubicBezTo>
                  <a:cubicBezTo>
                    <a:pt x="2971705" y="2908745"/>
                    <a:pt x="3019806" y="2933129"/>
                    <a:pt x="3070764" y="2958846"/>
                  </a:cubicBezTo>
                  <a:cubicBezTo>
                    <a:pt x="3112434" y="2978614"/>
                    <a:pt x="3152249" y="3002076"/>
                    <a:pt x="3189732" y="3028950"/>
                  </a:cubicBezTo>
                  <a:cubicBezTo>
                    <a:pt x="3213179" y="3046267"/>
                    <a:pt x="3237638" y="3062170"/>
                    <a:pt x="3262978" y="3076575"/>
                  </a:cubicBezTo>
                  <a:cubicBezTo>
                    <a:pt x="3301079" y="3099054"/>
                    <a:pt x="3317367" y="3108389"/>
                    <a:pt x="3336417" y="3164015"/>
                  </a:cubicBezTo>
                  <a:cubicBezTo>
                    <a:pt x="3344084" y="3186100"/>
                    <a:pt x="3350445" y="3208618"/>
                    <a:pt x="3355467" y="3231451"/>
                  </a:cubicBezTo>
                  <a:cubicBezTo>
                    <a:pt x="3361149" y="3264841"/>
                    <a:pt x="3374917" y="3296332"/>
                    <a:pt x="3395567" y="3323177"/>
                  </a:cubicBezTo>
                  <a:cubicBezTo>
                    <a:pt x="3407474" y="3340132"/>
                    <a:pt x="3420142" y="3355943"/>
                    <a:pt x="3432334" y="3370803"/>
                  </a:cubicBezTo>
                  <a:cubicBezTo>
                    <a:pt x="3466052" y="3413093"/>
                    <a:pt x="3497962" y="3453003"/>
                    <a:pt x="3507487" y="3507581"/>
                  </a:cubicBezTo>
                  <a:cubicBezTo>
                    <a:pt x="3513121" y="3549205"/>
                    <a:pt x="3516302" y="3591124"/>
                    <a:pt x="3517012" y="3633121"/>
                  </a:cubicBezTo>
                  <a:cubicBezTo>
                    <a:pt x="3519393" y="3696843"/>
                    <a:pt x="3521965" y="3762756"/>
                    <a:pt x="3533490" y="3807809"/>
                  </a:cubicBezTo>
                  <a:cubicBezTo>
                    <a:pt x="3538157" y="3826193"/>
                    <a:pt x="3546253" y="3851339"/>
                    <a:pt x="3555683" y="3880390"/>
                  </a:cubicBezTo>
                  <a:cubicBezTo>
                    <a:pt x="3587020" y="3977449"/>
                    <a:pt x="3634359" y="4124135"/>
                    <a:pt x="3623596" y="4235291"/>
                  </a:cubicBezTo>
                  <a:cubicBezTo>
                    <a:pt x="3622644" y="4245959"/>
                    <a:pt x="3621691" y="4256056"/>
                    <a:pt x="3620833" y="4265772"/>
                  </a:cubicBezTo>
                  <a:cubicBezTo>
                    <a:pt x="3609690" y="4389597"/>
                    <a:pt x="3604070" y="4451699"/>
                    <a:pt x="3439858" y="4652106"/>
                  </a:cubicBezTo>
                  <a:cubicBezTo>
                    <a:pt x="3251835" y="4881372"/>
                    <a:pt x="3086005" y="5006150"/>
                    <a:pt x="2972562" y="5002911"/>
                  </a:cubicBezTo>
                  <a:cubicBezTo>
                    <a:pt x="2953512" y="5002435"/>
                    <a:pt x="2928652" y="5001197"/>
                    <a:pt x="2899696" y="4999673"/>
                  </a:cubicBezTo>
                  <a:cubicBezTo>
                    <a:pt x="2746439" y="4992053"/>
                    <a:pt x="2461070" y="4977670"/>
                    <a:pt x="2315051" y="5039487"/>
                  </a:cubicBezTo>
                  <a:lnTo>
                    <a:pt x="2301240" y="5045298"/>
                  </a:lnTo>
                  <a:cubicBezTo>
                    <a:pt x="2126552" y="5119116"/>
                    <a:pt x="1928527" y="5202745"/>
                    <a:pt x="1770222" y="5457254"/>
                  </a:cubicBezTo>
                  <a:cubicBezTo>
                    <a:pt x="1602582" y="5726716"/>
                    <a:pt x="1507903" y="5885879"/>
                    <a:pt x="1512094" y="6016848"/>
                  </a:cubicBezTo>
                  <a:cubicBezTo>
                    <a:pt x="1514571" y="6093048"/>
                    <a:pt x="1492377" y="6193822"/>
                    <a:pt x="1471041" y="6291549"/>
                  </a:cubicBezTo>
                  <a:cubicBezTo>
                    <a:pt x="1454372" y="6367749"/>
                    <a:pt x="1438656" y="6439472"/>
                    <a:pt x="1434941" y="6496431"/>
                  </a:cubicBezTo>
                  <a:cubicBezTo>
                    <a:pt x="1427893" y="6602826"/>
                    <a:pt x="1410081" y="7022878"/>
                    <a:pt x="1449801" y="7134606"/>
                  </a:cubicBezTo>
                  <a:cubicBezTo>
                    <a:pt x="1468851" y="7189470"/>
                    <a:pt x="1508380" y="7228713"/>
                    <a:pt x="1546098" y="7266623"/>
                  </a:cubicBezTo>
                  <a:cubicBezTo>
                    <a:pt x="1561338" y="7281863"/>
                    <a:pt x="1576673" y="7297389"/>
                    <a:pt x="1590961" y="7314248"/>
                  </a:cubicBezTo>
                  <a:lnTo>
                    <a:pt x="1584675" y="7314248"/>
                  </a:lnTo>
                  <a:cubicBezTo>
                    <a:pt x="1571244" y="7298912"/>
                    <a:pt x="1556957" y="7284435"/>
                    <a:pt x="1542765" y="7270147"/>
                  </a:cubicBezTo>
                  <a:cubicBezTo>
                    <a:pt x="1504665" y="7232047"/>
                    <a:pt x="1465136" y="7192328"/>
                    <a:pt x="1445324" y="7136797"/>
                  </a:cubicBezTo>
                  <a:cubicBezTo>
                    <a:pt x="1405318" y="7024212"/>
                    <a:pt x="1423130" y="6603397"/>
                    <a:pt x="1430178" y="6496622"/>
                  </a:cubicBezTo>
                  <a:cubicBezTo>
                    <a:pt x="1433893" y="6439472"/>
                    <a:pt x="1449705" y="6367272"/>
                    <a:pt x="1466374" y="6290977"/>
                  </a:cubicBezTo>
                  <a:cubicBezTo>
                    <a:pt x="1487710" y="6193631"/>
                    <a:pt x="1509808" y="6092857"/>
                    <a:pt x="1507332" y="6017419"/>
                  </a:cubicBezTo>
                  <a:cubicBezTo>
                    <a:pt x="1503140" y="5884927"/>
                    <a:pt x="1598009" y="5725478"/>
                    <a:pt x="1766221" y="5455444"/>
                  </a:cubicBezTo>
                  <a:cubicBezTo>
                    <a:pt x="1925289" y="5199698"/>
                    <a:pt x="2124076" y="5115783"/>
                    <a:pt x="2299621" y="5041678"/>
                  </a:cubicBezTo>
                  <a:lnTo>
                    <a:pt x="2313433" y="5035868"/>
                  </a:lnTo>
                  <a:cubicBezTo>
                    <a:pt x="2460498" y="4973669"/>
                    <a:pt x="2746534" y="4988243"/>
                    <a:pt x="2900268" y="4995672"/>
                  </a:cubicBezTo>
                  <a:cubicBezTo>
                    <a:pt x="2928843" y="4997196"/>
                    <a:pt x="2954179" y="4998435"/>
                    <a:pt x="2972944" y="4998911"/>
                  </a:cubicBezTo>
                  <a:lnTo>
                    <a:pt x="2976943" y="4998911"/>
                  </a:lnTo>
                  <a:cubicBezTo>
                    <a:pt x="3088671" y="4998911"/>
                    <a:pt x="3251645" y="4875086"/>
                    <a:pt x="3436525" y="4649724"/>
                  </a:cubicBezTo>
                  <a:cubicBezTo>
                    <a:pt x="3599974" y="4450461"/>
                    <a:pt x="3605498" y="4388834"/>
                    <a:pt x="3616547" y="4266057"/>
                  </a:cubicBezTo>
                  <a:cubicBezTo>
                    <a:pt x="3617404" y="4256532"/>
                    <a:pt x="3618358" y="4246150"/>
                    <a:pt x="3619405" y="4235482"/>
                  </a:cubicBezTo>
                  <a:cubicBezTo>
                    <a:pt x="3630073" y="4125373"/>
                    <a:pt x="3582829" y="3979164"/>
                    <a:pt x="3551587" y="3882485"/>
                  </a:cubicBezTo>
                  <a:cubicBezTo>
                    <a:pt x="3542062" y="3853339"/>
                    <a:pt x="3534061" y="3828193"/>
                    <a:pt x="3529298" y="3809619"/>
                  </a:cubicBezTo>
                  <a:cubicBezTo>
                    <a:pt x="3517678" y="3764090"/>
                    <a:pt x="3515201" y="3697891"/>
                    <a:pt x="3512725" y="3633978"/>
                  </a:cubicBezTo>
                  <a:cubicBezTo>
                    <a:pt x="3511972" y="3592204"/>
                    <a:pt x="3508791" y="3550510"/>
                    <a:pt x="3503200" y="3509105"/>
                  </a:cubicBezTo>
                  <a:cubicBezTo>
                    <a:pt x="3493675" y="3455670"/>
                    <a:pt x="3462338" y="3416237"/>
                    <a:pt x="3429001" y="3374422"/>
                  </a:cubicBezTo>
                  <a:cubicBezTo>
                    <a:pt x="3416713" y="3359182"/>
                    <a:pt x="3404045" y="3343275"/>
                    <a:pt x="3392044" y="3326225"/>
                  </a:cubicBezTo>
                  <a:cubicBezTo>
                    <a:pt x="3371053" y="3298849"/>
                    <a:pt x="3357031" y="3266782"/>
                    <a:pt x="3351181" y="3232785"/>
                  </a:cubicBezTo>
                  <a:cubicBezTo>
                    <a:pt x="3346359" y="3210220"/>
                    <a:pt x="3340220" y="3187958"/>
                    <a:pt x="3332797" y="3166110"/>
                  </a:cubicBezTo>
                  <a:cubicBezTo>
                    <a:pt x="3314319" y="3112103"/>
                    <a:pt x="3298794" y="3103055"/>
                    <a:pt x="3261455" y="3081242"/>
                  </a:cubicBezTo>
                  <a:cubicBezTo>
                    <a:pt x="3235919" y="3066698"/>
                    <a:pt x="3211299" y="3050602"/>
                    <a:pt x="3187732" y="3033046"/>
                  </a:cubicBezTo>
                  <a:cubicBezTo>
                    <a:pt x="3150476" y="3006322"/>
                    <a:pt x="3110881" y="2983018"/>
                    <a:pt x="3069431" y="2963418"/>
                  </a:cubicBezTo>
                  <a:cubicBezTo>
                    <a:pt x="3018187" y="2937415"/>
                    <a:pt x="2969704" y="2912840"/>
                    <a:pt x="2926557" y="2866549"/>
                  </a:cubicBezTo>
                  <a:cubicBezTo>
                    <a:pt x="2849690" y="2783491"/>
                    <a:pt x="2791492" y="2694146"/>
                    <a:pt x="2719198" y="2547938"/>
                  </a:cubicBezTo>
                  <a:cubicBezTo>
                    <a:pt x="2671573" y="2451735"/>
                    <a:pt x="2608517" y="2320004"/>
                    <a:pt x="2557273" y="2214563"/>
                  </a:cubicBezTo>
                  <a:cubicBezTo>
                    <a:pt x="2528698" y="2154936"/>
                    <a:pt x="2504027" y="2103501"/>
                    <a:pt x="2490598" y="2075402"/>
                  </a:cubicBezTo>
                  <a:cubicBezTo>
                    <a:pt x="2455259" y="2003298"/>
                    <a:pt x="2424589" y="1899476"/>
                    <a:pt x="2393823" y="1748885"/>
                  </a:cubicBezTo>
                  <a:cubicBezTo>
                    <a:pt x="2368040" y="1628603"/>
                    <a:pt x="2299679" y="1521682"/>
                    <a:pt x="2201323" y="1447800"/>
                  </a:cubicBezTo>
                  <a:cubicBezTo>
                    <a:pt x="2136267" y="1400747"/>
                    <a:pt x="1961388" y="1574483"/>
                    <a:pt x="1903952" y="1631537"/>
                  </a:cubicBezTo>
                  <a:lnTo>
                    <a:pt x="1891189" y="1644110"/>
                  </a:lnTo>
                  <a:cubicBezTo>
                    <a:pt x="1853756" y="1680305"/>
                    <a:pt x="1712024" y="1731169"/>
                    <a:pt x="1657731" y="1727930"/>
                  </a:cubicBezTo>
                  <a:cubicBezTo>
                    <a:pt x="1610106" y="1725073"/>
                    <a:pt x="1514856" y="1640681"/>
                    <a:pt x="1451991" y="1585055"/>
                  </a:cubicBezTo>
                  <a:cubicBezTo>
                    <a:pt x="1442466" y="1576768"/>
                    <a:pt x="1434084" y="1569244"/>
                    <a:pt x="1426750" y="1562957"/>
                  </a:cubicBezTo>
                  <a:cubicBezTo>
                    <a:pt x="1398562" y="1539734"/>
                    <a:pt x="1374505" y="1511909"/>
                    <a:pt x="1355598" y="1480661"/>
                  </a:cubicBezTo>
                  <a:cubicBezTo>
                    <a:pt x="1348836" y="1470279"/>
                    <a:pt x="1341120" y="1458563"/>
                    <a:pt x="1330929" y="1444276"/>
                  </a:cubicBezTo>
                  <a:cubicBezTo>
                    <a:pt x="1310167" y="1418002"/>
                    <a:pt x="1287703" y="1393120"/>
                    <a:pt x="1263682" y="1369790"/>
                  </a:cubicBezTo>
                  <a:cubicBezTo>
                    <a:pt x="1216057" y="1320927"/>
                    <a:pt x="1162431" y="1265587"/>
                    <a:pt x="1149382" y="1224629"/>
                  </a:cubicBezTo>
                  <a:cubicBezTo>
                    <a:pt x="1140619" y="1197293"/>
                    <a:pt x="1094137" y="1056132"/>
                    <a:pt x="1035082" y="968026"/>
                  </a:cubicBezTo>
                  <a:cubicBezTo>
                    <a:pt x="1005688" y="920996"/>
                    <a:pt x="979345" y="872128"/>
                    <a:pt x="956214" y="821722"/>
                  </a:cubicBezTo>
                  <a:cubicBezTo>
                    <a:pt x="942223" y="790697"/>
                    <a:pt x="926317" y="760572"/>
                    <a:pt x="908589" y="731520"/>
                  </a:cubicBezTo>
                  <a:cubicBezTo>
                    <a:pt x="886206" y="699421"/>
                    <a:pt x="852011" y="687515"/>
                    <a:pt x="815912" y="674370"/>
                  </a:cubicBezTo>
                  <a:cubicBezTo>
                    <a:pt x="805910" y="670941"/>
                    <a:pt x="795624" y="667322"/>
                    <a:pt x="785241" y="663226"/>
                  </a:cubicBezTo>
                  <a:cubicBezTo>
                    <a:pt x="755428" y="651320"/>
                    <a:pt x="716566" y="610553"/>
                    <a:pt x="671513" y="563309"/>
                  </a:cubicBezTo>
                  <a:cubicBezTo>
                    <a:pt x="642938" y="533019"/>
                    <a:pt x="612839" y="501587"/>
                    <a:pt x="581883" y="474155"/>
                  </a:cubicBezTo>
                  <a:cubicBezTo>
                    <a:pt x="501682" y="403193"/>
                    <a:pt x="375190" y="326898"/>
                    <a:pt x="285274" y="282797"/>
                  </a:cubicBezTo>
                  <a:cubicBezTo>
                    <a:pt x="220218" y="250889"/>
                    <a:pt x="94774" y="107156"/>
                    <a:pt x="19241" y="21336"/>
                  </a:cubicBezTo>
                  <a:lnTo>
                    <a:pt x="0" y="0"/>
                  </a:lnTo>
                  <a:lnTo>
                    <a:pt x="6668" y="0"/>
                  </a:lnTo>
                  <a:lnTo>
                    <a:pt x="23050" y="19050"/>
                  </a:lnTo>
                  <a:cubicBezTo>
                    <a:pt x="92393" y="98584"/>
                    <a:pt x="222981" y="247650"/>
                    <a:pt x="287179" y="27889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2" name="Freeform: Shape 129">
              <a:extLst>
                <a:ext uri="{FF2B5EF4-FFF2-40B4-BE49-F238E27FC236}">
                  <a16:creationId xmlns:a16="http://schemas.microsoft.com/office/drawing/2014/main" id="{146C6F67-F2FE-5348-BCD2-6860356FBCCB}"/>
                </a:ext>
              </a:extLst>
            </p:cNvPr>
            <p:cNvSpPr/>
            <p:nvPr/>
          </p:nvSpPr>
          <p:spPr>
            <a:xfrm>
              <a:off x="8327764" y="-1668332"/>
              <a:ext cx="4315386" cy="4218304"/>
            </a:xfrm>
            <a:custGeom>
              <a:avLst/>
              <a:gdLst>
                <a:gd name="connsiteX0" fmla="*/ 261080 w 3534536"/>
                <a:gd name="connsiteY0" fmla="*/ 224409 h 3479196"/>
                <a:gd name="connsiteX1" fmla="*/ 606361 w 3534536"/>
                <a:gd name="connsiteY1" fmla="*/ 470059 h 3479196"/>
                <a:gd name="connsiteX2" fmla="*/ 686562 w 3534536"/>
                <a:gd name="connsiteY2" fmla="*/ 550831 h 3479196"/>
                <a:gd name="connsiteX3" fmla="*/ 795623 w 3534536"/>
                <a:gd name="connsiteY3" fmla="*/ 602171 h 3479196"/>
                <a:gd name="connsiteX4" fmla="*/ 933926 w 3534536"/>
                <a:gd name="connsiteY4" fmla="*/ 705231 h 3479196"/>
                <a:gd name="connsiteX5" fmla="*/ 1460373 w 3534536"/>
                <a:gd name="connsiteY5" fmla="*/ 1301591 h 3479196"/>
                <a:gd name="connsiteX6" fmla="*/ 1852994 w 3534536"/>
                <a:gd name="connsiteY6" fmla="*/ 1278922 h 3479196"/>
                <a:gd name="connsiteX7" fmla="*/ 1886998 w 3534536"/>
                <a:gd name="connsiteY7" fmla="*/ 1253871 h 3479196"/>
                <a:gd name="connsiteX8" fmla="*/ 2050066 w 3534536"/>
                <a:gd name="connsiteY8" fmla="*/ 1231106 h 3479196"/>
                <a:gd name="connsiteX9" fmla="*/ 2242470 w 3534536"/>
                <a:gd name="connsiteY9" fmla="*/ 1475708 h 3479196"/>
                <a:gd name="connsiteX10" fmla="*/ 2414969 w 3534536"/>
                <a:gd name="connsiteY10" fmla="*/ 1965008 h 3479196"/>
                <a:gd name="connsiteX11" fmla="*/ 2474024 w 3534536"/>
                <a:gd name="connsiteY11" fmla="*/ 2117408 h 3479196"/>
                <a:gd name="connsiteX12" fmla="*/ 2812638 w 3534536"/>
                <a:gd name="connsiteY12" fmla="*/ 2733675 h 3479196"/>
                <a:gd name="connsiteX13" fmla="*/ 3173920 w 3534536"/>
                <a:gd name="connsiteY13" fmla="*/ 2853404 h 3479196"/>
                <a:gd name="connsiteX14" fmla="*/ 3186208 w 3534536"/>
                <a:gd name="connsiteY14" fmla="*/ 2854166 h 3479196"/>
                <a:gd name="connsiteX15" fmla="*/ 3425762 w 3534536"/>
                <a:gd name="connsiteY15" fmla="*/ 3226499 h 3479196"/>
                <a:gd name="connsiteX16" fmla="*/ 3507772 w 3534536"/>
                <a:gd name="connsiteY16" fmla="*/ 3420999 h 3479196"/>
                <a:gd name="connsiteX17" fmla="*/ 3534537 w 3534536"/>
                <a:gd name="connsiteY17" fmla="*/ 3468624 h 3479196"/>
                <a:gd name="connsiteX18" fmla="*/ 3534537 w 3534536"/>
                <a:gd name="connsiteY18" fmla="*/ 3479197 h 3479196"/>
                <a:gd name="connsiteX19" fmla="*/ 3503676 w 3534536"/>
                <a:gd name="connsiteY19" fmla="*/ 3423285 h 3479196"/>
                <a:gd name="connsiteX20" fmla="*/ 3421284 w 3534536"/>
                <a:gd name="connsiteY20" fmla="*/ 3227928 h 3479196"/>
                <a:gd name="connsiteX21" fmla="*/ 3185922 w 3534536"/>
                <a:gd name="connsiteY21" fmla="*/ 2858738 h 3479196"/>
                <a:gd name="connsiteX22" fmla="*/ 3173539 w 3534536"/>
                <a:gd name="connsiteY22" fmla="*/ 2857976 h 3479196"/>
                <a:gd name="connsiteX23" fmla="*/ 2808828 w 3534536"/>
                <a:gd name="connsiteY23" fmla="*/ 2736342 h 3479196"/>
                <a:gd name="connsiteX24" fmla="*/ 2469642 w 3534536"/>
                <a:gd name="connsiteY24" fmla="*/ 2118932 h 3479196"/>
                <a:gd name="connsiteX25" fmla="*/ 2410491 w 3534536"/>
                <a:gd name="connsiteY25" fmla="*/ 1966532 h 3479196"/>
                <a:gd name="connsiteX26" fmla="*/ 2237898 w 3534536"/>
                <a:gd name="connsiteY26" fmla="*/ 1476661 h 3479196"/>
                <a:gd name="connsiteX27" fmla="*/ 2048446 w 3534536"/>
                <a:gd name="connsiteY27" fmla="*/ 1235297 h 3479196"/>
                <a:gd name="connsiteX28" fmla="*/ 1889759 w 3534536"/>
                <a:gd name="connsiteY28" fmla="*/ 1257491 h 3479196"/>
                <a:gd name="connsiteX29" fmla="*/ 1855851 w 3534536"/>
                <a:gd name="connsiteY29" fmla="*/ 1282446 h 3479196"/>
                <a:gd name="connsiteX30" fmla="*/ 1458373 w 3534536"/>
                <a:gd name="connsiteY30" fmla="*/ 1305592 h 3479196"/>
                <a:gd name="connsiteX31" fmla="*/ 929544 w 3534536"/>
                <a:gd name="connsiteY31" fmla="*/ 706660 h 3479196"/>
                <a:gd name="connsiteX32" fmla="*/ 794099 w 3534536"/>
                <a:gd name="connsiteY32" fmla="*/ 606362 h 3479196"/>
                <a:gd name="connsiteX33" fmla="*/ 683609 w 3534536"/>
                <a:gd name="connsiteY33" fmla="*/ 554260 h 3479196"/>
                <a:gd name="connsiteX34" fmla="*/ 602837 w 3534536"/>
                <a:gd name="connsiteY34" fmla="*/ 473012 h 3479196"/>
                <a:gd name="connsiteX35" fmla="*/ 259366 w 3534536"/>
                <a:gd name="connsiteY35" fmla="*/ 228600 h 3479196"/>
                <a:gd name="connsiteX36" fmla="*/ 0 w 3534536"/>
                <a:gd name="connsiteY36" fmla="*/ 0 h 3479196"/>
                <a:gd name="connsiteX37" fmla="*/ 5143 w 3534536"/>
                <a:gd name="connsiteY37" fmla="*/ 0 h 3479196"/>
                <a:gd name="connsiteX38" fmla="*/ 261080 w 3534536"/>
                <a:gd name="connsiteY38" fmla="*/ 224409 h 3479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3534536" h="3479196">
                  <a:moveTo>
                    <a:pt x="261080" y="224409"/>
                  </a:moveTo>
                  <a:cubicBezTo>
                    <a:pt x="433388" y="277178"/>
                    <a:pt x="533305" y="388620"/>
                    <a:pt x="606361" y="470059"/>
                  </a:cubicBezTo>
                  <a:cubicBezTo>
                    <a:pt x="630676" y="499281"/>
                    <a:pt x="657513" y="526309"/>
                    <a:pt x="686562" y="550831"/>
                  </a:cubicBezTo>
                  <a:cubicBezTo>
                    <a:pt x="720566" y="576739"/>
                    <a:pt x="758761" y="589693"/>
                    <a:pt x="795623" y="602171"/>
                  </a:cubicBezTo>
                  <a:cubicBezTo>
                    <a:pt x="852773" y="621221"/>
                    <a:pt x="907446" y="640271"/>
                    <a:pt x="933926" y="705231"/>
                  </a:cubicBezTo>
                  <a:cubicBezTo>
                    <a:pt x="976408" y="809530"/>
                    <a:pt x="1215485" y="1187387"/>
                    <a:pt x="1460373" y="1301591"/>
                  </a:cubicBezTo>
                  <a:cubicBezTo>
                    <a:pt x="1682972" y="1405414"/>
                    <a:pt x="1746981" y="1357789"/>
                    <a:pt x="1852994" y="1278922"/>
                  </a:cubicBezTo>
                  <a:cubicBezTo>
                    <a:pt x="1863851" y="1270826"/>
                    <a:pt x="1875091" y="1262443"/>
                    <a:pt x="1886998" y="1253871"/>
                  </a:cubicBezTo>
                  <a:cubicBezTo>
                    <a:pt x="1933984" y="1219140"/>
                    <a:pt x="1995364" y="1210572"/>
                    <a:pt x="2050066" y="1231106"/>
                  </a:cubicBezTo>
                  <a:cubicBezTo>
                    <a:pt x="2137410" y="1262539"/>
                    <a:pt x="2211134" y="1356265"/>
                    <a:pt x="2242470" y="1475708"/>
                  </a:cubicBezTo>
                  <a:cubicBezTo>
                    <a:pt x="2281904" y="1626299"/>
                    <a:pt x="2352580" y="1806226"/>
                    <a:pt x="2414969" y="1965008"/>
                  </a:cubicBezTo>
                  <a:cubicBezTo>
                    <a:pt x="2436590" y="2020253"/>
                    <a:pt x="2457069" y="2072450"/>
                    <a:pt x="2474024" y="2117408"/>
                  </a:cubicBezTo>
                  <a:cubicBezTo>
                    <a:pt x="2537460" y="2287429"/>
                    <a:pt x="2731199" y="2625852"/>
                    <a:pt x="2812638" y="2733675"/>
                  </a:cubicBezTo>
                  <a:cubicBezTo>
                    <a:pt x="2888838" y="2835402"/>
                    <a:pt x="3027426" y="2844165"/>
                    <a:pt x="3173920" y="2853404"/>
                  </a:cubicBezTo>
                  <a:lnTo>
                    <a:pt x="3186208" y="2854166"/>
                  </a:lnTo>
                  <a:cubicBezTo>
                    <a:pt x="3290316" y="2860834"/>
                    <a:pt x="3362325" y="3055144"/>
                    <a:pt x="3425762" y="3226499"/>
                  </a:cubicBezTo>
                  <a:cubicBezTo>
                    <a:pt x="3454337" y="3303746"/>
                    <a:pt x="3481292" y="3376613"/>
                    <a:pt x="3507772" y="3420999"/>
                  </a:cubicBezTo>
                  <a:cubicBezTo>
                    <a:pt x="3518059" y="3438430"/>
                    <a:pt x="3526822" y="3454146"/>
                    <a:pt x="3534537" y="3468624"/>
                  </a:cubicBezTo>
                  <a:lnTo>
                    <a:pt x="3534537" y="3479197"/>
                  </a:lnTo>
                  <a:cubicBezTo>
                    <a:pt x="3526059" y="3462242"/>
                    <a:pt x="3515963" y="3443954"/>
                    <a:pt x="3503676" y="3423285"/>
                  </a:cubicBezTo>
                  <a:cubicBezTo>
                    <a:pt x="3477006" y="3378518"/>
                    <a:pt x="3449955" y="3305366"/>
                    <a:pt x="3421284" y="3227928"/>
                  </a:cubicBezTo>
                  <a:cubicBezTo>
                    <a:pt x="3358324" y="3057906"/>
                    <a:pt x="3286982" y="2865215"/>
                    <a:pt x="3185922" y="2858738"/>
                  </a:cubicBezTo>
                  <a:lnTo>
                    <a:pt x="3173539" y="2857976"/>
                  </a:lnTo>
                  <a:cubicBezTo>
                    <a:pt x="3025997" y="2848451"/>
                    <a:pt x="2886646" y="2839784"/>
                    <a:pt x="2808828" y="2736342"/>
                  </a:cubicBezTo>
                  <a:cubicBezTo>
                    <a:pt x="2727579" y="2628329"/>
                    <a:pt x="2532603" y="2289239"/>
                    <a:pt x="2469642" y="2118932"/>
                  </a:cubicBezTo>
                  <a:cubicBezTo>
                    <a:pt x="2452688" y="2073497"/>
                    <a:pt x="2432209" y="2021300"/>
                    <a:pt x="2410491" y="1966532"/>
                  </a:cubicBezTo>
                  <a:cubicBezTo>
                    <a:pt x="2348103" y="1807559"/>
                    <a:pt x="2277141" y="1627442"/>
                    <a:pt x="2237898" y="1476661"/>
                  </a:cubicBezTo>
                  <a:cubicBezTo>
                    <a:pt x="2206942" y="1358646"/>
                    <a:pt x="2134362" y="1266158"/>
                    <a:pt x="2048446" y="1235297"/>
                  </a:cubicBezTo>
                  <a:cubicBezTo>
                    <a:pt x="1995260" y="1214861"/>
                    <a:pt x="1935298" y="1223247"/>
                    <a:pt x="1889759" y="1257491"/>
                  </a:cubicBezTo>
                  <a:cubicBezTo>
                    <a:pt x="1877949" y="1265968"/>
                    <a:pt x="1866709" y="1274350"/>
                    <a:pt x="1855851" y="1282446"/>
                  </a:cubicBezTo>
                  <a:cubicBezTo>
                    <a:pt x="1748408" y="1362361"/>
                    <a:pt x="1683544" y="1410653"/>
                    <a:pt x="1458373" y="1305592"/>
                  </a:cubicBezTo>
                  <a:cubicBezTo>
                    <a:pt x="1212247" y="1191292"/>
                    <a:pt x="972122" y="811530"/>
                    <a:pt x="929544" y="706660"/>
                  </a:cubicBezTo>
                  <a:cubicBezTo>
                    <a:pt x="903827" y="643414"/>
                    <a:pt x="850582" y="625412"/>
                    <a:pt x="794099" y="606362"/>
                  </a:cubicBezTo>
                  <a:cubicBezTo>
                    <a:pt x="756856" y="593789"/>
                    <a:pt x="717899" y="580739"/>
                    <a:pt x="683609" y="554260"/>
                  </a:cubicBezTo>
                  <a:cubicBezTo>
                    <a:pt x="654368" y="529583"/>
                    <a:pt x="627341" y="502397"/>
                    <a:pt x="602837" y="473012"/>
                  </a:cubicBezTo>
                  <a:cubicBezTo>
                    <a:pt x="530161" y="392240"/>
                    <a:pt x="430816" y="281273"/>
                    <a:pt x="259366" y="228600"/>
                  </a:cubicBezTo>
                  <a:cubicBezTo>
                    <a:pt x="143994" y="193360"/>
                    <a:pt x="49451" y="110032"/>
                    <a:pt x="0" y="0"/>
                  </a:cubicBezTo>
                  <a:lnTo>
                    <a:pt x="5143" y="0"/>
                  </a:lnTo>
                  <a:cubicBezTo>
                    <a:pt x="54312" y="108055"/>
                    <a:pt x="147525" y="189786"/>
                    <a:pt x="261080" y="224409"/>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3" name="Freeform: Shape 130">
              <a:extLst>
                <a:ext uri="{FF2B5EF4-FFF2-40B4-BE49-F238E27FC236}">
                  <a16:creationId xmlns:a16="http://schemas.microsoft.com/office/drawing/2014/main" id="{C8996C2F-E08D-B546-A11B-A146BC2EDA9B}"/>
                </a:ext>
              </a:extLst>
            </p:cNvPr>
            <p:cNvSpPr/>
            <p:nvPr/>
          </p:nvSpPr>
          <p:spPr>
            <a:xfrm>
              <a:off x="10034467" y="4020207"/>
              <a:ext cx="2607520" cy="3181023"/>
            </a:xfrm>
            <a:custGeom>
              <a:avLst/>
              <a:gdLst>
                <a:gd name="connsiteX0" fmla="*/ 109258 w 2135701"/>
                <a:gd name="connsiteY0" fmla="*/ 2510505 h 2623661"/>
                <a:gd name="connsiteX1" fmla="*/ 77254 w 2135701"/>
                <a:gd name="connsiteY1" fmla="*/ 2493169 h 2623661"/>
                <a:gd name="connsiteX2" fmla="*/ 22580 w 2135701"/>
                <a:gd name="connsiteY2" fmla="*/ 1945862 h 2623661"/>
                <a:gd name="connsiteX3" fmla="*/ 66490 w 2135701"/>
                <a:gd name="connsiteY3" fmla="*/ 1546955 h 2623661"/>
                <a:gd name="connsiteX4" fmla="*/ 85540 w 2135701"/>
                <a:gd name="connsiteY4" fmla="*/ 1319213 h 2623661"/>
                <a:gd name="connsiteX5" fmla="*/ 86493 w 2135701"/>
                <a:gd name="connsiteY5" fmla="*/ 1297210 h 2623661"/>
                <a:gd name="connsiteX6" fmla="*/ 272992 w 2135701"/>
                <a:gd name="connsiteY6" fmla="*/ 932784 h 2623661"/>
                <a:gd name="connsiteX7" fmla="*/ 566267 w 2135701"/>
                <a:gd name="connsiteY7" fmla="*/ 643128 h 2623661"/>
                <a:gd name="connsiteX8" fmla="*/ 623417 w 2135701"/>
                <a:gd name="connsiteY8" fmla="*/ 618744 h 2623661"/>
                <a:gd name="connsiteX9" fmla="*/ 1237398 w 2135701"/>
                <a:gd name="connsiteY9" fmla="*/ 531305 h 2623661"/>
                <a:gd name="connsiteX10" fmla="*/ 1751748 w 2135701"/>
                <a:gd name="connsiteY10" fmla="*/ 259747 h 2623661"/>
                <a:gd name="connsiteX11" fmla="*/ 1912816 w 2135701"/>
                <a:gd name="connsiteY11" fmla="*/ 122301 h 2623661"/>
                <a:gd name="connsiteX12" fmla="*/ 1953011 w 2135701"/>
                <a:gd name="connsiteY12" fmla="*/ 103251 h 2623661"/>
                <a:gd name="connsiteX13" fmla="*/ 2135701 w 2135701"/>
                <a:gd name="connsiteY13" fmla="*/ 0 h 2623661"/>
                <a:gd name="connsiteX14" fmla="*/ 2135701 w 2135701"/>
                <a:gd name="connsiteY14" fmla="*/ 6001 h 2623661"/>
                <a:gd name="connsiteX15" fmla="*/ 1954726 w 2135701"/>
                <a:gd name="connsiteY15" fmla="*/ 107537 h 2623661"/>
                <a:gd name="connsiteX16" fmla="*/ 1914531 w 2135701"/>
                <a:gd name="connsiteY16" fmla="*/ 126587 h 2623661"/>
                <a:gd name="connsiteX17" fmla="*/ 1754797 w 2135701"/>
                <a:gd name="connsiteY17" fmla="*/ 263271 h 2623661"/>
                <a:gd name="connsiteX18" fmla="*/ 1234827 w 2135701"/>
                <a:gd name="connsiteY18" fmla="*/ 535782 h 2623661"/>
                <a:gd name="connsiteX19" fmla="*/ 624560 w 2135701"/>
                <a:gd name="connsiteY19" fmla="*/ 623221 h 2623661"/>
                <a:gd name="connsiteX20" fmla="*/ 567410 w 2135701"/>
                <a:gd name="connsiteY20" fmla="*/ 647605 h 2623661"/>
                <a:gd name="connsiteX21" fmla="*/ 276136 w 2135701"/>
                <a:gd name="connsiteY21" fmla="*/ 935736 h 2623661"/>
                <a:gd name="connsiteX22" fmla="*/ 90589 w 2135701"/>
                <a:gd name="connsiteY22" fmla="*/ 1297686 h 2623661"/>
                <a:gd name="connsiteX23" fmla="*/ 89636 w 2135701"/>
                <a:gd name="connsiteY23" fmla="*/ 1319689 h 2623661"/>
                <a:gd name="connsiteX24" fmla="*/ 70586 w 2135701"/>
                <a:gd name="connsiteY24" fmla="*/ 1547813 h 2623661"/>
                <a:gd name="connsiteX25" fmla="*/ 26675 w 2135701"/>
                <a:gd name="connsiteY25" fmla="*/ 1946720 h 2623661"/>
                <a:gd name="connsiteX26" fmla="*/ 78397 w 2135701"/>
                <a:gd name="connsiteY26" fmla="*/ 2489073 h 2623661"/>
                <a:gd name="connsiteX27" fmla="*/ 111543 w 2135701"/>
                <a:gd name="connsiteY27" fmla="*/ 2507076 h 2623661"/>
                <a:gd name="connsiteX28" fmla="*/ 190220 w 2135701"/>
                <a:gd name="connsiteY28" fmla="*/ 2623662 h 2623661"/>
                <a:gd name="connsiteX29" fmla="*/ 185458 w 2135701"/>
                <a:gd name="connsiteY29" fmla="*/ 2623662 h 2623661"/>
                <a:gd name="connsiteX30" fmla="*/ 109258 w 2135701"/>
                <a:gd name="connsiteY30" fmla="*/ 2510505 h 262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135701" h="2623661">
                  <a:moveTo>
                    <a:pt x="109258" y="2510505"/>
                  </a:moveTo>
                  <a:cubicBezTo>
                    <a:pt x="99465" y="2503238"/>
                    <a:pt x="88689" y="2497401"/>
                    <a:pt x="77254" y="2493169"/>
                  </a:cubicBezTo>
                  <a:cubicBezTo>
                    <a:pt x="21342" y="2469642"/>
                    <a:pt x="-31427" y="2447354"/>
                    <a:pt x="22580" y="1945862"/>
                  </a:cubicBezTo>
                  <a:cubicBezTo>
                    <a:pt x="44107" y="1745837"/>
                    <a:pt x="57632" y="1626299"/>
                    <a:pt x="66490" y="1546955"/>
                  </a:cubicBezTo>
                  <a:cubicBezTo>
                    <a:pt x="82778" y="1402652"/>
                    <a:pt x="82778" y="1402652"/>
                    <a:pt x="85540" y="1319213"/>
                  </a:cubicBezTo>
                  <a:lnTo>
                    <a:pt x="86493" y="1297210"/>
                  </a:lnTo>
                  <a:cubicBezTo>
                    <a:pt x="90017" y="1209485"/>
                    <a:pt x="185172" y="1051465"/>
                    <a:pt x="272992" y="932784"/>
                  </a:cubicBezTo>
                  <a:cubicBezTo>
                    <a:pt x="382340" y="785051"/>
                    <a:pt x="497497" y="671322"/>
                    <a:pt x="566267" y="643128"/>
                  </a:cubicBezTo>
                  <a:cubicBezTo>
                    <a:pt x="583603" y="636080"/>
                    <a:pt x="602843" y="627697"/>
                    <a:pt x="623417" y="618744"/>
                  </a:cubicBezTo>
                  <a:cubicBezTo>
                    <a:pt x="781532" y="550069"/>
                    <a:pt x="1020515" y="446246"/>
                    <a:pt x="1237398" y="531305"/>
                  </a:cubicBezTo>
                  <a:cubicBezTo>
                    <a:pt x="1406087" y="597408"/>
                    <a:pt x="1606207" y="402241"/>
                    <a:pt x="1751748" y="259747"/>
                  </a:cubicBezTo>
                  <a:cubicBezTo>
                    <a:pt x="1816614" y="196501"/>
                    <a:pt x="1872716" y="141827"/>
                    <a:pt x="1912816" y="122301"/>
                  </a:cubicBezTo>
                  <a:cubicBezTo>
                    <a:pt x="1925485" y="116015"/>
                    <a:pt x="1938915" y="109728"/>
                    <a:pt x="1953011" y="103251"/>
                  </a:cubicBezTo>
                  <a:cubicBezTo>
                    <a:pt x="2010161" y="76391"/>
                    <a:pt x="2076836" y="45149"/>
                    <a:pt x="2135701" y="0"/>
                  </a:cubicBezTo>
                  <a:lnTo>
                    <a:pt x="2135701" y="6001"/>
                  </a:lnTo>
                  <a:cubicBezTo>
                    <a:pt x="2077408" y="50197"/>
                    <a:pt x="2011876" y="81058"/>
                    <a:pt x="1954726" y="107537"/>
                  </a:cubicBezTo>
                  <a:cubicBezTo>
                    <a:pt x="1940725" y="114110"/>
                    <a:pt x="1927199" y="120396"/>
                    <a:pt x="1914531" y="126587"/>
                  </a:cubicBezTo>
                  <a:cubicBezTo>
                    <a:pt x="1875193" y="145637"/>
                    <a:pt x="1819281" y="200311"/>
                    <a:pt x="1754797" y="263271"/>
                  </a:cubicBezTo>
                  <a:cubicBezTo>
                    <a:pt x="1607825" y="406718"/>
                    <a:pt x="1406467" y="603123"/>
                    <a:pt x="1234827" y="535782"/>
                  </a:cubicBezTo>
                  <a:cubicBezTo>
                    <a:pt x="1019943" y="451580"/>
                    <a:pt x="782008" y="554832"/>
                    <a:pt x="624560" y="623221"/>
                  </a:cubicBezTo>
                  <a:cubicBezTo>
                    <a:pt x="604081" y="632175"/>
                    <a:pt x="584746" y="640557"/>
                    <a:pt x="567410" y="647605"/>
                  </a:cubicBezTo>
                  <a:cubicBezTo>
                    <a:pt x="499401" y="675513"/>
                    <a:pt x="385101" y="788670"/>
                    <a:pt x="276136" y="935736"/>
                  </a:cubicBezTo>
                  <a:cubicBezTo>
                    <a:pt x="164598" y="1086422"/>
                    <a:pt x="93446" y="1225010"/>
                    <a:pt x="90589" y="1297686"/>
                  </a:cubicBezTo>
                  <a:lnTo>
                    <a:pt x="89636" y="1319689"/>
                  </a:lnTo>
                  <a:cubicBezTo>
                    <a:pt x="86397" y="1403318"/>
                    <a:pt x="86397" y="1403318"/>
                    <a:pt x="70586" y="1547813"/>
                  </a:cubicBezTo>
                  <a:cubicBezTo>
                    <a:pt x="61633" y="1627156"/>
                    <a:pt x="48202" y="1746980"/>
                    <a:pt x="26675" y="1946720"/>
                  </a:cubicBezTo>
                  <a:cubicBezTo>
                    <a:pt x="-26950" y="2444591"/>
                    <a:pt x="24199" y="2466213"/>
                    <a:pt x="78397" y="2489073"/>
                  </a:cubicBezTo>
                  <a:cubicBezTo>
                    <a:pt x="90260" y="2493436"/>
                    <a:pt x="101425" y="2499500"/>
                    <a:pt x="111543" y="2507076"/>
                  </a:cubicBezTo>
                  <a:cubicBezTo>
                    <a:pt x="137356" y="2527554"/>
                    <a:pt x="162311" y="2569178"/>
                    <a:pt x="190220" y="2623662"/>
                  </a:cubicBezTo>
                  <a:lnTo>
                    <a:pt x="185458" y="2623662"/>
                  </a:lnTo>
                  <a:cubicBezTo>
                    <a:pt x="158407" y="2570512"/>
                    <a:pt x="134118" y="2530221"/>
                    <a:pt x="109258" y="25105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4" name="Freeform: Shape 131">
              <a:extLst>
                <a:ext uri="{FF2B5EF4-FFF2-40B4-BE49-F238E27FC236}">
                  <a16:creationId xmlns:a16="http://schemas.microsoft.com/office/drawing/2014/main" id="{3FAB46CA-5973-8649-9056-3AB58D3BA0B7}"/>
                </a:ext>
              </a:extLst>
            </p:cNvPr>
            <p:cNvSpPr/>
            <p:nvPr/>
          </p:nvSpPr>
          <p:spPr>
            <a:xfrm>
              <a:off x="10322104" y="4294828"/>
              <a:ext cx="2319768" cy="2906862"/>
            </a:xfrm>
            <a:custGeom>
              <a:avLst/>
              <a:gdLst>
                <a:gd name="connsiteX0" fmla="*/ 14447 w 1900016"/>
                <a:gd name="connsiteY0" fmla="*/ 1792701 h 2397537"/>
                <a:gd name="connsiteX1" fmla="*/ 21782 w 1900016"/>
                <a:gd name="connsiteY1" fmla="*/ 1461802 h 2397537"/>
                <a:gd name="connsiteX2" fmla="*/ 31307 w 1900016"/>
                <a:gd name="connsiteY2" fmla="*/ 1038511 h 2397537"/>
                <a:gd name="connsiteX3" fmla="*/ 508318 w 1900016"/>
                <a:gd name="connsiteY3" fmla="*/ 543211 h 2397537"/>
                <a:gd name="connsiteX4" fmla="*/ 510700 w 1900016"/>
                <a:gd name="connsiteY4" fmla="*/ 541782 h 2397537"/>
                <a:gd name="connsiteX5" fmla="*/ 958375 w 1900016"/>
                <a:gd name="connsiteY5" fmla="*/ 471774 h 2397537"/>
                <a:gd name="connsiteX6" fmla="*/ 1069532 w 1900016"/>
                <a:gd name="connsiteY6" fmla="*/ 487109 h 2397537"/>
                <a:gd name="connsiteX7" fmla="*/ 1549020 w 1900016"/>
                <a:gd name="connsiteY7" fmla="*/ 223266 h 2397537"/>
                <a:gd name="connsiteX8" fmla="*/ 1576166 w 1900016"/>
                <a:gd name="connsiteY8" fmla="*/ 200025 h 2397537"/>
                <a:gd name="connsiteX9" fmla="*/ 1900016 w 1900016"/>
                <a:gd name="connsiteY9" fmla="*/ 0 h 2397537"/>
                <a:gd name="connsiteX10" fmla="*/ 1900016 w 1900016"/>
                <a:gd name="connsiteY10" fmla="*/ 5334 h 2397537"/>
                <a:gd name="connsiteX11" fmla="*/ 1578833 w 1900016"/>
                <a:gd name="connsiteY11" fmla="*/ 204026 h 2397537"/>
                <a:gd name="connsiteX12" fmla="*/ 1551687 w 1900016"/>
                <a:gd name="connsiteY12" fmla="*/ 227266 h 2397537"/>
                <a:gd name="connsiteX13" fmla="*/ 1068769 w 1900016"/>
                <a:gd name="connsiteY13" fmla="*/ 492157 h 2397537"/>
                <a:gd name="connsiteX14" fmla="*/ 957136 w 1900016"/>
                <a:gd name="connsiteY14" fmla="*/ 476821 h 2397537"/>
                <a:gd name="connsiteX15" fmla="*/ 512509 w 1900016"/>
                <a:gd name="connsiteY15" fmla="*/ 546164 h 2397537"/>
                <a:gd name="connsiteX16" fmla="*/ 510223 w 1900016"/>
                <a:gd name="connsiteY16" fmla="*/ 547592 h 2397537"/>
                <a:gd name="connsiteX17" fmla="*/ 35307 w 1900016"/>
                <a:gd name="connsiteY17" fmla="*/ 1039845 h 2397537"/>
                <a:gd name="connsiteX18" fmla="*/ 25782 w 1900016"/>
                <a:gd name="connsiteY18" fmla="*/ 1462374 h 2397537"/>
                <a:gd name="connsiteX19" fmla="*/ 18447 w 1900016"/>
                <a:gd name="connsiteY19" fmla="*/ 1794224 h 2397537"/>
                <a:gd name="connsiteX20" fmla="*/ 114555 w 1900016"/>
                <a:gd name="connsiteY20" fmla="*/ 2377440 h 2397537"/>
                <a:gd name="connsiteX21" fmla="*/ 127414 w 1900016"/>
                <a:gd name="connsiteY21" fmla="*/ 2397538 h 2397537"/>
                <a:gd name="connsiteX22" fmla="*/ 121794 w 1900016"/>
                <a:gd name="connsiteY22" fmla="*/ 2397538 h 2397537"/>
                <a:gd name="connsiteX23" fmla="*/ 110650 w 1900016"/>
                <a:gd name="connsiteY23" fmla="*/ 2380012 h 2397537"/>
                <a:gd name="connsiteX24" fmla="*/ 14447 w 1900016"/>
                <a:gd name="connsiteY24" fmla="*/ 1792701 h 2397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900016" h="2397537">
                  <a:moveTo>
                    <a:pt x="14447" y="1792701"/>
                  </a:moveTo>
                  <a:cubicBezTo>
                    <a:pt x="26734" y="1724311"/>
                    <a:pt x="23972" y="1596771"/>
                    <a:pt x="21782" y="1461802"/>
                  </a:cubicBezTo>
                  <a:cubicBezTo>
                    <a:pt x="18924" y="1308831"/>
                    <a:pt x="15971" y="1150620"/>
                    <a:pt x="31307" y="1038511"/>
                  </a:cubicBezTo>
                  <a:cubicBezTo>
                    <a:pt x="61310" y="824008"/>
                    <a:pt x="278957" y="687514"/>
                    <a:pt x="508318" y="543211"/>
                  </a:cubicBezTo>
                  <a:lnTo>
                    <a:pt x="510700" y="541782"/>
                  </a:lnTo>
                  <a:cubicBezTo>
                    <a:pt x="693104" y="427482"/>
                    <a:pt x="828072" y="449771"/>
                    <a:pt x="958375" y="471774"/>
                  </a:cubicBezTo>
                  <a:cubicBezTo>
                    <a:pt x="996475" y="478155"/>
                    <a:pt x="1032289" y="484251"/>
                    <a:pt x="1069532" y="487109"/>
                  </a:cubicBezTo>
                  <a:cubicBezTo>
                    <a:pt x="1227742" y="499110"/>
                    <a:pt x="1376618" y="371285"/>
                    <a:pt x="1549020" y="223266"/>
                  </a:cubicBezTo>
                  <a:lnTo>
                    <a:pt x="1576166" y="200025"/>
                  </a:lnTo>
                  <a:cubicBezTo>
                    <a:pt x="1661034" y="127254"/>
                    <a:pt x="1783430" y="60198"/>
                    <a:pt x="1900016" y="0"/>
                  </a:cubicBezTo>
                  <a:lnTo>
                    <a:pt x="1900016" y="5334"/>
                  </a:lnTo>
                  <a:cubicBezTo>
                    <a:pt x="1783907" y="65532"/>
                    <a:pt x="1662843" y="132112"/>
                    <a:pt x="1578833" y="204026"/>
                  </a:cubicBezTo>
                  <a:lnTo>
                    <a:pt x="1551687" y="227266"/>
                  </a:lnTo>
                  <a:cubicBezTo>
                    <a:pt x="1378522" y="375952"/>
                    <a:pt x="1228885" y="504540"/>
                    <a:pt x="1068769" y="492157"/>
                  </a:cubicBezTo>
                  <a:cubicBezTo>
                    <a:pt x="1031337" y="489299"/>
                    <a:pt x="993617" y="482632"/>
                    <a:pt x="957136" y="476821"/>
                  </a:cubicBezTo>
                  <a:cubicBezTo>
                    <a:pt x="827501" y="455009"/>
                    <a:pt x="693390" y="432435"/>
                    <a:pt x="512509" y="546164"/>
                  </a:cubicBezTo>
                  <a:lnTo>
                    <a:pt x="510223" y="547592"/>
                  </a:lnTo>
                  <a:cubicBezTo>
                    <a:pt x="281623" y="691610"/>
                    <a:pt x="65120" y="827532"/>
                    <a:pt x="35307" y="1039845"/>
                  </a:cubicBezTo>
                  <a:cubicBezTo>
                    <a:pt x="19685" y="1151573"/>
                    <a:pt x="22734" y="1316641"/>
                    <a:pt x="25782" y="1462374"/>
                  </a:cubicBezTo>
                  <a:cubicBezTo>
                    <a:pt x="28354" y="1597629"/>
                    <a:pt x="30735" y="1725359"/>
                    <a:pt x="18447" y="1794224"/>
                  </a:cubicBezTo>
                  <a:cubicBezTo>
                    <a:pt x="4064" y="1874234"/>
                    <a:pt x="-31273" y="2152650"/>
                    <a:pt x="114555" y="2377440"/>
                  </a:cubicBezTo>
                  <a:cubicBezTo>
                    <a:pt x="119127" y="2384394"/>
                    <a:pt x="123318" y="2390966"/>
                    <a:pt x="127414" y="2397538"/>
                  </a:cubicBezTo>
                  <a:lnTo>
                    <a:pt x="121794" y="2397538"/>
                  </a:lnTo>
                  <a:lnTo>
                    <a:pt x="110650" y="2380012"/>
                  </a:lnTo>
                  <a:cubicBezTo>
                    <a:pt x="-35463" y="2153126"/>
                    <a:pt x="65" y="1872996"/>
                    <a:pt x="14447" y="179270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5" name="Freeform: Shape 132">
              <a:extLst>
                <a:ext uri="{FF2B5EF4-FFF2-40B4-BE49-F238E27FC236}">
                  <a16:creationId xmlns:a16="http://schemas.microsoft.com/office/drawing/2014/main" id="{11F91044-4A40-1548-8133-9B525A6FECD2}"/>
                </a:ext>
              </a:extLst>
            </p:cNvPr>
            <p:cNvSpPr/>
            <p:nvPr/>
          </p:nvSpPr>
          <p:spPr>
            <a:xfrm>
              <a:off x="8691527" y="-1668217"/>
              <a:ext cx="3951043" cy="3440285"/>
            </a:xfrm>
            <a:custGeom>
              <a:avLst/>
              <a:gdLst>
                <a:gd name="connsiteX0" fmla="*/ 288131 w 3236119"/>
                <a:gd name="connsiteY0" fmla="*/ 177070 h 2837497"/>
                <a:gd name="connsiteX1" fmla="*/ 467678 w 3236119"/>
                <a:gd name="connsiteY1" fmla="*/ 352330 h 2837497"/>
                <a:gd name="connsiteX2" fmla="*/ 518827 w 3236119"/>
                <a:gd name="connsiteY2" fmla="*/ 367475 h 2837497"/>
                <a:gd name="connsiteX3" fmla="*/ 762476 w 3236119"/>
                <a:gd name="connsiteY3" fmla="*/ 500253 h 2837497"/>
                <a:gd name="connsiteX4" fmla="*/ 1115664 w 3236119"/>
                <a:gd name="connsiteY4" fmla="*/ 927735 h 2837497"/>
                <a:gd name="connsiteX5" fmla="*/ 1454944 w 3236119"/>
                <a:gd name="connsiteY5" fmla="*/ 1039273 h 2837497"/>
                <a:gd name="connsiteX6" fmla="*/ 1507332 w 3236119"/>
                <a:gd name="connsiteY6" fmla="*/ 1029748 h 2837497"/>
                <a:gd name="connsiteX7" fmla="*/ 1817561 w 3236119"/>
                <a:gd name="connsiteY7" fmla="*/ 1043083 h 2837497"/>
                <a:gd name="connsiteX8" fmla="*/ 1826515 w 3236119"/>
                <a:gd name="connsiteY8" fmla="*/ 1055275 h 2837497"/>
                <a:gd name="connsiteX9" fmla="*/ 2148364 w 3236119"/>
                <a:gd name="connsiteY9" fmla="*/ 1779175 h 2837497"/>
                <a:gd name="connsiteX10" fmla="*/ 2373726 w 3236119"/>
                <a:gd name="connsiteY10" fmla="*/ 2223802 h 2837497"/>
                <a:gd name="connsiteX11" fmla="*/ 2435733 w 3236119"/>
                <a:gd name="connsiteY11" fmla="*/ 2309527 h 2837497"/>
                <a:gd name="connsiteX12" fmla="*/ 2697576 w 3236119"/>
                <a:gd name="connsiteY12" fmla="*/ 2659285 h 2837497"/>
                <a:gd name="connsiteX13" fmla="*/ 2821401 w 3236119"/>
                <a:gd name="connsiteY13" fmla="*/ 2664714 h 2837497"/>
                <a:gd name="connsiteX14" fmla="*/ 3230976 w 3236119"/>
                <a:gd name="connsiteY14" fmla="*/ 2811018 h 2837497"/>
                <a:gd name="connsiteX15" fmla="*/ 3236119 w 3236119"/>
                <a:gd name="connsiteY15" fmla="*/ 2824067 h 2837497"/>
                <a:gd name="connsiteX16" fmla="*/ 3236119 w 3236119"/>
                <a:gd name="connsiteY16" fmla="*/ 2837498 h 2837497"/>
                <a:gd name="connsiteX17" fmla="*/ 3226594 w 3236119"/>
                <a:gd name="connsiteY17" fmla="*/ 2812828 h 2837497"/>
                <a:gd name="connsiteX18" fmla="*/ 2821305 w 3236119"/>
                <a:gd name="connsiteY18" fmla="*/ 2669477 h 2837497"/>
                <a:gd name="connsiteX19" fmla="*/ 2696528 w 3236119"/>
                <a:gd name="connsiteY19" fmla="*/ 2664047 h 2837497"/>
                <a:gd name="connsiteX20" fmla="*/ 2430685 w 3236119"/>
                <a:gd name="connsiteY20" fmla="*/ 2310670 h 2837497"/>
                <a:gd name="connsiteX21" fmla="*/ 2370106 w 3236119"/>
                <a:gd name="connsiteY21" fmla="*/ 2227136 h 2837497"/>
                <a:gd name="connsiteX22" fmla="*/ 2143315 w 3236119"/>
                <a:gd name="connsiteY22" fmla="*/ 1780127 h 2837497"/>
                <a:gd name="connsiteX23" fmla="*/ 1822323 w 3236119"/>
                <a:gd name="connsiteY23" fmla="*/ 1057751 h 2837497"/>
                <a:gd name="connsiteX24" fmla="*/ 1813370 w 3236119"/>
                <a:gd name="connsiteY24" fmla="*/ 1045655 h 2837497"/>
                <a:gd name="connsiteX25" fmla="*/ 1507807 w 3236119"/>
                <a:gd name="connsiteY25" fmla="*/ 1034129 h 2837497"/>
                <a:gd name="connsiteX26" fmla="*/ 1455325 w 3236119"/>
                <a:gd name="connsiteY26" fmla="*/ 1043654 h 2837497"/>
                <a:gd name="connsiteX27" fmla="*/ 1112425 w 3236119"/>
                <a:gd name="connsiteY27" fmla="*/ 931355 h 2837497"/>
                <a:gd name="connsiteX28" fmla="*/ 757809 w 3236119"/>
                <a:gd name="connsiteY28" fmla="*/ 502730 h 2837497"/>
                <a:gd name="connsiteX29" fmla="*/ 517207 w 3236119"/>
                <a:gd name="connsiteY29" fmla="*/ 372237 h 2837497"/>
                <a:gd name="connsiteX30" fmla="*/ 464820 w 3236119"/>
                <a:gd name="connsiteY30" fmla="*/ 356616 h 2837497"/>
                <a:gd name="connsiteX31" fmla="*/ 283845 w 3236119"/>
                <a:gd name="connsiteY31" fmla="*/ 180308 h 2837497"/>
                <a:gd name="connsiteX32" fmla="*/ 0 w 3236119"/>
                <a:gd name="connsiteY32" fmla="*/ 0 h 2837497"/>
                <a:gd name="connsiteX33" fmla="*/ 10192 w 3236119"/>
                <a:gd name="connsiteY33" fmla="*/ 0 h 2837497"/>
                <a:gd name="connsiteX34" fmla="*/ 288131 w 3236119"/>
                <a:gd name="connsiteY34" fmla="*/ 177070 h 28374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236119" h="2837497">
                  <a:moveTo>
                    <a:pt x="288131" y="177070"/>
                  </a:moveTo>
                  <a:cubicBezTo>
                    <a:pt x="349948" y="246221"/>
                    <a:pt x="434150" y="333280"/>
                    <a:pt x="467678" y="352330"/>
                  </a:cubicBezTo>
                  <a:cubicBezTo>
                    <a:pt x="484190" y="359044"/>
                    <a:pt x="501322" y="364117"/>
                    <a:pt x="518827" y="367475"/>
                  </a:cubicBezTo>
                  <a:cubicBezTo>
                    <a:pt x="592360" y="385477"/>
                    <a:pt x="715328" y="415100"/>
                    <a:pt x="762476" y="500253"/>
                  </a:cubicBezTo>
                  <a:cubicBezTo>
                    <a:pt x="826865" y="616268"/>
                    <a:pt x="1007650" y="852011"/>
                    <a:pt x="1115664" y="927735"/>
                  </a:cubicBezTo>
                  <a:cubicBezTo>
                    <a:pt x="1234536" y="1011174"/>
                    <a:pt x="1364552" y="1053846"/>
                    <a:pt x="1454944" y="1039273"/>
                  </a:cubicBezTo>
                  <a:cubicBezTo>
                    <a:pt x="1470089" y="1036796"/>
                    <a:pt x="1488187" y="1033367"/>
                    <a:pt x="1507332" y="1029748"/>
                  </a:cubicBezTo>
                  <a:cubicBezTo>
                    <a:pt x="1612107" y="1009745"/>
                    <a:pt x="1771365" y="979456"/>
                    <a:pt x="1817561" y="1043083"/>
                  </a:cubicBezTo>
                  <a:lnTo>
                    <a:pt x="1826515" y="1055275"/>
                  </a:lnTo>
                  <a:cubicBezTo>
                    <a:pt x="1887760" y="1138523"/>
                    <a:pt x="2050352" y="1360075"/>
                    <a:pt x="2148364" y="1779175"/>
                  </a:cubicBezTo>
                  <a:cubicBezTo>
                    <a:pt x="2217420" y="2075307"/>
                    <a:pt x="2311527" y="2164652"/>
                    <a:pt x="2373726" y="2223802"/>
                  </a:cubicBezTo>
                  <a:cubicBezTo>
                    <a:pt x="2403634" y="2252377"/>
                    <a:pt x="2427161" y="2274475"/>
                    <a:pt x="2435733" y="2309527"/>
                  </a:cubicBezTo>
                  <a:cubicBezTo>
                    <a:pt x="2456308" y="2393918"/>
                    <a:pt x="2548604" y="2639187"/>
                    <a:pt x="2697576" y="2659285"/>
                  </a:cubicBezTo>
                  <a:cubicBezTo>
                    <a:pt x="2738715" y="2663430"/>
                    <a:pt x="2780057" y="2665243"/>
                    <a:pt x="2821401" y="2664714"/>
                  </a:cubicBezTo>
                  <a:cubicBezTo>
                    <a:pt x="2978182" y="2666238"/>
                    <a:pt x="3173254" y="2668143"/>
                    <a:pt x="3230976" y="2811018"/>
                  </a:cubicBezTo>
                  <a:cubicBezTo>
                    <a:pt x="3232785" y="2815495"/>
                    <a:pt x="3234500" y="2819781"/>
                    <a:pt x="3236119" y="2824067"/>
                  </a:cubicBezTo>
                  <a:lnTo>
                    <a:pt x="3236119" y="2837498"/>
                  </a:lnTo>
                  <a:cubicBezTo>
                    <a:pt x="3233166" y="2829592"/>
                    <a:pt x="3230023" y="2821496"/>
                    <a:pt x="3226594" y="2812828"/>
                  </a:cubicBezTo>
                  <a:cubicBezTo>
                    <a:pt x="3169920" y="2672810"/>
                    <a:pt x="2976659" y="2671001"/>
                    <a:pt x="2821305" y="2669477"/>
                  </a:cubicBezTo>
                  <a:cubicBezTo>
                    <a:pt x="2779644" y="2670012"/>
                    <a:pt x="2737985" y="2668199"/>
                    <a:pt x="2696528" y="2664047"/>
                  </a:cubicBezTo>
                  <a:cubicBezTo>
                    <a:pt x="2544985" y="2643473"/>
                    <a:pt x="2451545" y="2395823"/>
                    <a:pt x="2430685" y="2310670"/>
                  </a:cubicBezTo>
                  <a:cubicBezTo>
                    <a:pt x="2422494" y="2276856"/>
                    <a:pt x="2400490" y="2255996"/>
                    <a:pt x="2370106" y="2227136"/>
                  </a:cubicBezTo>
                  <a:cubicBezTo>
                    <a:pt x="2307432" y="2167604"/>
                    <a:pt x="2212753" y="2077688"/>
                    <a:pt x="2143315" y="1780127"/>
                  </a:cubicBezTo>
                  <a:cubicBezTo>
                    <a:pt x="2045590" y="1361599"/>
                    <a:pt x="1883379" y="1140905"/>
                    <a:pt x="1822323" y="1057751"/>
                  </a:cubicBezTo>
                  <a:cubicBezTo>
                    <a:pt x="1818990" y="1053370"/>
                    <a:pt x="1816036" y="1049274"/>
                    <a:pt x="1813370" y="1045655"/>
                  </a:cubicBezTo>
                  <a:cubicBezTo>
                    <a:pt x="1768888" y="984409"/>
                    <a:pt x="1611821" y="1014317"/>
                    <a:pt x="1507807" y="1034129"/>
                  </a:cubicBezTo>
                  <a:cubicBezTo>
                    <a:pt x="1488757" y="1037749"/>
                    <a:pt x="1470564" y="1041178"/>
                    <a:pt x="1455325" y="1043654"/>
                  </a:cubicBezTo>
                  <a:cubicBezTo>
                    <a:pt x="1363789" y="1058513"/>
                    <a:pt x="1232439" y="1015079"/>
                    <a:pt x="1112425" y="931355"/>
                  </a:cubicBezTo>
                  <a:cubicBezTo>
                    <a:pt x="1003935" y="855155"/>
                    <a:pt x="822484" y="618649"/>
                    <a:pt x="757809" y="502730"/>
                  </a:cubicBezTo>
                  <a:cubicBezTo>
                    <a:pt x="711708" y="419767"/>
                    <a:pt x="589979" y="389954"/>
                    <a:pt x="517207" y="372237"/>
                  </a:cubicBezTo>
                  <a:cubicBezTo>
                    <a:pt x="499282" y="368732"/>
                    <a:pt x="481737" y="363501"/>
                    <a:pt x="464820" y="356616"/>
                  </a:cubicBezTo>
                  <a:cubicBezTo>
                    <a:pt x="430816" y="337566"/>
                    <a:pt x="346139" y="249746"/>
                    <a:pt x="283845" y="180308"/>
                  </a:cubicBezTo>
                  <a:cubicBezTo>
                    <a:pt x="239554" y="130778"/>
                    <a:pt x="85249" y="43910"/>
                    <a:pt x="0" y="0"/>
                  </a:cubicBezTo>
                  <a:lnTo>
                    <a:pt x="10192" y="0"/>
                  </a:lnTo>
                  <a:cubicBezTo>
                    <a:pt x="98013" y="45244"/>
                    <a:pt x="244888" y="128778"/>
                    <a:pt x="288131" y="17707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6" name="Freeform: Shape 133">
              <a:extLst>
                <a:ext uri="{FF2B5EF4-FFF2-40B4-BE49-F238E27FC236}">
                  <a16:creationId xmlns:a16="http://schemas.microsoft.com/office/drawing/2014/main" id="{2BE55330-6E71-DF4B-B12F-3414FCD8454F}"/>
                </a:ext>
              </a:extLst>
            </p:cNvPr>
            <p:cNvSpPr/>
            <p:nvPr/>
          </p:nvSpPr>
          <p:spPr>
            <a:xfrm>
              <a:off x="9090876" y="-1668217"/>
              <a:ext cx="3552506" cy="3107424"/>
            </a:xfrm>
            <a:custGeom>
              <a:avLst/>
              <a:gdLst>
                <a:gd name="connsiteX0" fmla="*/ 226028 w 2909696"/>
                <a:gd name="connsiteY0" fmla="*/ 96584 h 2562958"/>
                <a:gd name="connsiteX1" fmla="*/ 266509 w 2909696"/>
                <a:gd name="connsiteY1" fmla="*/ 111443 h 2562958"/>
                <a:gd name="connsiteX2" fmla="*/ 508445 w 2909696"/>
                <a:gd name="connsiteY2" fmla="*/ 334328 h 2562958"/>
                <a:gd name="connsiteX3" fmla="*/ 749998 w 2909696"/>
                <a:gd name="connsiteY3" fmla="*/ 668941 h 2562958"/>
                <a:gd name="connsiteX4" fmla="*/ 1030795 w 2909696"/>
                <a:gd name="connsiteY4" fmla="*/ 769811 h 2562958"/>
                <a:gd name="connsiteX5" fmla="*/ 1126902 w 2909696"/>
                <a:gd name="connsiteY5" fmla="*/ 796481 h 2562958"/>
                <a:gd name="connsiteX6" fmla="*/ 1232535 w 2909696"/>
                <a:gd name="connsiteY6" fmla="*/ 809530 h 2562958"/>
                <a:gd name="connsiteX7" fmla="*/ 1541526 w 2909696"/>
                <a:gd name="connsiteY7" fmla="*/ 889445 h 2562958"/>
                <a:gd name="connsiteX8" fmla="*/ 1786985 w 2909696"/>
                <a:gd name="connsiteY8" fmla="*/ 1379982 h 2562958"/>
                <a:gd name="connsiteX9" fmla="*/ 1847469 w 2909696"/>
                <a:gd name="connsiteY9" fmla="*/ 1532382 h 2562958"/>
                <a:gd name="connsiteX10" fmla="*/ 1952244 w 2909696"/>
                <a:gd name="connsiteY10" fmla="*/ 1766125 h 2562958"/>
                <a:gd name="connsiteX11" fmla="*/ 2051781 w 2909696"/>
                <a:gd name="connsiteY11" fmla="*/ 1965103 h 2562958"/>
                <a:gd name="connsiteX12" fmla="*/ 2153793 w 2909696"/>
                <a:gd name="connsiteY12" fmla="*/ 2136553 h 2562958"/>
                <a:gd name="connsiteX13" fmla="*/ 2459450 w 2909696"/>
                <a:gd name="connsiteY13" fmla="*/ 2541270 h 2562958"/>
                <a:gd name="connsiteX14" fmla="*/ 2747963 w 2909696"/>
                <a:gd name="connsiteY14" fmla="*/ 2493645 h 2562958"/>
                <a:gd name="connsiteX15" fmla="*/ 2884646 w 2909696"/>
                <a:gd name="connsiteY15" fmla="*/ 2462117 h 2562958"/>
                <a:gd name="connsiteX16" fmla="*/ 2909697 w 2909696"/>
                <a:gd name="connsiteY16" fmla="*/ 2480215 h 2562958"/>
                <a:gd name="connsiteX17" fmla="*/ 2909697 w 2909696"/>
                <a:gd name="connsiteY17" fmla="*/ 2485930 h 2562958"/>
                <a:gd name="connsiteX18" fmla="*/ 2881122 w 2909696"/>
                <a:gd name="connsiteY18" fmla="*/ 2465832 h 2562958"/>
                <a:gd name="connsiteX19" fmla="*/ 2749676 w 2909696"/>
                <a:gd name="connsiteY19" fmla="*/ 2498312 h 2562958"/>
                <a:gd name="connsiteX20" fmla="*/ 2456973 w 2909696"/>
                <a:gd name="connsiteY20" fmla="*/ 2545937 h 2562958"/>
                <a:gd name="connsiteX21" fmla="*/ 2149221 w 2909696"/>
                <a:gd name="connsiteY21" fmla="*/ 2138839 h 2562958"/>
                <a:gd name="connsiteX22" fmla="*/ 2048066 w 2909696"/>
                <a:gd name="connsiteY22" fmla="*/ 1968722 h 2562958"/>
                <a:gd name="connsiteX23" fmla="*/ 1947481 w 2909696"/>
                <a:gd name="connsiteY23" fmla="*/ 1767840 h 2562958"/>
                <a:gd name="connsiteX24" fmla="*/ 1843469 w 2909696"/>
                <a:gd name="connsiteY24" fmla="*/ 1535335 h 2562958"/>
                <a:gd name="connsiteX25" fmla="*/ 1782223 w 2909696"/>
                <a:gd name="connsiteY25" fmla="*/ 1380839 h 2562958"/>
                <a:gd name="connsiteX26" fmla="*/ 1538669 w 2909696"/>
                <a:gd name="connsiteY26" fmla="*/ 893350 h 2562958"/>
                <a:gd name="connsiteX27" fmla="*/ 1232249 w 2909696"/>
                <a:gd name="connsiteY27" fmla="*/ 814388 h 2562958"/>
                <a:gd name="connsiteX28" fmla="*/ 1125284 w 2909696"/>
                <a:gd name="connsiteY28" fmla="*/ 801053 h 2562958"/>
                <a:gd name="connsiteX29" fmla="*/ 1030034 w 2909696"/>
                <a:gd name="connsiteY29" fmla="*/ 774573 h 2562958"/>
                <a:gd name="connsiteX30" fmla="*/ 747522 w 2909696"/>
                <a:gd name="connsiteY30" fmla="*/ 672846 h 2562958"/>
                <a:gd name="connsiteX31" fmla="*/ 504348 w 2909696"/>
                <a:gd name="connsiteY31" fmla="*/ 336233 h 2562958"/>
                <a:gd name="connsiteX32" fmla="*/ 265271 w 2909696"/>
                <a:gd name="connsiteY32" fmla="*/ 116014 h 2562958"/>
                <a:gd name="connsiteX33" fmla="*/ 224694 w 2909696"/>
                <a:gd name="connsiteY33" fmla="*/ 101060 h 2562958"/>
                <a:gd name="connsiteX34" fmla="*/ 222790 w 2909696"/>
                <a:gd name="connsiteY34" fmla="*/ 100298 h 2562958"/>
                <a:gd name="connsiteX35" fmla="*/ 0 w 2909696"/>
                <a:gd name="connsiteY35" fmla="*/ 0 h 2562958"/>
                <a:gd name="connsiteX36" fmla="*/ 9525 w 2909696"/>
                <a:gd name="connsiteY36" fmla="*/ 0 h 2562958"/>
                <a:gd name="connsiteX37" fmla="*/ 224409 w 2909696"/>
                <a:gd name="connsiteY37" fmla="*/ 95917 h 256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909696" h="2562958">
                  <a:moveTo>
                    <a:pt x="226028" y="96584"/>
                  </a:moveTo>
                  <a:cubicBezTo>
                    <a:pt x="239363" y="101822"/>
                    <a:pt x="253174" y="106680"/>
                    <a:pt x="266509" y="111443"/>
                  </a:cubicBezTo>
                  <a:cubicBezTo>
                    <a:pt x="352234" y="142018"/>
                    <a:pt x="441484" y="173641"/>
                    <a:pt x="508445" y="334328"/>
                  </a:cubicBezTo>
                  <a:cubicBezTo>
                    <a:pt x="589121" y="528161"/>
                    <a:pt x="675894" y="612267"/>
                    <a:pt x="749998" y="668941"/>
                  </a:cubicBezTo>
                  <a:cubicBezTo>
                    <a:pt x="808387" y="713518"/>
                    <a:pt x="936974" y="746093"/>
                    <a:pt x="1030795" y="769811"/>
                  </a:cubicBezTo>
                  <a:cubicBezTo>
                    <a:pt x="1070991" y="780002"/>
                    <a:pt x="1105757" y="788861"/>
                    <a:pt x="1126902" y="796481"/>
                  </a:cubicBezTo>
                  <a:cubicBezTo>
                    <a:pt x="1149667" y="804672"/>
                    <a:pt x="1188053" y="806958"/>
                    <a:pt x="1232535" y="809530"/>
                  </a:cubicBezTo>
                  <a:cubicBezTo>
                    <a:pt x="1324927" y="814864"/>
                    <a:pt x="1451610" y="822293"/>
                    <a:pt x="1541526" y="889445"/>
                  </a:cubicBezTo>
                  <a:cubicBezTo>
                    <a:pt x="1669352" y="984695"/>
                    <a:pt x="1756886" y="1204436"/>
                    <a:pt x="1786985" y="1379982"/>
                  </a:cubicBezTo>
                  <a:cubicBezTo>
                    <a:pt x="1800416" y="1458563"/>
                    <a:pt x="1821180" y="1491234"/>
                    <a:pt x="1847469" y="1532382"/>
                  </a:cubicBezTo>
                  <a:cubicBezTo>
                    <a:pt x="1876044" y="1576959"/>
                    <a:pt x="1911096" y="1632585"/>
                    <a:pt x="1952244" y="1766125"/>
                  </a:cubicBezTo>
                  <a:cubicBezTo>
                    <a:pt x="1994345" y="1903667"/>
                    <a:pt x="2021014" y="1932146"/>
                    <a:pt x="2051781" y="1965103"/>
                  </a:cubicBezTo>
                  <a:cubicBezTo>
                    <a:pt x="2078355" y="1993678"/>
                    <a:pt x="2108931" y="2025872"/>
                    <a:pt x="2153793" y="2136553"/>
                  </a:cubicBezTo>
                  <a:cubicBezTo>
                    <a:pt x="2250281" y="2372963"/>
                    <a:pt x="2321624" y="2467451"/>
                    <a:pt x="2459450" y="2541270"/>
                  </a:cubicBezTo>
                  <a:cubicBezTo>
                    <a:pt x="2539365" y="2584037"/>
                    <a:pt x="2655094" y="2533745"/>
                    <a:pt x="2747963" y="2493645"/>
                  </a:cubicBezTo>
                  <a:cubicBezTo>
                    <a:pt x="2813399" y="2465070"/>
                    <a:pt x="2865025" y="2442686"/>
                    <a:pt x="2884646" y="2462117"/>
                  </a:cubicBezTo>
                  <a:cubicBezTo>
                    <a:pt x="2892145" y="2469249"/>
                    <a:pt x="2900571" y="2475336"/>
                    <a:pt x="2909697" y="2480215"/>
                  </a:cubicBezTo>
                  <a:lnTo>
                    <a:pt x="2909697" y="2485930"/>
                  </a:lnTo>
                  <a:cubicBezTo>
                    <a:pt x="2899278" y="2480602"/>
                    <a:pt x="2889659" y="2473836"/>
                    <a:pt x="2881122" y="2465832"/>
                  </a:cubicBezTo>
                  <a:cubicBezTo>
                    <a:pt x="2863787" y="2448592"/>
                    <a:pt x="2810923" y="2471642"/>
                    <a:pt x="2749676" y="2498312"/>
                  </a:cubicBezTo>
                  <a:cubicBezTo>
                    <a:pt x="2655855" y="2539175"/>
                    <a:pt x="2538984" y="2590038"/>
                    <a:pt x="2456973" y="2545937"/>
                  </a:cubicBezTo>
                  <a:cubicBezTo>
                    <a:pt x="2318099" y="2471547"/>
                    <a:pt x="2246185" y="2376392"/>
                    <a:pt x="2149221" y="2138839"/>
                  </a:cubicBezTo>
                  <a:cubicBezTo>
                    <a:pt x="2104264" y="2028825"/>
                    <a:pt x="2074450" y="1996916"/>
                    <a:pt x="2048066" y="1968722"/>
                  </a:cubicBezTo>
                  <a:cubicBezTo>
                    <a:pt x="2016919" y="1935290"/>
                    <a:pt x="1989963" y="1906429"/>
                    <a:pt x="1947481" y="1767840"/>
                  </a:cubicBezTo>
                  <a:cubicBezTo>
                    <a:pt x="1906714" y="1634966"/>
                    <a:pt x="1871281" y="1579721"/>
                    <a:pt x="1843469" y="1535335"/>
                  </a:cubicBezTo>
                  <a:cubicBezTo>
                    <a:pt x="1816894" y="1493520"/>
                    <a:pt x="1795844" y="1460468"/>
                    <a:pt x="1782223" y="1380839"/>
                  </a:cubicBezTo>
                  <a:cubicBezTo>
                    <a:pt x="1752409" y="1206341"/>
                    <a:pt x="1665446" y="987838"/>
                    <a:pt x="1538669" y="893350"/>
                  </a:cubicBezTo>
                  <a:cubicBezTo>
                    <a:pt x="1449609" y="826675"/>
                    <a:pt x="1323975" y="819722"/>
                    <a:pt x="1232249" y="814388"/>
                  </a:cubicBezTo>
                  <a:cubicBezTo>
                    <a:pt x="1187482" y="811721"/>
                    <a:pt x="1148715" y="809435"/>
                    <a:pt x="1125284" y="801053"/>
                  </a:cubicBezTo>
                  <a:cubicBezTo>
                    <a:pt x="1104328" y="793433"/>
                    <a:pt x="1069752" y="784670"/>
                    <a:pt x="1030034" y="774573"/>
                  </a:cubicBezTo>
                  <a:cubicBezTo>
                    <a:pt x="935736" y="750665"/>
                    <a:pt x="806672" y="717995"/>
                    <a:pt x="747522" y="672846"/>
                  </a:cubicBezTo>
                  <a:cubicBezTo>
                    <a:pt x="672846" y="615696"/>
                    <a:pt x="585597" y="531209"/>
                    <a:pt x="504348" y="336233"/>
                  </a:cubicBezTo>
                  <a:cubicBezTo>
                    <a:pt x="438245" y="177546"/>
                    <a:pt x="350329" y="146304"/>
                    <a:pt x="265271" y="116014"/>
                  </a:cubicBezTo>
                  <a:cubicBezTo>
                    <a:pt x="251936" y="111252"/>
                    <a:pt x="238030" y="106489"/>
                    <a:pt x="224694" y="101060"/>
                  </a:cubicBezTo>
                  <a:lnTo>
                    <a:pt x="222790" y="100298"/>
                  </a:lnTo>
                  <a:cubicBezTo>
                    <a:pt x="153734" y="72866"/>
                    <a:pt x="60865" y="35814"/>
                    <a:pt x="0" y="0"/>
                  </a:cubicBezTo>
                  <a:lnTo>
                    <a:pt x="9525" y="0"/>
                  </a:lnTo>
                  <a:cubicBezTo>
                    <a:pt x="70866" y="34862"/>
                    <a:pt x="161925" y="70961"/>
                    <a:pt x="224409" y="9591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7" name="Freeform: Shape 134">
              <a:extLst>
                <a:ext uri="{FF2B5EF4-FFF2-40B4-BE49-F238E27FC236}">
                  <a16:creationId xmlns:a16="http://schemas.microsoft.com/office/drawing/2014/main" id="{E1F9217F-2433-E146-8FE9-577856F7573F}"/>
                </a:ext>
              </a:extLst>
            </p:cNvPr>
            <p:cNvSpPr/>
            <p:nvPr/>
          </p:nvSpPr>
          <p:spPr>
            <a:xfrm>
              <a:off x="10679461" y="4577535"/>
              <a:ext cx="1963340" cy="2623348"/>
            </a:xfrm>
            <a:custGeom>
              <a:avLst/>
              <a:gdLst>
                <a:gd name="connsiteX0" fmla="*/ 7407 w 1608082"/>
                <a:gd name="connsiteY0" fmla="*/ 1594295 h 2163699"/>
                <a:gd name="connsiteX1" fmla="*/ 12456 w 1608082"/>
                <a:gd name="connsiteY1" fmla="*/ 1038797 h 2163699"/>
                <a:gd name="connsiteX2" fmla="*/ 37982 w 1608082"/>
                <a:gd name="connsiteY2" fmla="*/ 864870 h 2163699"/>
                <a:gd name="connsiteX3" fmla="*/ 47507 w 1608082"/>
                <a:gd name="connsiteY3" fmla="*/ 802291 h 2163699"/>
                <a:gd name="connsiteX4" fmla="*/ 487372 w 1608082"/>
                <a:gd name="connsiteY4" fmla="*/ 435769 h 2163699"/>
                <a:gd name="connsiteX5" fmla="*/ 694732 w 1608082"/>
                <a:gd name="connsiteY5" fmla="*/ 476345 h 2163699"/>
                <a:gd name="connsiteX6" fmla="*/ 853417 w 1608082"/>
                <a:gd name="connsiteY6" fmla="*/ 499872 h 2163699"/>
                <a:gd name="connsiteX7" fmla="*/ 1261945 w 1608082"/>
                <a:gd name="connsiteY7" fmla="*/ 215551 h 2163699"/>
                <a:gd name="connsiteX8" fmla="*/ 1451397 w 1608082"/>
                <a:gd name="connsiteY8" fmla="*/ 78200 h 2163699"/>
                <a:gd name="connsiteX9" fmla="*/ 1608083 w 1608082"/>
                <a:gd name="connsiteY9" fmla="*/ 0 h 2163699"/>
                <a:gd name="connsiteX10" fmla="*/ 1608083 w 1608082"/>
                <a:gd name="connsiteY10" fmla="*/ 5049 h 2163699"/>
                <a:gd name="connsiteX11" fmla="*/ 1453968 w 1608082"/>
                <a:gd name="connsiteY11" fmla="*/ 82201 h 2163699"/>
                <a:gd name="connsiteX12" fmla="*/ 1264803 w 1608082"/>
                <a:gd name="connsiteY12" fmla="*/ 219361 h 2163699"/>
                <a:gd name="connsiteX13" fmla="*/ 855228 w 1608082"/>
                <a:gd name="connsiteY13" fmla="*/ 504349 h 2163699"/>
                <a:gd name="connsiteX14" fmla="*/ 693303 w 1608082"/>
                <a:gd name="connsiteY14" fmla="*/ 480918 h 2163699"/>
                <a:gd name="connsiteX15" fmla="*/ 487467 w 1608082"/>
                <a:gd name="connsiteY15" fmla="*/ 440532 h 2163699"/>
                <a:gd name="connsiteX16" fmla="*/ 218671 w 1608082"/>
                <a:gd name="connsiteY16" fmla="*/ 587407 h 2163699"/>
                <a:gd name="connsiteX17" fmla="*/ 52174 w 1608082"/>
                <a:gd name="connsiteY17" fmla="*/ 802767 h 2163699"/>
                <a:gd name="connsiteX18" fmla="*/ 42649 w 1608082"/>
                <a:gd name="connsiteY18" fmla="*/ 866109 h 2163699"/>
                <a:gd name="connsiteX19" fmla="*/ 17314 w 1608082"/>
                <a:gd name="connsiteY19" fmla="*/ 1039273 h 2163699"/>
                <a:gd name="connsiteX20" fmla="*/ 12265 w 1608082"/>
                <a:gd name="connsiteY20" fmla="*/ 1594105 h 2163699"/>
                <a:gd name="connsiteX21" fmla="*/ 17314 w 1608082"/>
                <a:gd name="connsiteY21" fmla="*/ 1742123 h 2163699"/>
                <a:gd name="connsiteX22" fmla="*/ 66462 w 1608082"/>
                <a:gd name="connsiteY22" fmla="*/ 2163699 h 2163699"/>
                <a:gd name="connsiteX23" fmla="*/ 61509 w 1608082"/>
                <a:gd name="connsiteY23" fmla="*/ 2163699 h 2163699"/>
                <a:gd name="connsiteX24" fmla="*/ 12551 w 1608082"/>
                <a:gd name="connsiteY24" fmla="*/ 1742218 h 2163699"/>
                <a:gd name="connsiteX25" fmla="*/ 7407 w 1608082"/>
                <a:gd name="connsiteY25" fmla="*/ 1594295 h 21636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608082" h="2163699">
                  <a:moveTo>
                    <a:pt x="7407" y="1594295"/>
                  </a:moveTo>
                  <a:cubicBezTo>
                    <a:pt x="-499" y="1376363"/>
                    <a:pt x="-6119" y="1218819"/>
                    <a:pt x="12456" y="1038797"/>
                  </a:cubicBezTo>
                  <a:cubicBezTo>
                    <a:pt x="25790" y="910114"/>
                    <a:pt x="32838" y="883920"/>
                    <a:pt x="37982" y="864870"/>
                  </a:cubicBezTo>
                  <a:cubicBezTo>
                    <a:pt x="43361" y="844406"/>
                    <a:pt x="46554" y="823429"/>
                    <a:pt x="47507" y="802291"/>
                  </a:cubicBezTo>
                  <a:cubicBezTo>
                    <a:pt x="55889" y="708470"/>
                    <a:pt x="336972" y="439103"/>
                    <a:pt x="487372" y="435769"/>
                  </a:cubicBezTo>
                  <a:cubicBezTo>
                    <a:pt x="559381" y="434150"/>
                    <a:pt x="631295" y="456629"/>
                    <a:pt x="694732" y="476345"/>
                  </a:cubicBezTo>
                  <a:cubicBezTo>
                    <a:pt x="759787" y="496729"/>
                    <a:pt x="815985" y="514445"/>
                    <a:pt x="853417" y="499872"/>
                  </a:cubicBezTo>
                  <a:cubicBezTo>
                    <a:pt x="902281" y="480822"/>
                    <a:pt x="1101735" y="333852"/>
                    <a:pt x="1261945" y="215551"/>
                  </a:cubicBezTo>
                  <a:cubicBezTo>
                    <a:pt x="1345765" y="153638"/>
                    <a:pt x="1418060" y="100299"/>
                    <a:pt x="1451397" y="78200"/>
                  </a:cubicBezTo>
                  <a:cubicBezTo>
                    <a:pt x="1501060" y="47281"/>
                    <a:pt x="1553520" y="21099"/>
                    <a:pt x="1608083" y="0"/>
                  </a:cubicBezTo>
                  <a:lnTo>
                    <a:pt x="1608083" y="5049"/>
                  </a:lnTo>
                  <a:cubicBezTo>
                    <a:pt x="1554428" y="25927"/>
                    <a:pt x="1502835" y="51756"/>
                    <a:pt x="1453968" y="82201"/>
                  </a:cubicBezTo>
                  <a:cubicBezTo>
                    <a:pt x="1420822" y="104204"/>
                    <a:pt x="1348527" y="157544"/>
                    <a:pt x="1264803" y="219361"/>
                  </a:cubicBezTo>
                  <a:cubicBezTo>
                    <a:pt x="1104307" y="337852"/>
                    <a:pt x="904662" y="485299"/>
                    <a:pt x="855228" y="504349"/>
                  </a:cubicBezTo>
                  <a:cubicBezTo>
                    <a:pt x="816270" y="519208"/>
                    <a:pt x="759310" y="501491"/>
                    <a:pt x="693303" y="480918"/>
                  </a:cubicBezTo>
                  <a:cubicBezTo>
                    <a:pt x="630152" y="461296"/>
                    <a:pt x="558810" y="438817"/>
                    <a:pt x="487467" y="440532"/>
                  </a:cubicBezTo>
                  <a:cubicBezTo>
                    <a:pt x="422792" y="441960"/>
                    <a:pt x="322303" y="496824"/>
                    <a:pt x="218671" y="587407"/>
                  </a:cubicBezTo>
                  <a:cubicBezTo>
                    <a:pt x="124659" y="669513"/>
                    <a:pt x="56175" y="758095"/>
                    <a:pt x="52174" y="802767"/>
                  </a:cubicBezTo>
                  <a:cubicBezTo>
                    <a:pt x="51248" y="824158"/>
                    <a:pt x="48055" y="845391"/>
                    <a:pt x="42649" y="866109"/>
                  </a:cubicBezTo>
                  <a:cubicBezTo>
                    <a:pt x="37601" y="885159"/>
                    <a:pt x="30552" y="910971"/>
                    <a:pt x="17314" y="1039273"/>
                  </a:cubicBezTo>
                  <a:cubicBezTo>
                    <a:pt x="-1736" y="1219010"/>
                    <a:pt x="4454" y="1376363"/>
                    <a:pt x="12265" y="1594105"/>
                  </a:cubicBezTo>
                  <a:cubicBezTo>
                    <a:pt x="13884" y="1640205"/>
                    <a:pt x="15694" y="1689355"/>
                    <a:pt x="17314" y="1742123"/>
                  </a:cubicBezTo>
                  <a:cubicBezTo>
                    <a:pt x="24267" y="1960341"/>
                    <a:pt x="37507" y="2072831"/>
                    <a:pt x="66462" y="2163699"/>
                  </a:cubicBezTo>
                  <a:lnTo>
                    <a:pt x="61509" y="2163699"/>
                  </a:lnTo>
                  <a:cubicBezTo>
                    <a:pt x="32934" y="2072736"/>
                    <a:pt x="19504" y="1959769"/>
                    <a:pt x="12551" y="1742218"/>
                  </a:cubicBezTo>
                  <a:cubicBezTo>
                    <a:pt x="10836" y="1689450"/>
                    <a:pt x="9026" y="1640396"/>
                    <a:pt x="7407" y="159429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8" name="Freeform: Shape 135">
              <a:extLst>
                <a:ext uri="{FF2B5EF4-FFF2-40B4-BE49-F238E27FC236}">
                  <a16:creationId xmlns:a16="http://schemas.microsoft.com/office/drawing/2014/main" id="{3C47CE32-69F8-5C46-93CF-A1641CE870ED}"/>
                </a:ext>
              </a:extLst>
            </p:cNvPr>
            <p:cNvSpPr/>
            <p:nvPr/>
          </p:nvSpPr>
          <p:spPr>
            <a:xfrm>
              <a:off x="9845849" y="-1668217"/>
              <a:ext cx="2797185" cy="2697007"/>
            </a:xfrm>
            <a:custGeom>
              <a:avLst/>
              <a:gdLst>
                <a:gd name="connsiteX0" fmla="*/ 274415 w 2291047"/>
                <a:gd name="connsiteY0" fmla="*/ 380905 h 2224452"/>
                <a:gd name="connsiteX1" fmla="*/ 842390 w 2291047"/>
                <a:gd name="connsiteY1" fmla="*/ 460724 h 2224452"/>
                <a:gd name="connsiteX2" fmla="*/ 895921 w 2291047"/>
                <a:gd name="connsiteY2" fmla="*/ 449771 h 2224452"/>
                <a:gd name="connsiteX3" fmla="*/ 1016126 w 2291047"/>
                <a:gd name="connsiteY3" fmla="*/ 497396 h 2224452"/>
                <a:gd name="connsiteX4" fmla="*/ 1054226 w 2291047"/>
                <a:gd name="connsiteY4" fmla="*/ 624269 h 2224452"/>
                <a:gd name="connsiteX5" fmla="*/ 1120901 w 2291047"/>
                <a:gd name="connsiteY5" fmla="*/ 787527 h 2224452"/>
                <a:gd name="connsiteX6" fmla="*/ 1350930 w 2291047"/>
                <a:gd name="connsiteY6" fmla="*/ 1223010 h 2224452"/>
                <a:gd name="connsiteX7" fmla="*/ 1402650 w 2291047"/>
                <a:gd name="connsiteY7" fmla="*/ 1369790 h 2224452"/>
                <a:gd name="connsiteX8" fmla="*/ 1483804 w 2291047"/>
                <a:gd name="connsiteY8" fmla="*/ 1561529 h 2224452"/>
                <a:gd name="connsiteX9" fmla="*/ 1602675 w 2291047"/>
                <a:gd name="connsiteY9" fmla="*/ 1769459 h 2224452"/>
                <a:gd name="connsiteX10" fmla="*/ 1694021 w 2291047"/>
                <a:gd name="connsiteY10" fmla="*/ 1929003 h 2224452"/>
                <a:gd name="connsiteX11" fmla="*/ 1924240 w 2291047"/>
                <a:gd name="connsiteY11" fmla="*/ 2215515 h 2224452"/>
                <a:gd name="connsiteX12" fmla="*/ 2133790 w 2291047"/>
                <a:gd name="connsiteY12" fmla="*/ 2199323 h 2224452"/>
                <a:gd name="connsiteX13" fmla="*/ 2291047 w 2291047"/>
                <a:gd name="connsiteY13" fmla="*/ 2180273 h 2224452"/>
                <a:gd name="connsiteX14" fmla="*/ 2291047 w 2291047"/>
                <a:gd name="connsiteY14" fmla="*/ 2185035 h 2224452"/>
                <a:gd name="connsiteX15" fmla="*/ 2134552 w 2291047"/>
                <a:gd name="connsiteY15" fmla="*/ 2204085 h 2224452"/>
                <a:gd name="connsiteX16" fmla="*/ 1922716 w 2291047"/>
                <a:gd name="connsiteY16" fmla="*/ 2220087 h 2224452"/>
                <a:gd name="connsiteX17" fmla="*/ 1689543 w 2291047"/>
                <a:gd name="connsiteY17" fmla="*/ 1931289 h 2224452"/>
                <a:gd name="connsiteX18" fmla="*/ 1598294 w 2291047"/>
                <a:gd name="connsiteY18" fmla="*/ 1771936 h 2224452"/>
                <a:gd name="connsiteX19" fmla="*/ 1479327 w 2291047"/>
                <a:gd name="connsiteY19" fmla="*/ 1563815 h 2224452"/>
                <a:gd name="connsiteX20" fmla="*/ 1397793 w 2291047"/>
                <a:gd name="connsiteY20" fmla="*/ 1371219 h 2224452"/>
                <a:gd name="connsiteX21" fmla="*/ 1346263 w 2291047"/>
                <a:gd name="connsiteY21" fmla="*/ 1224725 h 2224452"/>
                <a:gd name="connsiteX22" fmla="*/ 1117663 w 2291047"/>
                <a:gd name="connsiteY22" fmla="*/ 790861 h 2224452"/>
                <a:gd name="connsiteX23" fmla="*/ 1049941 w 2291047"/>
                <a:gd name="connsiteY23" fmla="*/ 625412 h 2224452"/>
                <a:gd name="connsiteX24" fmla="*/ 1011841 w 2291047"/>
                <a:gd name="connsiteY24" fmla="*/ 499300 h 2224452"/>
                <a:gd name="connsiteX25" fmla="*/ 897541 w 2291047"/>
                <a:gd name="connsiteY25" fmla="*/ 454343 h 2224452"/>
                <a:gd name="connsiteX26" fmla="*/ 842581 w 2291047"/>
                <a:gd name="connsiteY26" fmla="*/ 465582 h 2224452"/>
                <a:gd name="connsiteX27" fmla="*/ 273653 w 2291047"/>
                <a:gd name="connsiteY27" fmla="*/ 385572 h 2224452"/>
                <a:gd name="connsiteX28" fmla="*/ 12286 w 2291047"/>
                <a:gd name="connsiteY28" fmla="*/ 34195 h 2224452"/>
                <a:gd name="connsiteX29" fmla="*/ 0 w 2291047"/>
                <a:gd name="connsiteY29" fmla="*/ 0 h 2224452"/>
                <a:gd name="connsiteX30" fmla="*/ 5143 w 2291047"/>
                <a:gd name="connsiteY30" fmla="*/ 0 h 2224452"/>
                <a:gd name="connsiteX31" fmla="*/ 16763 w 2291047"/>
                <a:gd name="connsiteY31" fmla="*/ 32576 h 2224452"/>
                <a:gd name="connsiteX32" fmla="*/ 274415 w 2291047"/>
                <a:gd name="connsiteY32" fmla="*/ 380905 h 2224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291047" h="2224452">
                  <a:moveTo>
                    <a:pt x="274415" y="380905"/>
                  </a:moveTo>
                  <a:cubicBezTo>
                    <a:pt x="462533" y="422720"/>
                    <a:pt x="783716" y="460724"/>
                    <a:pt x="842390" y="460724"/>
                  </a:cubicBezTo>
                  <a:cubicBezTo>
                    <a:pt x="860664" y="459633"/>
                    <a:pt x="878688" y="455945"/>
                    <a:pt x="895921" y="449771"/>
                  </a:cubicBezTo>
                  <a:cubicBezTo>
                    <a:pt x="939640" y="436340"/>
                    <a:pt x="984789" y="422624"/>
                    <a:pt x="1016126" y="497396"/>
                  </a:cubicBezTo>
                  <a:cubicBezTo>
                    <a:pt x="1032058" y="538648"/>
                    <a:pt x="1044796" y="581064"/>
                    <a:pt x="1054226" y="624269"/>
                  </a:cubicBezTo>
                  <a:cubicBezTo>
                    <a:pt x="1070514" y="690372"/>
                    <a:pt x="1085850" y="752856"/>
                    <a:pt x="1120901" y="787527"/>
                  </a:cubicBezTo>
                  <a:cubicBezTo>
                    <a:pt x="1180719" y="846963"/>
                    <a:pt x="1286923" y="1059847"/>
                    <a:pt x="1350930" y="1223010"/>
                  </a:cubicBezTo>
                  <a:cubicBezTo>
                    <a:pt x="1376363" y="1287780"/>
                    <a:pt x="1390364" y="1331309"/>
                    <a:pt x="1402650" y="1369790"/>
                  </a:cubicBezTo>
                  <a:cubicBezTo>
                    <a:pt x="1422171" y="1436635"/>
                    <a:pt x="1449406" y="1500981"/>
                    <a:pt x="1483804" y="1561529"/>
                  </a:cubicBezTo>
                  <a:cubicBezTo>
                    <a:pt x="1524476" y="1635538"/>
                    <a:pt x="1566100" y="1706690"/>
                    <a:pt x="1602675" y="1769459"/>
                  </a:cubicBezTo>
                  <a:cubicBezTo>
                    <a:pt x="1636108" y="1826609"/>
                    <a:pt x="1667637" y="1880616"/>
                    <a:pt x="1694021" y="1929003"/>
                  </a:cubicBezTo>
                  <a:cubicBezTo>
                    <a:pt x="1740598" y="2014728"/>
                    <a:pt x="1837658" y="2192369"/>
                    <a:pt x="1924240" y="2215515"/>
                  </a:cubicBezTo>
                  <a:cubicBezTo>
                    <a:pt x="1967007" y="2226945"/>
                    <a:pt x="2051875" y="2212943"/>
                    <a:pt x="2133790" y="2199323"/>
                  </a:cubicBezTo>
                  <a:cubicBezTo>
                    <a:pt x="2193702" y="2189798"/>
                    <a:pt x="2250948" y="2180273"/>
                    <a:pt x="2291047" y="2180273"/>
                  </a:cubicBezTo>
                  <a:lnTo>
                    <a:pt x="2291047" y="2185035"/>
                  </a:lnTo>
                  <a:cubicBezTo>
                    <a:pt x="2251519" y="2185035"/>
                    <a:pt x="2194369" y="2194560"/>
                    <a:pt x="2134552" y="2204085"/>
                  </a:cubicBezTo>
                  <a:cubicBezTo>
                    <a:pt x="2051875" y="2217706"/>
                    <a:pt x="1966436" y="2231803"/>
                    <a:pt x="1922716" y="2220087"/>
                  </a:cubicBezTo>
                  <a:cubicBezTo>
                    <a:pt x="1844611" y="2199227"/>
                    <a:pt x="1760791" y="2062448"/>
                    <a:pt x="1689543" y="1931289"/>
                  </a:cubicBezTo>
                  <a:cubicBezTo>
                    <a:pt x="1663160" y="1882997"/>
                    <a:pt x="1631727" y="1828991"/>
                    <a:pt x="1598294" y="1771936"/>
                  </a:cubicBezTo>
                  <a:cubicBezTo>
                    <a:pt x="1561623" y="1709071"/>
                    <a:pt x="1520094" y="1637919"/>
                    <a:pt x="1479327" y="1563815"/>
                  </a:cubicBezTo>
                  <a:cubicBezTo>
                    <a:pt x="1444820" y="1502971"/>
                    <a:pt x="1417461" y="1438344"/>
                    <a:pt x="1397793" y="1371219"/>
                  </a:cubicBezTo>
                  <a:cubicBezTo>
                    <a:pt x="1385506" y="1333119"/>
                    <a:pt x="1371600" y="1289399"/>
                    <a:pt x="1346263" y="1224725"/>
                  </a:cubicBezTo>
                  <a:cubicBezTo>
                    <a:pt x="1282350" y="1062038"/>
                    <a:pt x="1176718" y="849916"/>
                    <a:pt x="1117663" y="790861"/>
                  </a:cubicBezTo>
                  <a:cubicBezTo>
                    <a:pt x="1081849" y="755237"/>
                    <a:pt x="1066323" y="692182"/>
                    <a:pt x="1049941" y="625412"/>
                  </a:cubicBezTo>
                  <a:cubicBezTo>
                    <a:pt x="1040507" y="582456"/>
                    <a:pt x="1027769" y="540294"/>
                    <a:pt x="1011841" y="499300"/>
                  </a:cubicBezTo>
                  <a:cubicBezTo>
                    <a:pt x="982123" y="428530"/>
                    <a:pt x="940974" y="441103"/>
                    <a:pt x="897541" y="454343"/>
                  </a:cubicBezTo>
                  <a:cubicBezTo>
                    <a:pt x="879864" y="460739"/>
                    <a:pt x="861350" y="464526"/>
                    <a:pt x="842581" y="465582"/>
                  </a:cubicBezTo>
                  <a:cubicBezTo>
                    <a:pt x="776954" y="465582"/>
                    <a:pt x="459105" y="426911"/>
                    <a:pt x="273653" y="385572"/>
                  </a:cubicBezTo>
                  <a:cubicBezTo>
                    <a:pt x="125730" y="352711"/>
                    <a:pt x="57435" y="160973"/>
                    <a:pt x="12286" y="34195"/>
                  </a:cubicBezTo>
                  <a:cubicBezTo>
                    <a:pt x="8001" y="22098"/>
                    <a:pt x="3904" y="10668"/>
                    <a:pt x="0" y="0"/>
                  </a:cubicBezTo>
                  <a:lnTo>
                    <a:pt x="5143" y="0"/>
                  </a:lnTo>
                  <a:cubicBezTo>
                    <a:pt x="8858" y="10192"/>
                    <a:pt x="12763" y="21050"/>
                    <a:pt x="16763" y="32576"/>
                  </a:cubicBezTo>
                  <a:cubicBezTo>
                    <a:pt x="61436" y="158305"/>
                    <a:pt x="129158" y="348520"/>
                    <a:pt x="274415" y="380905"/>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9" name="Freeform: Shape 136">
              <a:extLst>
                <a:ext uri="{FF2B5EF4-FFF2-40B4-BE49-F238E27FC236}">
                  <a16:creationId xmlns:a16="http://schemas.microsoft.com/office/drawing/2014/main" id="{E95637E6-6728-924E-92CA-3F4CA8420550}"/>
                </a:ext>
              </a:extLst>
            </p:cNvPr>
            <p:cNvSpPr/>
            <p:nvPr/>
          </p:nvSpPr>
          <p:spPr>
            <a:xfrm>
              <a:off x="11416147" y="5110034"/>
              <a:ext cx="1226771" cy="2090848"/>
            </a:xfrm>
            <a:custGeom>
              <a:avLst/>
              <a:gdLst>
                <a:gd name="connsiteX0" fmla="*/ 83344 w 1004792"/>
                <a:gd name="connsiteY0" fmla="*/ 1065657 h 1724501"/>
                <a:gd name="connsiteX1" fmla="*/ 350044 w 1004792"/>
                <a:gd name="connsiteY1" fmla="*/ 437959 h 1724501"/>
                <a:gd name="connsiteX2" fmla="*/ 823342 w 1004792"/>
                <a:gd name="connsiteY2" fmla="*/ 124110 h 1724501"/>
                <a:gd name="connsiteX3" fmla="*/ 882205 w 1004792"/>
                <a:gd name="connsiteY3" fmla="*/ 73819 h 1724501"/>
                <a:gd name="connsiteX4" fmla="*/ 1004792 w 1004792"/>
                <a:gd name="connsiteY4" fmla="*/ 0 h 1724501"/>
                <a:gd name="connsiteX5" fmla="*/ 1004792 w 1004792"/>
                <a:gd name="connsiteY5" fmla="*/ 4858 h 1724501"/>
                <a:gd name="connsiteX6" fmla="*/ 885253 w 1004792"/>
                <a:gd name="connsiteY6" fmla="*/ 77534 h 1724501"/>
                <a:gd name="connsiteX7" fmla="*/ 826484 w 1004792"/>
                <a:gd name="connsiteY7" fmla="*/ 127730 h 1724501"/>
                <a:gd name="connsiteX8" fmla="*/ 352330 w 1004792"/>
                <a:gd name="connsiteY8" fmla="*/ 442055 h 1724501"/>
                <a:gd name="connsiteX9" fmla="*/ 87916 w 1004792"/>
                <a:gd name="connsiteY9" fmla="*/ 1065657 h 1724501"/>
                <a:gd name="connsiteX10" fmla="*/ 75248 w 1004792"/>
                <a:gd name="connsiteY10" fmla="*/ 1268444 h 1724501"/>
                <a:gd name="connsiteX11" fmla="*/ 4667 w 1004792"/>
                <a:gd name="connsiteY11" fmla="*/ 1724501 h 1724501"/>
                <a:gd name="connsiteX12" fmla="*/ 0 w 1004792"/>
                <a:gd name="connsiteY12" fmla="*/ 1724501 h 1724501"/>
                <a:gd name="connsiteX13" fmla="*/ 70676 w 1004792"/>
                <a:gd name="connsiteY13" fmla="*/ 1267301 h 1724501"/>
                <a:gd name="connsiteX14" fmla="*/ 83344 w 1004792"/>
                <a:gd name="connsiteY14" fmla="*/ 1065657 h 1724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04792" h="1724501">
                  <a:moveTo>
                    <a:pt x="83344" y="1065657"/>
                  </a:moveTo>
                  <a:cubicBezTo>
                    <a:pt x="81153" y="852488"/>
                    <a:pt x="78486" y="587121"/>
                    <a:pt x="350044" y="437959"/>
                  </a:cubicBezTo>
                  <a:cubicBezTo>
                    <a:pt x="656177" y="269843"/>
                    <a:pt x="737426" y="199072"/>
                    <a:pt x="823342" y="124110"/>
                  </a:cubicBezTo>
                  <a:cubicBezTo>
                    <a:pt x="841820" y="108013"/>
                    <a:pt x="860870" y="91440"/>
                    <a:pt x="882205" y="73819"/>
                  </a:cubicBezTo>
                  <a:cubicBezTo>
                    <a:pt x="918757" y="42675"/>
                    <a:pt x="960168" y="17738"/>
                    <a:pt x="1004792" y="0"/>
                  </a:cubicBezTo>
                  <a:lnTo>
                    <a:pt x="1004792" y="4858"/>
                  </a:lnTo>
                  <a:cubicBezTo>
                    <a:pt x="961283" y="22471"/>
                    <a:pt x="920915" y="47014"/>
                    <a:pt x="885253" y="77534"/>
                  </a:cubicBezTo>
                  <a:cubicBezTo>
                    <a:pt x="863918" y="95059"/>
                    <a:pt x="844868" y="111633"/>
                    <a:pt x="826484" y="127730"/>
                  </a:cubicBezTo>
                  <a:cubicBezTo>
                    <a:pt x="740284" y="202882"/>
                    <a:pt x="658940" y="273844"/>
                    <a:pt x="352330" y="442055"/>
                  </a:cubicBezTo>
                  <a:cubicBezTo>
                    <a:pt x="83059" y="589883"/>
                    <a:pt x="85630" y="853726"/>
                    <a:pt x="87916" y="1065657"/>
                  </a:cubicBezTo>
                  <a:cubicBezTo>
                    <a:pt x="88678" y="1146048"/>
                    <a:pt x="89440" y="1215485"/>
                    <a:pt x="75248" y="1268444"/>
                  </a:cubicBezTo>
                  <a:cubicBezTo>
                    <a:pt x="36309" y="1417675"/>
                    <a:pt x="12661" y="1570482"/>
                    <a:pt x="4667" y="1724501"/>
                  </a:cubicBezTo>
                  <a:lnTo>
                    <a:pt x="0" y="1724501"/>
                  </a:lnTo>
                  <a:cubicBezTo>
                    <a:pt x="7919" y="1570091"/>
                    <a:pt x="31602" y="1416895"/>
                    <a:pt x="70676" y="1267301"/>
                  </a:cubicBezTo>
                  <a:cubicBezTo>
                    <a:pt x="84868" y="1214914"/>
                    <a:pt x="84106" y="1145762"/>
                    <a:pt x="83344" y="106565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0" name="Freeform: Shape 137">
              <a:extLst>
                <a:ext uri="{FF2B5EF4-FFF2-40B4-BE49-F238E27FC236}">
                  <a16:creationId xmlns:a16="http://schemas.microsoft.com/office/drawing/2014/main" id="{2009A6B6-B1B7-634C-9EAB-A84D6C45DB27}"/>
                </a:ext>
              </a:extLst>
            </p:cNvPr>
            <p:cNvSpPr/>
            <p:nvPr/>
          </p:nvSpPr>
          <p:spPr>
            <a:xfrm>
              <a:off x="10009937" y="-1668332"/>
              <a:ext cx="2633794" cy="2552670"/>
            </a:xfrm>
            <a:custGeom>
              <a:avLst/>
              <a:gdLst>
                <a:gd name="connsiteX0" fmla="*/ 154877 w 2157221"/>
                <a:gd name="connsiteY0" fmla="*/ 221171 h 2105405"/>
                <a:gd name="connsiteX1" fmla="*/ 266986 w 2157221"/>
                <a:gd name="connsiteY1" fmla="*/ 229076 h 2105405"/>
                <a:gd name="connsiteX2" fmla="*/ 417385 w 2157221"/>
                <a:gd name="connsiteY2" fmla="*/ 256508 h 2105405"/>
                <a:gd name="connsiteX3" fmla="*/ 657225 w 2157221"/>
                <a:gd name="connsiteY3" fmla="*/ 256508 h 2105405"/>
                <a:gd name="connsiteX4" fmla="*/ 842486 w 2157221"/>
                <a:gd name="connsiteY4" fmla="*/ 250317 h 2105405"/>
                <a:gd name="connsiteX5" fmla="*/ 902112 w 2157221"/>
                <a:gd name="connsiteY5" fmla="*/ 315373 h 2105405"/>
                <a:gd name="connsiteX6" fmla="*/ 958405 w 2157221"/>
                <a:gd name="connsiteY6" fmla="*/ 378238 h 2105405"/>
                <a:gd name="connsiteX7" fmla="*/ 1006887 w 2157221"/>
                <a:gd name="connsiteY7" fmla="*/ 504539 h 2105405"/>
                <a:gd name="connsiteX8" fmla="*/ 1059466 w 2157221"/>
                <a:gd name="connsiteY8" fmla="*/ 646938 h 2105405"/>
                <a:gd name="connsiteX9" fmla="*/ 1205674 w 2157221"/>
                <a:gd name="connsiteY9" fmla="*/ 912971 h 2105405"/>
                <a:gd name="connsiteX10" fmla="*/ 1249584 w 2157221"/>
                <a:gd name="connsiteY10" fmla="*/ 1061752 h 2105405"/>
                <a:gd name="connsiteX11" fmla="*/ 1349121 w 2157221"/>
                <a:gd name="connsiteY11" fmla="*/ 1343978 h 2105405"/>
                <a:gd name="connsiteX12" fmla="*/ 1406271 w 2157221"/>
                <a:gd name="connsiteY12" fmla="*/ 1446562 h 2105405"/>
                <a:gd name="connsiteX13" fmla="*/ 1520571 w 2157221"/>
                <a:gd name="connsiteY13" fmla="*/ 1608487 h 2105405"/>
                <a:gd name="connsiteX14" fmla="*/ 1668875 w 2157221"/>
                <a:gd name="connsiteY14" fmla="*/ 1803940 h 2105405"/>
                <a:gd name="connsiteX15" fmla="*/ 1711928 w 2157221"/>
                <a:gd name="connsiteY15" fmla="*/ 1874330 h 2105405"/>
                <a:gd name="connsiteX16" fmla="*/ 1715834 w 2157221"/>
                <a:gd name="connsiteY16" fmla="*/ 1879759 h 2105405"/>
                <a:gd name="connsiteX17" fmla="*/ 1946243 w 2157221"/>
                <a:gd name="connsiteY17" fmla="*/ 2090642 h 2105405"/>
                <a:gd name="connsiteX18" fmla="*/ 2041493 w 2157221"/>
                <a:gd name="connsiteY18" fmla="*/ 2095405 h 2105405"/>
                <a:gd name="connsiteX19" fmla="*/ 2157222 w 2157221"/>
                <a:gd name="connsiteY19" fmla="*/ 2100548 h 2105405"/>
                <a:gd name="connsiteX20" fmla="*/ 2157222 w 2157221"/>
                <a:gd name="connsiteY20" fmla="*/ 2105406 h 2105405"/>
                <a:gd name="connsiteX21" fmla="*/ 2041493 w 2157221"/>
                <a:gd name="connsiteY21" fmla="*/ 2100167 h 2105405"/>
                <a:gd name="connsiteX22" fmla="*/ 1946243 w 2157221"/>
                <a:gd name="connsiteY22" fmla="*/ 2095310 h 2105405"/>
                <a:gd name="connsiteX23" fmla="*/ 1712499 w 2157221"/>
                <a:gd name="connsiteY23" fmla="*/ 1882521 h 2105405"/>
                <a:gd name="connsiteX24" fmla="*/ 1708690 w 2157221"/>
                <a:gd name="connsiteY24" fmla="*/ 1876997 h 2105405"/>
                <a:gd name="connsiteX25" fmla="*/ 1665255 w 2157221"/>
                <a:gd name="connsiteY25" fmla="*/ 1806321 h 2105405"/>
                <a:gd name="connsiteX26" fmla="*/ 1518284 w 2157221"/>
                <a:gd name="connsiteY26" fmla="*/ 1612297 h 2105405"/>
                <a:gd name="connsiteX27" fmla="*/ 1402841 w 2157221"/>
                <a:gd name="connsiteY27" fmla="*/ 1448467 h 2105405"/>
                <a:gd name="connsiteX28" fmla="*/ 1346168 w 2157221"/>
                <a:gd name="connsiteY28" fmla="*/ 1346454 h 2105405"/>
                <a:gd name="connsiteX29" fmla="*/ 1245965 w 2157221"/>
                <a:gd name="connsiteY29" fmla="*/ 1062800 h 2105405"/>
                <a:gd name="connsiteX30" fmla="*/ 1202150 w 2157221"/>
                <a:gd name="connsiteY30" fmla="*/ 914495 h 2105405"/>
                <a:gd name="connsiteX31" fmla="*/ 1056608 w 2157221"/>
                <a:gd name="connsiteY31" fmla="*/ 649796 h 2105405"/>
                <a:gd name="connsiteX32" fmla="*/ 1003268 w 2157221"/>
                <a:gd name="connsiteY32" fmla="*/ 505778 h 2105405"/>
                <a:gd name="connsiteX33" fmla="*/ 955643 w 2157221"/>
                <a:gd name="connsiteY33" fmla="*/ 381953 h 2105405"/>
                <a:gd name="connsiteX34" fmla="*/ 899065 w 2157221"/>
                <a:gd name="connsiteY34" fmla="*/ 318897 h 2105405"/>
                <a:gd name="connsiteX35" fmla="*/ 839915 w 2157221"/>
                <a:gd name="connsiteY35" fmla="*/ 254222 h 2105405"/>
                <a:gd name="connsiteX36" fmla="*/ 660559 w 2157221"/>
                <a:gd name="connsiteY36" fmla="*/ 260794 h 2105405"/>
                <a:gd name="connsiteX37" fmla="*/ 415671 w 2157221"/>
                <a:gd name="connsiteY37" fmla="*/ 260794 h 2105405"/>
                <a:gd name="connsiteX38" fmla="*/ 267366 w 2157221"/>
                <a:gd name="connsiteY38" fmla="*/ 233934 h 2105405"/>
                <a:gd name="connsiteX39" fmla="*/ 154781 w 2157221"/>
                <a:gd name="connsiteY39" fmla="*/ 225933 h 2105405"/>
                <a:gd name="connsiteX40" fmla="*/ 25051 w 2157221"/>
                <a:gd name="connsiteY40" fmla="*/ 77438 h 2105405"/>
                <a:gd name="connsiteX41" fmla="*/ 0 w 2157221"/>
                <a:gd name="connsiteY41" fmla="*/ 0 h 2105405"/>
                <a:gd name="connsiteX42" fmla="*/ 4858 w 2157221"/>
                <a:gd name="connsiteY42" fmla="*/ 0 h 2105405"/>
                <a:gd name="connsiteX43" fmla="*/ 48197 w 2157221"/>
                <a:gd name="connsiteY43" fmla="*/ 118872 h 2105405"/>
                <a:gd name="connsiteX44" fmla="*/ 154877 w 2157221"/>
                <a:gd name="connsiteY44" fmla="*/ 221171 h 21054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157221" h="2105405">
                  <a:moveTo>
                    <a:pt x="154877" y="221171"/>
                  </a:moveTo>
                  <a:cubicBezTo>
                    <a:pt x="192060" y="225988"/>
                    <a:pt x="229494" y="228628"/>
                    <a:pt x="266986" y="229076"/>
                  </a:cubicBezTo>
                  <a:cubicBezTo>
                    <a:pt x="323564" y="230791"/>
                    <a:pt x="372427" y="232219"/>
                    <a:pt x="417385" y="256508"/>
                  </a:cubicBezTo>
                  <a:cubicBezTo>
                    <a:pt x="490251" y="296037"/>
                    <a:pt x="602361" y="296132"/>
                    <a:pt x="657225" y="256508"/>
                  </a:cubicBezTo>
                  <a:cubicBezTo>
                    <a:pt x="713708" y="216027"/>
                    <a:pt x="807815" y="219266"/>
                    <a:pt x="842486" y="250317"/>
                  </a:cubicBezTo>
                  <a:cubicBezTo>
                    <a:pt x="863652" y="270783"/>
                    <a:pt x="883564" y="292508"/>
                    <a:pt x="902112" y="315373"/>
                  </a:cubicBezTo>
                  <a:cubicBezTo>
                    <a:pt x="921162" y="337471"/>
                    <a:pt x="940212" y="360331"/>
                    <a:pt x="958405" y="378238"/>
                  </a:cubicBezTo>
                  <a:cubicBezTo>
                    <a:pt x="978122" y="397764"/>
                    <a:pt x="992123" y="449675"/>
                    <a:pt x="1006887" y="504539"/>
                  </a:cubicBezTo>
                  <a:cubicBezTo>
                    <a:pt x="1021652" y="559403"/>
                    <a:pt x="1037177" y="616839"/>
                    <a:pt x="1059466" y="646938"/>
                  </a:cubicBezTo>
                  <a:cubicBezTo>
                    <a:pt x="1119442" y="728957"/>
                    <a:pt x="1168585" y="818374"/>
                    <a:pt x="1205674" y="912971"/>
                  </a:cubicBezTo>
                  <a:cubicBezTo>
                    <a:pt x="1219390" y="949357"/>
                    <a:pt x="1234249" y="1003935"/>
                    <a:pt x="1249584" y="1061752"/>
                  </a:cubicBezTo>
                  <a:cubicBezTo>
                    <a:pt x="1278159" y="1168051"/>
                    <a:pt x="1310544" y="1288542"/>
                    <a:pt x="1349121" y="1343978"/>
                  </a:cubicBezTo>
                  <a:cubicBezTo>
                    <a:pt x="1370641" y="1376737"/>
                    <a:pt x="1389742" y="1411022"/>
                    <a:pt x="1406271" y="1446562"/>
                  </a:cubicBezTo>
                  <a:cubicBezTo>
                    <a:pt x="1436369" y="1507427"/>
                    <a:pt x="1467421" y="1570387"/>
                    <a:pt x="1520571" y="1608487"/>
                  </a:cubicBezTo>
                  <a:cubicBezTo>
                    <a:pt x="1580483" y="1652016"/>
                    <a:pt x="1629441" y="1736217"/>
                    <a:pt x="1668875" y="1803940"/>
                  </a:cubicBezTo>
                  <a:cubicBezTo>
                    <a:pt x="1684401" y="1830705"/>
                    <a:pt x="1699070" y="1855946"/>
                    <a:pt x="1711928" y="1874330"/>
                  </a:cubicBezTo>
                  <a:lnTo>
                    <a:pt x="1715834" y="1879759"/>
                  </a:lnTo>
                  <a:cubicBezTo>
                    <a:pt x="1761172" y="1944243"/>
                    <a:pt x="1855565" y="2078355"/>
                    <a:pt x="1946243" y="2090642"/>
                  </a:cubicBezTo>
                  <a:cubicBezTo>
                    <a:pt x="1977887" y="2093896"/>
                    <a:pt x="2009681" y="2095486"/>
                    <a:pt x="2041493" y="2095405"/>
                  </a:cubicBezTo>
                  <a:cubicBezTo>
                    <a:pt x="2077784" y="2096072"/>
                    <a:pt x="2117693" y="2096834"/>
                    <a:pt x="2157222" y="2100548"/>
                  </a:cubicBezTo>
                  <a:lnTo>
                    <a:pt x="2157222" y="2105406"/>
                  </a:lnTo>
                  <a:cubicBezTo>
                    <a:pt x="2117407" y="2101596"/>
                    <a:pt x="2077688" y="2100834"/>
                    <a:pt x="2041493" y="2100167"/>
                  </a:cubicBezTo>
                  <a:cubicBezTo>
                    <a:pt x="2009679" y="2100250"/>
                    <a:pt x="1977883" y="2098628"/>
                    <a:pt x="1946243" y="2095310"/>
                  </a:cubicBezTo>
                  <a:cubicBezTo>
                    <a:pt x="1853374" y="2082737"/>
                    <a:pt x="1758219" y="1947482"/>
                    <a:pt x="1712499" y="1882521"/>
                  </a:cubicBezTo>
                  <a:lnTo>
                    <a:pt x="1708690" y="1876997"/>
                  </a:lnTo>
                  <a:cubicBezTo>
                    <a:pt x="1695640" y="1858518"/>
                    <a:pt x="1680877" y="1833182"/>
                    <a:pt x="1665255" y="1806321"/>
                  </a:cubicBezTo>
                  <a:cubicBezTo>
                    <a:pt x="1626203" y="1739075"/>
                    <a:pt x="1577435" y="1655255"/>
                    <a:pt x="1518284" y="1612297"/>
                  </a:cubicBezTo>
                  <a:cubicBezTo>
                    <a:pt x="1464564" y="1573244"/>
                    <a:pt x="1433131" y="1509808"/>
                    <a:pt x="1402841" y="1448467"/>
                  </a:cubicBezTo>
                  <a:cubicBezTo>
                    <a:pt x="1386454" y="1413131"/>
                    <a:pt x="1367512" y="1379036"/>
                    <a:pt x="1346168" y="1346454"/>
                  </a:cubicBezTo>
                  <a:cubicBezTo>
                    <a:pt x="1307116" y="1290447"/>
                    <a:pt x="1274635" y="1169480"/>
                    <a:pt x="1245965" y="1062800"/>
                  </a:cubicBezTo>
                  <a:cubicBezTo>
                    <a:pt x="1230439" y="1005650"/>
                    <a:pt x="1215771" y="950595"/>
                    <a:pt x="1202150" y="914495"/>
                  </a:cubicBezTo>
                  <a:cubicBezTo>
                    <a:pt x="1165224" y="820369"/>
                    <a:pt x="1116306" y="731401"/>
                    <a:pt x="1056608" y="649796"/>
                  </a:cubicBezTo>
                  <a:cubicBezTo>
                    <a:pt x="1033747" y="618935"/>
                    <a:pt x="1018508" y="561404"/>
                    <a:pt x="1003268" y="505778"/>
                  </a:cubicBezTo>
                  <a:cubicBezTo>
                    <a:pt x="988028" y="450151"/>
                    <a:pt x="974693" y="400241"/>
                    <a:pt x="955643" y="381953"/>
                  </a:cubicBezTo>
                  <a:cubicBezTo>
                    <a:pt x="936593" y="363665"/>
                    <a:pt x="917543" y="341090"/>
                    <a:pt x="899065" y="318897"/>
                  </a:cubicBezTo>
                  <a:cubicBezTo>
                    <a:pt x="880670" y="296166"/>
                    <a:pt x="860917" y="274568"/>
                    <a:pt x="839915" y="254222"/>
                  </a:cubicBezTo>
                  <a:cubicBezTo>
                    <a:pt x="810101" y="227552"/>
                    <a:pt x="719708" y="218408"/>
                    <a:pt x="660559" y="260794"/>
                  </a:cubicBezTo>
                  <a:cubicBezTo>
                    <a:pt x="604361" y="301085"/>
                    <a:pt x="489965" y="301181"/>
                    <a:pt x="415671" y="260794"/>
                  </a:cubicBezTo>
                  <a:cubicBezTo>
                    <a:pt x="371760" y="236982"/>
                    <a:pt x="323373" y="235649"/>
                    <a:pt x="267366" y="233934"/>
                  </a:cubicBezTo>
                  <a:cubicBezTo>
                    <a:pt x="229713" y="233492"/>
                    <a:pt x="192119" y="230820"/>
                    <a:pt x="154781" y="225933"/>
                  </a:cubicBezTo>
                  <a:cubicBezTo>
                    <a:pt x="89059" y="216408"/>
                    <a:pt x="45244" y="128873"/>
                    <a:pt x="25051" y="77438"/>
                  </a:cubicBezTo>
                  <a:cubicBezTo>
                    <a:pt x="14974" y="52216"/>
                    <a:pt x="6604" y="26345"/>
                    <a:pt x="0" y="0"/>
                  </a:cubicBezTo>
                  <a:lnTo>
                    <a:pt x="4858" y="0"/>
                  </a:lnTo>
                  <a:cubicBezTo>
                    <a:pt x="14846" y="41110"/>
                    <a:pt x="29381" y="80980"/>
                    <a:pt x="48197" y="118872"/>
                  </a:cubicBezTo>
                  <a:cubicBezTo>
                    <a:pt x="70009" y="161925"/>
                    <a:pt x="106203" y="214122"/>
                    <a:pt x="154877" y="22117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1" name="Freeform: Shape 138">
              <a:extLst>
                <a:ext uri="{FF2B5EF4-FFF2-40B4-BE49-F238E27FC236}">
                  <a16:creationId xmlns:a16="http://schemas.microsoft.com/office/drawing/2014/main" id="{117042F0-AF89-E540-BFFB-15432A799EC1}"/>
                </a:ext>
              </a:extLst>
            </p:cNvPr>
            <p:cNvSpPr/>
            <p:nvPr/>
          </p:nvSpPr>
          <p:spPr>
            <a:xfrm>
              <a:off x="11831842" y="5449906"/>
              <a:ext cx="811308" cy="1750861"/>
            </a:xfrm>
            <a:custGeom>
              <a:avLst/>
              <a:gdLst>
                <a:gd name="connsiteX0" fmla="*/ 71765 w 664505"/>
                <a:gd name="connsiteY0" fmla="*/ 1068134 h 1444085"/>
                <a:gd name="connsiteX1" fmla="*/ 116438 w 664505"/>
                <a:gd name="connsiteY1" fmla="*/ 929259 h 1444085"/>
                <a:gd name="connsiteX2" fmla="*/ 188160 w 664505"/>
                <a:gd name="connsiteY2" fmla="*/ 680275 h 1444085"/>
                <a:gd name="connsiteX3" fmla="*/ 236643 w 664505"/>
                <a:gd name="connsiteY3" fmla="*/ 520065 h 1444085"/>
                <a:gd name="connsiteX4" fmla="*/ 469052 w 664505"/>
                <a:gd name="connsiteY4" fmla="*/ 173831 h 1444085"/>
                <a:gd name="connsiteX5" fmla="*/ 513534 w 664505"/>
                <a:gd name="connsiteY5" fmla="*/ 132779 h 1444085"/>
                <a:gd name="connsiteX6" fmla="*/ 664505 w 664505"/>
                <a:gd name="connsiteY6" fmla="*/ 0 h 1444085"/>
                <a:gd name="connsiteX7" fmla="*/ 664505 w 664505"/>
                <a:gd name="connsiteY7" fmla="*/ 5905 h 1444085"/>
                <a:gd name="connsiteX8" fmla="*/ 516772 w 664505"/>
                <a:gd name="connsiteY8" fmla="*/ 136112 h 1444085"/>
                <a:gd name="connsiteX9" fmla="*/ 472005 w 664505"/>
                <a:gd name="connsiteY9" fmla="*/ 177451 h 1444085"/>
                <a:gd name="connsiteX10" fmla="*/ 241120 w 664505"/>
                <a:gd name="connsiteY10" fmla="*/ 521494 h 1444085"/>
                <a:gd name="connsiteX11" fmla="*/ 192732 w 664505"/>
                <a:gd name="connsiteY11" fmla="*/ 681418 h 1444085"/>
                <a:gd name="connsiteX12" fmla="*/ 121009 w 664505"/>
                <a:gd name="connsiteY12" fmla="*/ 930497 h 1444085"/>
                <a:gd name="connsiteX13" fmla="*/ 76241 w 664505"/>
                <a:gd name="connsiteY13" fmla="*/ 1069562 h 1444085"/>
                <a:gd name="connsiteX14" fmla="*/ 4899 w 664505"/>
                <a:gd name="connsiteY14" fmla="*/ 1444085 h 1444085"/>
                <a:gd name="connsiteX15" fmla="*/ 137 w 664505"/>
                <a:gd name="connsiteY15" fmla="*/ 1444085 h 1444085"/>
                <a:gd name="connsiteX16" fmla="*/ 71765 w 664505"/>
                <a:gd name="connsiteY16" fmla="*/ 1068134 h 14440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64505" h="1444085">
                  <a:moveTo>
                    <a:pt x="71765" y="1068134"/>
                  </a:moveTo>
                  <a:cubicBezTo>
                    <a:pt x="85195" y="1027748"/>
                    <a:pt x="100340" y="982409"/>
                    <a:pt x="116438" y="929259"/>
                  </a:cubicBezTo>
                  <a:cubicBezTo>
                    <a:pt x="155965" y="799052"/>
                    <a:pt x="174540" y="730377"/>
                    <a:pt x="188160" y="680275"/>
                  </a:cubicBezTo>
                  <a:cubicBezTo>
                    <a:pt x="202638" y="626459"/>
                    <a:pt x="212258" y="590931"/>
                    <a:pt x="236643" y="520065"/>
                  </a:cubicBezTo>
                  <a:cubicBezTo>
                    <a:pt x="283219" y="384238"/>
                    <a:pt x="420952" y="212884"/>
                    <a:pt x="469052" y="173831"/>
                  </a:cubicBezTo>
                  <a:cubicBezTo>
                    <a:pt x="478577" y="165735"/>
                    <a:pt x="494198" y="151162"/>
                    <a:pt x="513534" y="132779"/>
                  </a:cubicBezTo>
                  <a:cubicBezTo>
                    <a:pt x="561407" y="85808"/>
                    <a:pt x="611805" y="41482"/>
                    <a:pt x="664505" y="0"/>
                  </a:cubicBezTo>
                  <a:lnTo>
                    <a:pt x="664505" y="5905"/>
                  </a:lnTo>
                  <a:cubicBezTo>
                    <a:pt x="613021" y="46698"/>
                    <a:pt x="563709" y="90160"/>
                    <a:pt x="516772" y="136112"/>
                  </a:cubicBezTo>
                  <a:cubicBezTo>
                    <a:pt x="497722" y="154591"/>
                    <a:pt x="482101" y="169259"/>
                    <a:pt x="472005" y="177451"/>
                  </a:cubicBezTo>
                  <a:cubicBezTo>
                    <a:pt x="424380" y="216218"/>
                    <a:pt x="287506" y="387001"/>
                    <a:pt x="241120" y="521494"/>
                  </a:cubicBezTo>
                  <a:cubicBezTo>
                    <a:pt x="216830" y="592169"/>
                    <a:pt x="207210" y="627698"/>
                    <a:pt x="192732" y="681418"/>
                  </a:cubicBezTo>
                  <a:cubicBezTo>
                    <a:pt x="179112" y="731520"/>
                    <a:pt x="160537" y="800195"/>
                    <a:pt x="121009" y="930497"/>
                  </a:cubicBezTo>
                  <a:cubicBezTo>
                    <a:pt x="105007" y="983361"/>
                    <a:pt x="89767" y="1029081"/>
                    <a:pt x="76241" y="1069562"/>
                  </a:cubicBezTo>
                  <a:cubicBezTo>
                    <a:pt x="31379" y="1204150"/>
                    <a:pt x="2613" y="1290828"/>
                    <a:pt x="4899" y="1444085"/>
                  </a:cubicBezTo>
                  <a:lnTo>
                    <a:pt x="137" y="1444085"/>
                  </a:lnTo>
                  <a:cubicBezTo>
                    <a:pt x="-2245" y="1290257"/>
                    <a:pt x="26712" y="1203293"/>
                    <a:pt x="71765" y="1068134"/>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2" name="Freeform: Shape 139">
              <a:extLst>
                <a:ext uri="{FF2B5EF4-FFF2-40B4-BE49-F238E27FC236}">
                  <a16:creationId xmlns:a16="http://schemas.microsoft.com/office/drawing/2014/main" id="{F6E7F32F-C15E-F047-92AD-425D58B5EA8C}"/>
                </a:ext>
              </a:extLst>
            </p:cNvPr>
            <p:cNvSpPr/>
            <p:nvPr/>
          </p:nvSpPr>
          <p:spPr>
            <a:xfrm>
              <a:off x="10209263" y="-1666831"/>
              <a:ext cx="2434120" cy="2446673"/>
            </a:xfrm>
            <a:custGeom>
              <a:avLst/>
              <a:gdLst>
                <a:gd name="connsiteX0" fmla="*/ 193357 w 1993677"/>
                <a:gd name="connsiteY0" fmla="*/ 101632 h 2017980"/>
                <a:gd name="connsiteX1" fmla="*/ 282035 w 1993677"/>
                <a:gd name="connsiteY1" fmla="*/ 143923 h 2017980"/>
                <a:gd name="connsiteX2" fmla="*/ 389858 w 1993677"/>
                <a:gd name="connsiteY2" fmla="*/ 182023 h 2017980"/>
                <a:gd name="connsiteX3" fmla="*/ 482822 w 1993677"/>
                <a:gd name="connsiteY3" fmla="*/ 138684 h 2017980"/>
                <a:gd name="connsiteX4" fmla="*/ 647605 w 1993677"/>
                <a:gd name="connsiteY4" fmla="*/ 76486 h 2017980"/>
                <a:gd name="connsiteX5" fmla="*/ 650271 w 1993677"/>
                <a:gd name="connsiteY5" fmla="*/ 76486 h 2017980"/>
                <a:gd name="connsiteX6" fmla="*/ 928688 w 1993677"/>
                <a:gd name="connsiteY6" fmla="*/ 410337 h 2017980"/>
                <a:gd name="connsiteX7" fmla="*/ 1002125 w 1993677"/>
                <a:gd name="connsiteY7" fmla="*/ 559022 h 2017980"/>
                <a:gd name="connsiteX8" fmla="*/ 1173575 w 1993677"/>
                <a:gd name="connsiteY8" fmla="*/ 970217 h 2017980"/>
                <a:gd name="connsiteX9" fmla="*/ 1438941 w 1993677"/>
                <a:gd name="connsiteY9" fmla="*/ 1518666 h 2017980"/>
                <a:gd name="connsiteX10" fmla="*/ 1454086 w 1993677"/>
                <a:gd name="connsiteY10" fmla="*/ 1535144 h 2017980"/>
                <a:gd name="connsiteX11" fmla="*/ 1675162 w 1993677"/>
                <a:gd name="connsiteY11" fmla="*/ 1851470 h 2017980"/>
                <a:gd name="connsiteX12" fmla="*/ 1993677 w 1993677"/>
                <a:gd name="connsiteY12" fmla="*/ 2011394 h 2017980"/>
                <a:gd name="connsiteX13" fmla="*/ 1993677 w 1993677"/>
                <a:gd name="connsiteY13" fmla="*/ 2016157 h 2017980"/>
                <a:gd name="connsiteX14" fmla="*/ 1671066 w 1993677"/>
                <a:gd name="connsiteY14" fmla="*/ 1854232 h 2017980"/>
                <a:gd name="connsiteX15" fmla="*/ 1450657 w 1993677"/>
                <a:gd name="connsiteY15" fmla="*/ 1538669 h 2017980"/>
                <a:gd name="connsiteX16" fmla="*/ 1435417 w 1993677"/>
                <a:gd name="connsiteY16" fmla="*/ 1522190 h 2017980"/>
                <a:gd name="connsiteX17" fmla="*/ 1168717 w 1993677"/>
                <a:gd name="connsiteY17" fmla="*/ 971264 h 2017980"/>
                <a:gd name="connsiteX18" fmla="*/ 997933 w 1993677"/>
                <a:gd name="connsiteY18" fmla="*/ 561689 h 2017980"/>
                <a:gd name="connsiteX19" fmla="*/ 924305 w 1993677"/>
                <a:gd name="connsiteY19" fmla="*/ 412814 h 2017980"/>
                <a:gd name="connsiteX20" fmla="*/ 650271 w 1993677"/>
                <a:gd name="connsiteY20" fmla="*/ 81820 h 2017980"/>
                <a:gd name="connsiteX21" fmla="*/ 647700 w 1993677"/>
                <a:gd name="connsiteY21" fmla="*/ 81820 h 2017980"/>
                <a:gd name="connsiteX22" fmla="*/ 485775 w 1993677"/>
                <a:gd name="connsiteY22" fmla="*/ 143351 h 2017980"/>
                <a:gd name="connsiteX23" fmla="*/ 391096 w 1993677"/>
                <a:gd name="connsiteY23" fmla="*/ 187262 h 2017980"/>
                <a:gd name="connsiteX24" fmla="*/ 279939 w 1993677"/>
                <a:gd name="connsiteY24" fmla="*/ 149162 h 2017980"/>
                <a:gd name="connsiteX25" fmla="*/ 192975 w 1993677"/>
                <a:gd name="connsiteY25" fmla="*/ 107537 h 2017980"/>
                <a:gd name="connsiteX26" fmla="*/ 0 w 1993677"/>
                <a:gd name="connsiteY26" fmla="*/ 0 h 2017980"/>
                <a:gd name="connsiteX27" fmla="*/ 5715 w 1993677"/>
                <a:gd name="connsiteY27" fmla="*/ 0 h 2017980"/>
                <a:gd name="connsiteX28" fmla="*/ 193357 w 1993677"/>
                <a:gd name="connsiteY28" fmla="*/ 101632 h 2017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1993677" h="2017980">
                  <a:moveTo>
                    <a:pt x="193357" y="101632"/>
                  </a:moveTo>
                  <a:cubicBezTo>
                    <a:pt x="226599" y="107347"/>
                    <a:pt x="254794" y="125921"/>
                    <a:pt x="282035" y="143923"/>
                  </a:cubicBezTo>
                  <a:cubicBezTo>
                    <a:pt x="316896" y="166878"/>
                    <a:pt x="349758" y="188595"/>
                    <a:pt x="389858" y="182023"/>
                  </a:cubicBezTo>
                  <a:cubicBezTo>
                    <a:pt x="419576" y="176784"/>
                    <a:pt x="450341" y="158306"/>
                    <a:pt x="482822" y="138684"/>
                  </a:cubicBezTo>
                  <a:cubicBezTo>
                    <a:pt x="529685" y="110109"/>
                    <a:pt x="582834" y="78391"/>
                    <a:pt x="647605" y="76486"/>
                  </a:cubicBezTo>
                  <a:lnTo>
                    <a:pt x="650271" y="76486"/>
                  </a:lnTo>
                  <a:cubicBezTo>
                    <a:pt x="763905" y="76486"/>
                    <a:pt x="873347" y="285179"/>
                    <a:pt x="928688" y="410337"/>
                  </a:cubicBezTo>
                  <a:cubicBezTo>
                    <a:pt x="947070" y="451961"/>
                    <a:pt x="973836" y="503968"/>
                    <a:pt x="1002125" y="559022"/>
                  </a:cubicBezTo>
                  <a:cubicBezTo>
                    <a:pt x="1068800" y="688943"/>
                    <a:pt x="1152144" y="850678"/>
                    <a:pt x="1173575" y="970217"/>
                  </a:cubicBezTo>
                  <a:cubicBezTo>
                    <a:pt x="1203864" y="1141095"/>
                    <a:pt x="1347216" y="1419320"/>
                    <a:pt x="1438941" y="1518666"/>
                  </a:cubicBezTo>
                  <a:lnTo>
                    <a:pt x="1454086" y="1535144"/>
                  </a:lnTo>
                  <a:cubicBezTo>
                    <a:pt x="1532762" y="1620107"/>
                    <a:pt x="1537429" y="1625251"/>
                    <a:pt x="1675162" y="1851470"/>
                  </a:cubicBezTo>
                  <a:cubicBezTo>
                    <a:pt x="1779937" y="2022920"/>
                    <a:pt x="1898332" y="2016633"/>
                    <a:pt x="1993677" y="2011394"/>
                  </a:cubicBezTo>
                  <a:lnTo>
                    <a:pt x="1993677" y="2016157"/>
                  </a:lnTo>
                  <a:cubicBezTo>
                    <a:pt x="1902142" y="2021205"/>
                    <a:pt x="1776888" y="2027873"/>
                    <a:pt x="1671066" y="1854232"/>
                  </a:cubicBezTo>
                  <a:cubicBezTo>
                    <a:pt x="1533619" y="1628394"/>
                    <a:pt x="1528952" y="1623346"/>
                    <a:pt x="1450657" y="1538669"/>
                  </a:cubicBezTo>
                  <a:lnTo>
                    <a:pt x="1435417" y="1522190"/>
                  </a:lnTo>
                  <a:cubicBezTo>
                    <a:pt x="1343310" y="1422368"/>
                    <a:pt x="1199292" y="1142905"/>
                    <a:pt x="1168717" y="971264"/>
                  </a:cubicBezTo>
                  <a:cubicBezTo>
                    <a:pt x="1147572" y="852488"/>
                    <a:pt x="1064608" y="691134"/>
                    <a:pt x="997933" y="561689"/>
                  </a:cubicBezTo>
                  <a:cubicBezTo>
                    <a:pt x="969358" y="506635"/>
                    <a:pt x="942784" y="454533"/>
                    <a:pt x="924305" y="412814"/>
                  </a:cubicBezTo>
                  <a:cubicBezTo>
                    <a:pt x="869441" y="288989"/>
                    <a:pt x="761237" y="81820"/>
                    <a:pt x="650271" y="81820"/>
                  </a:cubicBezTo>
                  <a:lnTo>
                    <a:pt x="647700" y="81820"/>
                  </a:lnTo>
                  <a:cubicBezTo>
                    <a:pt x="584168" y="83725"/>
                    <a:pt x="531685" y="115348"/>
                    <a:pt x="485775" y="143351"/>
                  </a:cubicBezTo>
                  <a:cubicBezTo>
                    <a:pt x="452818" y="163163"/>
                    <a:pt x="421766" y="181928"/>
                    <a:pt x="391096" y="187262"/>
                  </a:cubicBezTo>
                  <a:cubicBezTo>
                    <a:pt x="349186" y="194691"/>
                    <a:pt x="315562" y="172498"/>
                    <a:pt x="279939" y="149162"/>
                  </a:cubicBezTo>
                  <a:cubicBezTo>
                    <a:pt x="253079" y="131445"/>
                    <a:pt x="225361" y="113062"/>
                    <a:pt x="192975" y="107537"/>
                  </a:cubicBezTo>
                  <a:cubicBezTo>
                    <a:pt x="129920" y="96869"/>
                    <a:pt x="48768" y="69437"/>
                    <a:pt x="0" y="0"/>
                  </a:cubicBezTo>
                  <a:lnTo>
                    <a:pt x="5715" y="0"/>
                  </a:lnTo>
                  <a:cubicBezTo>
                    <a:pt x="53244" y="64675"/>
                    <a:pt x="132016" y="91250"/>
                    <a:pt x="193357" y="101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3" name="Freeform: Shape 140">
              <a:extLst>
                <a:ext uri="{FF2B5EF4-FFF2-40B4-BE49-F238E27FC236}">
                  <a16:creationId xmlns:a16="http://schemas.microsoft.com/office/drawing/2014/main" id="{7D823A50-226A-6F40-A3D3-7AFDC2D446E8}"/>
                </a:ext>
              </a:extLst>
            </p:cNvPr>
            <p:cNvSpPr/>
            <p:nvPr/>
          </p:nvSpPr>
          <p:spPr>
            <a:xfrm>
              <a:off x="12297645" y="6236125"/>
              <a:ext cx="345505" cy="964641"/>
            </a:xfrm>
            <a:custGeom>
              <a:avLst/>
              <a:gdLst>
                <a:gd name="connsiteX0" fmla="*/ 155543 w 282987"/>
                <a:gd name="connsiteY0" fmla="*/ 266700 h 795622"/>
                <a:gd name="connsiteX1" fmla="*/ 271176 w 282987"/>
                <a:gd name="connsiteY1" fmla="*/ 47625 h 795622"/>
                <a:gd name="connsiteX2" fmla="*/ 282987 w 282987"/>
                <a:gd name="connsiteY2" fmla="*/ 0 h 795622"/>
                <a:gd name="connsiteX3" fmla="*/ 282987 w 282987"/>
                <a:gd name="connsiteY3" fmla="*/ 19050 h 795622"/>
                <a:gd name="connsiteX4" fmla="*/ 275748 w 282987"/>
                <a:gd name="connsiteY4" fmla="*/ 48577 h 795622"/>
                <a:gd name="connsiteX5" fmla="*/ 159448 w 282987"/>
                <a:gd name="connsiteY5" fmla="*/ 269367 h 795622"/>
                <a:gd name="connsiteX6" fmla="*/ 73723 w 282987"/>
                <a:gd name="connsiteY6" fmla="*/ 407003 h 795622"/>
                <a:gd name="connsiteX7" fmla="*/ 4667 w 282987"/>
                <a:gd name="connsiteY7" fmla="*/ 795623 h 795622"/>
                <a:gd name="connsiteX8" fmla="*/ 0 w 282987"/>
                <a:gd name="connsiteY8" fmla="*/ 795623 h 795622"/>
                <a:gd name="connsiteX9" fmla="*/ 69342 w 282987"/>
                <a:gd name="connsiteY9" fmla="*/ 405098 h 795622"/>
                <a:gd name="connsiteX10" fmla="*/ 155543 w 282987"/>
                <a:gd name="connsiteY10" fmla="*/ 266700 h 795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82987" h="795622">
                  <a:moveTo>
                    <a:pt x="155543" y="266700"/>
                  </a:moveTo>
                  <a:cubicBezTo>
                    <a:pt x="203168" y="200692"/>
                    <a:pt x="252126" y="132493"/>
                    <a:pt x="271176" y="47625"/>
                  </a:cubicBezTo>
                  <a:cubicBezTo>
                    <a:pt x="273367" y="38100"/>
                    <a:pt x="277273" y="21145"/>
                    <a:pt x="282987" y="0"/>
                  </a:cubicBezTo>
                  <a:lnTo>
                    <a:pt x="282987" y="19050"/>
                  </a:lnTo>
                  <a:cubicBezTo>
                    <a:pt x="279273" y="33242"/>
                    <a:pt x="276891" y="43624"/>
                    <a:pt x="275748" y="48577"/>
                  </a:cubicBezTo>
                  <a:cubicBezTo>
                    <a:pt x="256698" y="134302"/>
                    <a:pt x="207169" y="202978"/>
                    <a:pt x="159448" y="269367"/>
                  </a:cubicBezTo>
                  <a:cubicBezTo>
                    <a:pt x="126206" y="315468"/>
                    <a:pt x="94869" y="359092"/>
                    <a:pt x="73723" y="407003"/>
                  </a:cubicBezTo>
                  <a:cubicBezTo>
                    <a:pt x="47530" y="467201"/>
                    <a:pt x="21527" y="631793"/>
                    <a:pt x="4667" y="795623"/>
                  </a:cubicBezTo>
                  <a:lnTo>
                    <a:pt x="0" y="795623"/>
                  </a:lnTo>
                  <a:cubicBezTo>
                    <a:pt x="16859" y="631031"/>
                    <a:pt x="43053" y="465582"/>
                    <a:pt x="69342" y="405098"/>
                  </a:cubicBezTo>
                  <a:cubicBezTo>
                    <a:pt x="90678" y="356806"/>
                    <a:pt x="122491" y="312991"/>
                    <a:pt x="155543" y="26670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4" name="Freeform: Shape 141">
              <a:extLst>
                <a:ext uri="{FF2B5EF4-FFF2-40B4-BE49-F238E27FC236}">
                  <a16:creationId xmlns:a16="http://schemas.microsoft.com/office/drawing/2014/main" id="{B640FA27-CAFD-8547-9126-B3EC10410527}"/>
                </a:ext>
              </a:extLst>
            </p:cNvPr>
            <p:cNvSpPr/>
            <p:nvPr/>
          </p:nvSpPr>
          <p:spPr>
            <a:xfrm>
              <a:off x="11078781" y="-1668678"/>
              <a:ext cx="1564369" cy="2322741"/>
            </a:xfrm>
            <a:custGeom>
              <a:avLst/>
              <a:gdLst>
                <a:gd name="connsiteX0" fmla="*/ 218409 w 1281303"/>
                <a:gd name="connsiteY0" fmla="*/ 192596 h 1915763"/>
                <a:gd name="connsiteX1" fmla="*/ 400241 w 1281303"/>
                <a:gd name="connsiteY1" fmla="*/ 546830 h 1915763"/>
                <a:gd name="connsiteX2" fmla="*/ 477108 w 1281303"/>
                <a:gd name="connsiteY2" fmla="*/ 684181 h 1915763"/>
                <a:gd name="connsiteX3" fmla="*/ 563404 w 1281303"/>
                <a:gd name="connsiteY3" fmla="*/ 856202 h 1915763"/>
                <a:gd name="connsiteX4" fmla="*/ 569309 w 1281303"/>
                <a:gd name="connsiteY4" fmla="*/ 903827 h 1915763"/>
                <a:gd name="connsiteX5" fmla="*/ 695897 w 1281303"/>
                <a:gd name="connsiteY5" fmla="*/ 1281398 h 1915763"/>
                <a:gd name="connsiteX6" fmla="*/ 775335 w 1281303"/>
                <a:gd name="connsiteY6" fmla="*/ 1375886 h 1915763"/>
                <a:gd name="connsiteX7" fmla="*/ 913543 w 1281303"/>
                <a:gd name="connsiteY7" fmla="*/ 1565243 h 1915763"/>
                <a:gd name="connsiteX8" fmla="*/ 1154145 w 1281303"/>
                <a:gd name="connsiteY8" fmla="*/ 1868900 h 1915763"/>
                <a:gd name="connsiteX9" fmla="*/ 1281303 w 1281303"/>
                <a:gd name="connsiteY9" fmla="*/ 1910524 h 1915763"/>
                <a:gd name="connsiteX10" fmla="*/ 1281303 w 1281303"/>
                <a:gd name="connsiteY10" fmla="*/ 1915763 h 1915763"/>
                <a:gd name="connsiteX11" fmla="*/ 1151954 w 1281303"/>
                <a:gd name="connsiteY11" fmla="*/ 1873091 h 1915763"/>
                <a:gd name="connsiteX12" fmla="*/ 909353 w 1281303"/>
                <a:gd name="connsiteY12" fmla="*/ 1567434 h 1915763"/>
                <a:gd name="connsiteX13" fmla="*/ 771716 w 1281303"/>
                <a:gd name="connsiteY13" fmla="*/ 1378934 h 1915763"/>
                <a:gd name="connsiteX14" fmla="*/ 692182 w 1281303"/>
                <a:gd name="connsiteY14" fmla="*/ 1284446 h 1915763"/>
                <a:gd name="connsiteX15" fmla="*/ 564642 w 1281303"/>
                <a:gd name="connsiteY15" fmla="*/ 904304 h 1915763"/>
                <a:gd name="connsiteX16" fmla="*/ 558737 w 1281303"/>
                <a:gd name="connsiteY16" fmla="*/ 856679 h 1915763"/>
                <a:gd name="connsiteX17" fmla="*/ 473012 w 1281303"/>
                <a:gd name="connsiteY17" fmla="*/ 686467 h 1915763"/>
                <a:gd name="connsiteX18" fmla="*/ 395764 w 1281303"/>
                <a:gd name="connsiteY18" fmla="*/ 548259 h 1915763"/>
                <a:gd name="connsiteX19" fmla="*/ 214789 w 1281303"/>
                <a:gd name="connsiteY19" fmla="*/ 194977 h 1915763"/>
                <a:gd name="connsiteX20" fmla="*/ 0 w 1281303"/>
                <a:gd name="connsiteY20" fmla="*/ 0 h 1915763"/>
                <a:gd name="connsiteX21" fmla="*/ 8287 w 1281303"/>
                <a:gd name="connsiteY21" fmla="*/ 0 h 1915763"/>
                <a:gd name="connsiteX22" fmla="*/ 218409 w 1281303"/>
                <a:gd name="connsiteY22" fmla="*/ 192596 h 1915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81303" h="1915763">
                  <a:moveTo>
                    <a:pt x="218409" y="192596"/>
                  </a:moveTo>
                  <a:cubicBezTo>
                    <a:pt x="255270" y="247555"/>
                    <a:pt x="363188" y="451009"/>
                    <a:pt x="400241" y="546830"/>
                  </a:cubicBezTo>
                  <a:cubicBezTo>
                    <a:pt x="416339" y="588264"/>
                    <a:pt x="447295" y="637032"/>
                    <a:pt x="477108" y="684181"/>
                  </a:cubicBezTo>
                  <a:cubicBezTo>
                    <a:pt x="515970" y="745427"/>
                    <a:pt x="556070" y="808768"/>
                    <a:pt x="563404" y="856202"/>
                  </a:cubicBezTo>
                  <a:cubicBezTo>
                    <a:pt x="565499" y="869347"/>
                    <a:pt x="567214" y="884777"/>
                    <a:pt x="569309" y="903827"/>
                  </a:cubicBezTo>
                  <a:cubicBezTo>
                    <a:pt x="580359" y="1000887"/>
                    <a:pt x="598741" y="1163384"/>
                    <a:pt x="695897" y="1281398"/>
                  </a:cubicBezTo>
                  <a:cubicBezTo>
                    <a:pt x="726377" y="1318355"/>
                    <a:pt x="752380" y="1348931"/>
                    <a:pt x="775335" y="1375886"/>
                  </a:cubicBezTo>
                  <a:cubicBezTo>
                    <a:pt x="839058" y="1450658"/>
                    <a:pt x="877538" y="1495901"/>
                    <a:pt x="913543" y="1565243"/>
                  </a:cubicBezTo>
                  <a:cubicBezTo>
                    <a:pt x="967835" y="1670018"/>
                    <a:pt x="1051846" y="1815275"/>
                    <a:pt x="1154145" y="1868900"/>
                  </a:cubicBezTo>
                  <a:cubicBezTo>
                    <a:pt x="1194676" y="1887905"/>
                    <a:pt x="1237379" y="1901884"/>
                    <a:pt x="1281303" y="1910524"/>
                  </a:cubicBezTo>
                  <a:lnTo>
                    <a:pt x="1281303" y="1915763"/>
                  </a:lnTo>
                  <a:cubicBezTo>
                    <a:pt x="1236592" y="1906929"/>
                    <a:pt x="1193145" y="1892596"/>
                    <a:pt x="1151954" y="1873091"/>
                  </a:cubicBezTo>
                  <a:cubicBezTo>
                    <a:pt x="1048417" y="1818894"/>
                    <a:pt x="963931" y="1673066"/>
                    <a:pt x="909353" y="1567434"/>
                  </a:cubicBezTo>
                  <a:cubicBezTo>
                    <a:pt x="873634" y="1498568"/>
                    <a:pt x="835248" y="1453134"/>
                    <a:pt x="771716" y="1378934"/>
                  </a:cubicBezTo>
                  <a:cubicBezTo>
                    <a:pt x="748760" y="1351979"/>
                    <a:pt x="722757" y="1321784"/>
                    <a:pt x="692182" y="1284446"/>
                  </a:cubicBezTo>
                  <a:cubicBezTo>
                    <a:pt x="594170" y="1165384"/>
                    <a:pt x="575692" y="1001935"/>
                    <a:pt x="564642" y="904304"/>
                  </a:cubicBezTo>
                  <a:cubicBezTo>
                    <a:pt x="562547" y="886016"/>
                    <a:pt x="560737" y="870109"/>
                    <a:pt x="558737" y="856679"/>
                  </a:cubicBezTo>
                  <a:cubicBezTo>
                    <a:pt x="551498" y="810197"/>
                    <a:pt x="511684" y="747236"/>
                    <a:pt x="473012" y="686467"/>
                  </a:cubicBezTo>
                  <a:cubicBezTo>
                    <a:pt x="443008" y="638842"/>
                    <a:pt x="411956" y="590169"/>
                    <a:pt x="395764" y="548259"/>
                  </a:cubicBezTo>
                  <a:cubicBezTo>
                    <a:pt x="358712" y="453009"/>
                    <a:pt x="251174" y="249746"/>
                    <a:pt x="214789" y="194977"/>
                  </a:cubicBezTo>
                  <a:cubicBezTo>
                    <a:pt x="181452" y="145352"/>
                    <a:pt x="47911" y="33052"/>
                    <a:pt x="0" y="0"/>
                  </a:cubicBezTo>
                  <a:lnTo>
                    <a:pt x="8287" y="0"/>
                  </a:lnTo>
                  <a:cubicBezTo>
                    <a:pt x="60389" y="37814"/>
                    <a:pt x="186119" y="144494"/>
                    <a:pt x="218409" y="19259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5" name="Freeform: Shape 142">
              <a:extLst>
                <a:ext uri="{FF2B5EF4-FFF2-40B4-BE49-F238E27FC236}">
                  <a16:creationId xmlns:a16="http://schemas.microsoft.com/office/drawing/2014/main" id="{B2CC99CA-7A48-EF40-BD9F-6020AF06ED81}"/>
                </a:ext>
              </a:extLst>
            </p:cNvPr>
            <p:cNvSpPr/>
            <p:nvPr/>
          </p:nvSpPr>
          <p:spPr>
            <a:xfrm>
              <a:off x="11599075" y="-1668332"/>
              <a:ext cx="1044075" cy="1967049"/>
            </a:xfrm>
            <a:custGeom>
              <a:avLst/>
              <a:gdLst>
                <a:gd name="connsiteX0" fmla="*/ 167069 w 855154"/>
                <a:gd name="connsiteY0" fmla="*/ 486632 h 1622393"/>
                <a:gd name="connsiteX1" fmla="*/ 213456 w 855154"/>
                <a:gd name="connsiteY1" fmla="*/ 565499 h 1622393"/>
                <a:gd name="connsiteX2" fmla="*/ 320326 w 855154"/>
                <a:gd name="connsiteY2" fmla="*/ 791909 h 1622393"/>
                <a:gd name="connsiteX3" fmla="*/ 410147 w 855154"/>
                <a:gd name="connsiteY3" fmla="*/ 1091756 h 1622393"/>
                <a:gd name="connsiteX4" fmla="*/ 481299 w 855154"/>
                <a:gd name="connsiteY4" fmla="*/ 1172147 h 1622393"/>
                <a:gd name="connsiteX5" fmla="*/ 593408 w 855154"/>
                <a:gd name="connsiteY5" fmla="*/ 1332929 h 1622393"/>
                <a:gd name="connsiteX6" fmla="*/ 758571 w 855154"/>
                <a:gd name="connsiteY6" fmla="*/ 1562195 h 1622393"/>
                <a:gd name="connsiteX7" fmla="*/ 785718 w 855154"/>
                <a:gd name="connsiteY7" fmla="*/ 1585341 h 1622393"/>
                <a:gd name="connsiteX8" fmla="*/ 855155 w 855154"/>
                <a:gd name="connsiteY8" fmla="*/ 1617631 h 1622393"/>
                <a:gd name="connsiteX9" fmla="*/ 855155 w 855154"/>
                <a:gd name="connsiteY9" fmla="*/ 1622393 h 1622393"/>
                <a:gd name="connsiteX10" fmla="*/ 782574 w 855154"/>
                <a:gd name="connsiteY10" fmla="*/ 1588961 h 1622393"/>
                <a:gd name="connsiteX11" fmla="*/ 755524 w 855154"/>
                <a:gd name="connsiteY11" fmla="*/ 1565910 h 1622393"/>
                <a:gd name="connsiteX12" fmla="*/ 588836 w 855154"/>
                <a:gd name="connsiteY12" fmla="*/ 1334262 h 1622393"/>
                <a:gd name="connsiteX13" fmla="*/ 478251 w 855154"/>
                <a:gd name="connsiteY13" fmla="*/ 1175766 h 1622393"/>
                <a:gd name="connsiteX14" fmla="*/ 405955 w 855154"/>
                <a:gd name="connsiteY14" fmla="*/ 1093946 h 1622393"/>
                <a:gd name="connsiteX15" fmla="*/ 315659 w 855154"/>
                <a:gd name="connsiteY15" fmla="*/ 792861 h 1622393"/>
                <a:gd name="connsiteX16" fmla="*/ 209456 w 855154"/>
                <a:gd name="connsiteY16" fmla="*/ 567976 h 1622393"/>
                <a:gd name="connsiteX17" fmla="*/ 162783 w 855154"/>
                <a:gd name="connsiteY17" fmla="*/ 488728 h 1622393"/>
                <a:gd name="connsiteX18" fmla="*/ 77058 w 855154"/>
                <a:gd name="connsiteY18" fmla="*/ 183356 h 1622393"/>
                <a:gd name="connsiteX19" fmla="*/ 0 w 855154"/>
                <a:gd name="connsiteY19" fmla="*/ 0 h 1622393"/>
                <a:gd name="connsiteX20" fmla="*/ 5811 w 855154"/>
                <a:gd name="connsiteY20" fmla="*/ 0 h 1622393"/>
                <a:gd name="connsiteX21" fmla="*/ 82011 w 855154"/>
                <a:gd name="connsiteY21" fmla="*/ 182690 h 1622393"/>
                <a:gd name="connsiteX22" fmla="*/ 167069 w 855154"/>
                <a:gd name="connsiteY22" fmla="*/ 486632 h 16223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5154" h="1622393">
                  <a:moveTo>
                    <a:pt x="167069" y="486632"/>
                  </a:moveTo>
                  <a:cubicBezTo>
                    <a:pt x="178689" y="509778"/>
                    <a:pt x="195644" y="536829"/>
                    <a:pt x="213456" y="565499"/>
                  </a:cubicBezTo>
                  <a:cubicBezTo>
                    <a:pt x="254318" y="631031"/>
                    <a:pt x="305277" y="712756"/>
                    <a:pt x="320326" y="791909"/>
                  </a:cubicBezTo>
                  <a:cubicBezTo>
                    <a:pt x="343091" y="912019"/>
                    <a:pt x="367094" y="1008983"/>
                    <a:pt x="410147" y="1091756"/>
                  </a:cubicBezTo>
                  <a:cubicBezTo>
                    <a:pt x="427673" y="1125474"/>
                    <a:pt x="453771" y="1148144"/>
                    <a:pt x="481299" y="1172147"/>
                  </a:cubicBezTo>
                  <a:cubicBezTo>
                    <a:pt x="522066" y="1207675"/>
                    <a:pt x="568357" y="1248347"/>
                    <a:pt x="593408" y="1332929"/>
                  </a:cubicBezTo>
                  <a:cubicBezTo>
                    <a:pt x="628936" y="1453610"/>
                    <a:pt x="700850" y="1513904"/>
                    <a:pt x="758571" y="1562195"/>
                  </a:cubicBezTo>
                  <a:cubicBezTo>
                    <a:pt x="768096" y="1570196"/>
                    <a:pt x="777050" y="1577721"/>
                    <a:pt x="785718" y="1585341"/>
                  </a:cubicBezTo>
                  <a:cubicBezTo>
                    <a:pt x="799434" y="1597438"/>
                    <a:pt x="823818" y="1608296"/>
                    <a:pt x="855155" y="1617631"/>
                  </a:cubicBezTo>
                  <a:lnTo>
                    <a:pt x="855155" y="1622393"/>
                  </a:lnTo>
                  <a:cubicBezTo>
                    <a:pt x="822674" y="1612868"/>
                    <a:pt x="796862" y="1601534"/>
                    <a:pt x="782574" y="1588961"/>
                  </a:cubicBezTo>
                  <a:cubicBezTo>
                    <a:pt x="774002" y="1581341"/>
                    <a:pt x="765049" y="1573816"/>
                    <a:pt x="755524" y="1565910"/>
                  </a:cubicBezTo>
                  <a:cubicBezTo>
                    <a:pt x="697231" y="1517047"/>
                    <a:pt x="624841" y="1456373"/>
                    <a:pt x="588836" y="1334262"/>
                  </a:cubicBezTo>
                  <a:cubicBezTo>
                    <a:pt x="564167" y="1250633"/>
                    <a:pt x="520446" y="1212533"/>
                    <a:pt x="478251" y="1175766"/>
                  </a:cubicBezTo>
                  <a:cubicBezTo>
                    <a:pt x="450247" y="1151382"/>
                    <a:pt x="423863" y="1128141"/>
                    <a:pt x="405955" y="1093946"/>
                  </a:cubicBezTo>
                  <a:cubicBezTo>
                    <a:pt x="362617" y="1010698"/>
                    <a:pt x="338519" y="912971"/>
                    <a:pt x="315659" y="792861"/>
                  </a:cubicBezTo>
                  <a:cubicBezTo>
                    <a:pt x="300705" y="714470"/>
                    <a:pt x="250127" y="633222"/>
                    <a:pt x="209456" y="567976"/>
                  </a:cubicBezTo>
                  <a:cubicBezTo>
                    <a:pt x="191453" y="539401"/>
                    <a:pt x="174594" y="512064"/>
                    <a:pt x="162783" y="488728"/>
                  </a:cubicBezTo>
                  <a:cubicBezTo>
                    <a:pt x="124683" y="413290"/>
                    <a:pt x="94298" y="304800"/>
                    <a:pt x="77058" y="183356"/>
                  </a:cubicBezTo>
                  <a:cubicBezTo>
                    <a:pt x="65343" y="101441"/>
                    <a:pt x="24480" y="34957"/>
                    <a:pt x="0" y="0"/>
                  </a:cubicBezTo>
                  <a:lnTo>
                    <a:pt x="5811" y="0"/>
                  </a:lnTo>
                  <a:cubicBezTo>
                    <a:pt x="30671" y="36005"/>
                    <a:pt x="70199" y="101822"/>
                    <a:pt x="82011" y="182690"/>
                  </a:cubicBezTo>
                  <a:cubicBezTo>
                    <a:pt x="98870" y="303657"/>
                    <a:pt x="129255" y="411575"/>
                    <a:pt x="167069" y="48663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6" name="Freeform: Shape 143">
              <a:extLst>
                <a:ext uri="{FF2B5EF4-FFF2-40B4-BE49-F238E27FC236}">
                  <a16:creationId xmlns:a16="http://schemas.microsoft.com/office/drawing/2014/main" id="{13CCC427-BB3E-E546-B8A5-3893FA26F2F8}"/>
                </a:ext>
              </a:extLst>
            </p:cNvPr>
            <p:cNvSpPr/>
            <p:nvPr/>
          </p:nvSpPr>
          <p:spPr>
            <a:xfrm>
              <a:off x="11796658" y="-1668332"/>
              <a:ext cx="846028" cy="1757674"/>
            </a:xfrm>
            <a:custGeom>
              <a:avLst/>
              <a:gdLst>
                <a:gd name="connsiteX0" fmla="*/ 181451 w 692943"/>
                <a:gd name="connsiteY0" fmla="*/ 545973 h 1449704"/>
                <a:gd name="connsiteX1" fmla="*/ 305276 w 692943"/>
                <a:gd name="connsiteY1" fmla="*/ 857726 h 1449704"/>
                <a:gd name="connsiteX2" fmla="*/ 519588 w 692943"/>
                <a:gd name="connsiteY2" fmla="*/ 1291114 h 1449704"/>
                <a:gd name="connsiteX3" fmla="*/ 556640 w 692943"/>
                <a:gd name="connsiteY3" fmla="*/ 1340739 h 1449704"/>
                <a:gd name="connsiteX4" fmla="*/ 692944 w 692943"/>
                <a:gd name="connsiteY4" fmla="*/ 1444466 h 1449704"/>
                <a:gd name="connsiteX5" fmla="*/ 692944 w 692943"/>
                <a:gd name="connsiteY5" fmla="*/ 1449705 h 1449704"/>
                <a:gd name="connsiteX6" fmla="*/ 552830 w 692943"/>
                <a:gd name="connsiteY6" fmla="*/ 1343501 h 1449704"/>
                <a:gd name="connsiteX7" fmla="*/ 515778 w 692943"/>
                <a:gd name="connsiteY7" fmla="*/ 1293971 h 1449704"/>
                <a:gd name="connsiteX8" fmla="*/ 300799 w 692943"/>
                <a:gd name="connsiteY8" fmla="*/ 859155 h 1449704"/>
                <a:gd name="connsiteX9" fmla="*/ 176974 w 692943"/>
                <a:gd name="connsiteY9" fmla="*/ 548640 h 1449704"/>
                <a:gd name="connsiteX10" fmla="*/ 145066 w 692943"/>
                <a:gd name="connsiteY10" fmla="*/ 499586 h 1449704"/>
                <a:gd name="connsiteX11" fmla="*/ 0 w 692943"/>
                <a:gd name="connsiteY11" fmla="*/ 0 h 1449704"/>
                <a:gd name="connsiteX12" fmla="*/ 4667 w 692943"/>
                <a:gd name="connsiteY12" fmla="*/ 0 h 1449704"/>
                <a:gd name="connsiteX13" fmla="*/ 149065 w 692943"/>
                <a:gd name="connsiteY13" fmla="*/ 497110 h 1449704"/>
                <a:gd name="connsiteX14" fmla="*/ 181451 w 692943"/>
                <a:gd name="connsiteY14" fmla="*/ 545973 h 1449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2943" h="1449704">
                  <a:moveTo>
                    <a:pt x="181451" y="545973"/>
                  </a:moveTo>
                  <a:cubicBezTo>
                    <a:pt x="219551" y="601885"/>
                    <a:pt x="236505" y="627412"/>
                    <a:pt x="305276" y="857726"/>
                  </a:cubicBezTo>
                  <a:cubicBezTo>
                    <a:pt x="379951" y="1106138"/>
                    <a:pt x="438626" y="1183767"/>
                    <a:pt x="519588" y="1291114"/>
                  </a:cubicBezTo>
                  <a:cubicBezTo>
                    <a:pt x="531494" y="1306925"/>
                    <a:pt x="543782" y="1323118"/>
                    <a:pt x="556640" y="1340739"/>
                  </a:cubicBezTo>
                  <a:cubicBezTo>
                    <a:pt x="589978" y="1386173"/>
                    <a:pt x="639223" y="1419511"/>
                    <a:pt x="692944" y="1444466"/>
                  </a:cubicBezTo>
                  <a:lnTo>
                    <a:pt x="692944" y="1449705"/>
                  </a:lnTo>
                  <a:cubicBezTo>
                    <a:pt x="637889" y="1424368"/>
                    <a:pt x="587120" y="1390269"/>
                    <a:pt x="552830" y="1343501"/>
                  </a:cubicBezTo>
                  <a:cubicBezTo>
                    <a:pt x="539972" y="1325975"/>
                    <a:pt x="527684" y="1309688"/>
                    <a:pt x="515778" y="1293971"/>
                  </a:cubicBezTo>
                  <a:cubicBezTo>
                    <a:pt x="434435" y="1186244"/>
                    <a:pt x="375665" y="1108329"/>
                    <a:pt x="300799" y="859155"/>
                  </a:cubicBezTo>
                  <a:cubicBezTo>
                    <a:pt x="231743" y="629507"/>
                    <a:pt x="215074" y="604171"/>
                    <a:pt x="176974" y="548640"/>
                  </a:cubicBezTo>
                  <a:cubicBezTo>
                    <a:pt x="167449" y="535210"/>
                    <a:pt x="157924" y="520065"/>
                    <a:pt x="145066" y="499586"/>
                  </a:cubicBezTo>
                  <a:cubicBezTo>
                    <a:pt x="92869" y="414909"/>
                    <a:pt x="4667" y="191072"/>
                    <a:pt x="0" y="0"/>
                  </a:cubicBezTo>
                  <a:lnTo>
                    <a:pt x="4667" y="0"/>
                  </a:lnTo>
                  <a:cubicBezTo>
                    <a:pt x="9334" y="190500"/>
                    <a:pt x="97155" y="412814"/>
                    <a:pt x="149065" y="497110"/>
                  </a:cubicBezTo>
                  <a:cubicBezTo>
                    <a:pt x="162019" y="517398"/>
                    <a:pt x="172307" y="532543"/>
                    <a:pt x="181451" y="545973"/>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7" name="Freeform: Shape 144">
              <a:extLst>
                <a:ext uri="{FF2B5EF4-FFF2-40B4-BE49-F238E27FC236}">
                  <a16:creationId xmlns:a16="http://schemas.microsoft.com/office/drawing/2014/main" id="{167F18DF-CA08-6B40-8E54-AB1E05F603C6}"/>
                </a:ext>
              </a:extLst>
            </p:cNvPr>
            <p:cNvSpPr/>
            <p:nvPr/>
          </p:nvSpPr>
          <p:spPr>
            <a:xfrm>
              <a:off x="11899459" y="-1668332"/>
              <a:ext cx="743691" cy="1579598"/>
            </a:xfrm>
            <a:custGeom>
              <a:avLst/>
              <a:gdLst>
                <a:gd name="connsiteX0" fmla="*/ 117920 w 609123"/>
                <a:gd name="connsiteY0" fmla="*/ 309277 h 1302829"/>
                <a:gd name="connsiteX1" fmla="*/ 245840 w 609123"/>
                <a:gd name="connsiteY1" fmla="*/ 521303 h 1302829"/>
                <a:gd name="connsiteX2" fmla="*/ 257461 w 609123"/>
                <a:gd name="connsiteY2" fmla="*/ 582263 h 1302829"/>
                <a:gd name="connsiteX3" fmla="*/ 374332 w 609123"/>
                <a:gd name="connsiteY3" fmla="*/ 1012793 h 1302829"/>
                <a:gd name="connsiteX4" fmla="*/ 377094 w 609123"/>
                <a:gd name="connsiteY4" fmla="*/ 1017842 h 1302829"/>
                <a:gd name="connsiteX5" fmla="*/ 609123 w 609123"/>
                <a:gd name="connsiteY5" fmla="*/ 1297496 h 1302829"/>
                <a:gd name="connsiteX6" fmla="*/ 609123 w 609123"/>
                <a:gd name="connsiteY6" fmla="*/ 1302830 h 1302829"/>
                <a:gd name="connsiteX7" fmla="*/ 372904 w 609123"/>
                <a:gd name="connsiteY7" fmla="*/ 1020128 h 1302829"/>
                <a:gd name="connsiteX8" fmla="*/ 370141 w 609123"/>
                <a:gd name="connsiteY8" fmla="*/ 1015175 h 1302829"/>
                <a:gd name="connsiteX9" fmla="*/ 252793 w 609123"/>
                <a:gd name="connsiteY9" fmla="*/ 583121 h 1302829"/>
                <a:gd name="connsiteX10" fmla="*/ 241172 w 609123"/>
                <a:gd name="connsiteY10" fmla="*/ 522256 h 1302829"/>
                <a:gd name="connsiteX11" fmla="*/ 114395 w 609123"/>
                <a:gd name="connsiteY11" fmla="*/ 312706 h 1302829"/>
                <a:gd name="connsiteX12" fmla="*/ 72866 w 609123"/>
                <a:gd name="connsiteY12" fmla="*/ 263557 h 1302829"/>
                <a:gd name="connsiteX13" fmla="*/ 0 w 609123"/>
                <a:gd name="connsiteY13" fmla="*/ 0 h 1302829"/>
                <a:gd name="connsiteX14" fmla="*/ 4953 w 609123"/>
                <a:gd name="connsiteY14" fmla="*/ 0 h 1302829"/>
                <a:gd name="connsiteX15" fmla="*/ 76676 w 609123"/>
                <a:gd name="connsiteY15" fmla="*/ 260414 h 1302829"/>
                <a:gd name="connsiteX16" fmla="*/ 117920 w 609123"/>
                <a:gd name="connsiteY16" fmla="*/ 309277 h 1302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609123" h="1302829">
                  <a:moveTo>
                    <a:pt x="117920" y="309277"/>
                  </a:moveTo>
                  <a:cubicBezTo>
                    <a:pt x="167163" y="364903"/>
                    <a:pt x="228505" y="434054"/>
                    <a:pt x="245840" y="521303"/>
                  </a:cubicBezTo>
                  <a:cubicBezTo>
                    <a:pt x="249269" y="538639"/>
                    <a:pt x="253174" y="559403"/>
                    <a:pt x="257461" y="582263"/>
                  </a:cubicBezTo>
                  <a:cubicBezTo>
                    <a:pt x="282321" y="714947"/>
                    <a:pt x="319849" y="915638"/>
                    <a:pt x="374332" y="1012793"/>
                  </a:cubicBezTo>
                  <a:lnTo>
                    <a:pt x="377094" y="1017842"/>
                  </a:lnTo>
                  <a:cubicBezTo>
                    <a:pt x="428244" y="1109377"/>
                    <a:pt x="499967" y="1237583"/>
                    <a:pt x="609123" y="1297496"/>
                  </a:cubicBezTo>
                  <a:lnTo>
                    <a:pt x="609123" y="1302830"/>
                  </a:lnTo>
                  <a:cubicBezTo>
                    <a:pt x="497586" y="1242917"/>
                    <a:pt x="424719" y="1112330"/>
                    <a:pt x="372904" y="1020128"/>
                  </a:cubicBezTo>
                  <a:lnTo>
                    <a:pt x="370141" y="1015175"/>
                  </a:lnTo>
                  <a:cubicBezTo>
                    <a:pt x="315277" y="917067"/>
                    <a:pt x="277654" y="716090"/>
                    <a:pt x="252793" y="583121"/>
                  </a:cubicBezTo>
                  <a:cubicBezTo>
                    <a:pt x="248507" y="560165"/>
                    <a:pt x="244601" y="539591"/>
                    <a:pt x="241172" y="522256"/>
                  </a:cubicBezTo>
                  <a:cubicBezTo>
                    <a:pt x="224124" y="436531"/>
                    <a:pt x="163259" y="367665"/>
                    <a:pt x="114395" y="312706"/>
                  </a:cubicBezTo>
                  <a:cubicBezTo>
                    <a:pt x="98679" y="295085"/>
                    <a:pt x="83915" y="278416"/>
                    <a:pt x="72866" y="263557"/>
                  </a:cubicBezTo>
                  <a:cubicBezTo>
                    <a:pt x="40291" y="219075"/>
                    <a:pt x="12859" y="76200"/>
                    <a:pt x="0" y="0"/>
                  </a:cubicBezTo>
                  <a:lnTo>
                    <a:pt x="4953" y="0"/>
                  </a:lnTo>
                  <a:cubicBezTo>
                    <a:pt x="17907" y="76200"/>
                    <a:pt x="45244" y="218123"/>
                    <a:pt x="76676" y="260414"/>
                  </a:cubicBezTo>
                  <a:cubicBezTo>
                    <a:pt x="87630" y="275082"/>
                    <a:pt x="102298" y="291751"/>
                    <a:pt x="117920" y="30927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8" name="Freeform: Shape 145">
              <a:extLst>
                <a:ext uri="{FF2B5EF4-FFF2-40B4-BE49-F238E27FC236}">
                  <a16:creationId xmlns:a16="http://schemas.microsoft.com/office/drawing/2014/main" id="{56F20607-E7CF-E346-A900-99B9DDC9DA55}"/>
                </a:ext>
              </a:extLst>
            </p:cNvPr>
            <p:cNvSpPr/>
            <p:nvPr/>
          </p:nvSpPr>
          <p:spPr>
            <a:xfrm>
              <a:off x="12023035" y="-1668332"/>
              <a:ext cx="619069" cy="1336271"/>
            </a:xfrm>
            <a:custGeom>
              <a:avLst/>
              <a:gdLst>
                <a:gd name="connsiteX0" fmla="*/ 74521 w 507051"/>
                <a:gd name="connsiteY0" fmla="*/ 207740 h 1102137"/>
                <a:gd name="connsiteX1" fmla="*/ 155197 w 507051"/>
                <a:gd name="connsiteY1" fmla="*/ 307753 h 1102137"/>
                <a:gd name="connsiteX2" fmla="*/ 251972 w 507051"/>
                <a:gd name="connsiteY2" fmla="*/ 489966 h 1102137"/>
                <a:gd name="connsiteX3" fmla="*/ 261497 w 507051"/>
                <a:gd name="connsiteY3" fmla="*/ 612553 h 1102137"/>
                <a:gd name="connsiteX4" fmla="*/ 358937 w 507051"/>
                <a:gd name="connsiteY4" fmla="*/ 961644 h 1102137"/>
                <a:gd name="connsiteX5" fmla="*/ 406562 w 507051"/>
                <a:gd name="connsiteY5" fmla="*/ 1007174 h 1102137"/>
                <a:gd name="connsiteX6" fmla="*/ 507052 w 507051"/>
                <a:gd name="connsiteY6" fmla="*/ 1096232 h 1102137"/>
                <a:gd name="connsiteX7" fmla="*/ 507052 w 507051"/>
                <a:gd name="connsiteY7" fmla="*/ 1102138 h 1102137"/>
                <a:gd name="connsiteX8" fmla="*/ 403229 w 507051"/>
                <a:gd name="connsiteY8" fmla="*/ 1010603 h 1102137"/>
                <a:gd name="connsiteX9" fmla="*/ 355604 w 507051"/>
                <a:gd name="connsiteY9" fmla="*/ 965168 h 1102137"/>
                <a:gd name="connsiteX10" fmla="*/ 256544 w 507051"/>
                <a:gd name="connsiteY10" fmla="*/ 612743 h 1102137"/>
                <a:gd name="connsiteX11" fmla="*/ 247019 w 507051"/>
                <a:gd name="connsiteY11" fmla="*/ 490728 h 1102137"/>
                <a:gd name="connsiteX12" fmla="*/ 151769 w 507051"/>
                <a:gd name="connsiteY12" fmla="*/ 310896 h 1102137"/>
                <a:gd name="connsiteX13" fmla="*/ 70901 w 507051"/>
                <a:gd name="connsiteY13" fmla="*/ 210503 h 1102137"/>
                <a:gd name="connsiteX14" fmla="*/ 416 w 507051"/>
                <a:gd name="connsiteY14" fmla="*/ 0 h 1102137"/>
                <a:gd name="connsiteX15" fmla="*/ 5179 w 507051"/>
                <a:gd name="connsiteY15" fmla="*/ 0 h 1102137"/>
                <a:gd name="connsiteX16" fmla="*/ 74521 w 507051"/>
                <a:gd name="connsiteY16" fmla="*/ 207740 h 1102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07051" h="1102137">
                  <a:moveTo>
                    <a:pt x="74521" y="207740"/>
                  </a:moveTo>
                  <a:cubicBezTo>
                    <a:pt x="105668" y="250127"/>
                    <a:pt x="131671" y="280797"/>
                    <a:pt x="155197" y="307753"/>
                  </a:cubicBezTo>
                  <a:cubicBezTo>
                    <a:pt x="206252" y="367284"/>
                    <a:pt x="237113" y="403003"/>
                    <a:pt x="251972" y="489966"/>
                  </a:cubicBezTo>
                  <a:cubicBezTo>
                    <a:pt x="257475" y="530614"/>
                    <a:pt x="260655" y="571543"/>
                    <a:pt x="261497" y="612553"/>
                  </a:cubicBezTo>
                  <a:cubicBezTo>
                    <a:pt x="267307" y="734092"/>
                    <a:pt x="274451" y="885349"/>
                    <a:pt x="358937" y="961644"/>
                  </a:cubicBezTo>
                  <a:cubicBezTo>
                    <a:pt x="375226" y="976313"/>
                    <a:pt x="391323" y="992029"/>
                    <a:pt x="406562" y="1007174"/>
                  </a:cubicBezTo>
                  <a:cubicBezTo>
                    <a:pt x="437914" y="1039195"/>
                    <a:pt x="471493" y="1068956"/>
                    <a:pt x="507052" y="1096232"/>
                  </a:cubicBezTo>
                  <a:lnTo>
                    <a:pt x="507052" y="1102138"/>
                  </a:lnTo>
                  <a:cubicBezTo>
                    <a:pt x="470264" y="1074191"/>
                    <a:pt x="435565" y="1043598"/>
                    <a:pt x="403229" y="1010603"/>
                  </a:cubicBezTo>
                  <a:cubicBezTo>
                    <a:pt x="387703" y="995458"/>
                    <a:pt x="371606" y="979742"/>
                    <a:pt x="355604" y="965168"/>
                  </a:cubicBezTo>
                  <a:cubicBezTo>
                    <a:pt x="269879" y="887635"/>
                    <a:pt x="262354" y="735235"/>
                    <a:pt x="256544" y="612743"/>
                  </a:cubicBezTo>
                  <a:cubicBezTo>
                    <a:pt x="255656" y="571925"/>
                    <a:pt x="252476" y="531189"/>
                    <a:pt x="247019" y="490728"/>
                  </a:cubicBezTo>
                  <a:cubicBezTo>
                    <a:pt x="232351" y="405003"/>
                    <a:pt x="201870" y="369761"/>
                    <a:pt x="151769" y="310896"/>
                  </a:cubicBezTo>
                  <a:cubicBezTo>
                    <a:pt x="128528" y="283845"/>
                    <a:pt x="102144" y="253079"/>
                    <a:pt x="70901" y="210503"/>
                  </a:cubicBezTo>
                  <a:cubicBezTo>
                    <a:pt x="7275" y="123825"/>
                    <a:pt x="-2345" y="47625"/>
                    <a:pt x="416" y="0"/>
                  </a:cubicBezTo>
                  <a:lnTo>
                    <a:pt x="5179" y="0"/>
                  </a:lnTo>
                  <a:cubicBezTo>
                    <a:pt x="2417" y="46958"/>
                    <a:pt x="11751" y="122111"/>
                    <a:pt x="74521" y="20774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39" name="Freeform: Shape 146">
              <a:extLst>
                <a:ext uri="{FF2B5EF4-FFF2-40B4-BE49-F238E27FC236}">
                  <a16:creationId xmlns:a16="http://schemas.microsoft.com/office/drawing/2014/main" id="{5CA726ED-73F1-C048-AA8C-1289F6A159A9}"/>
                </a:ext>
              </a:extLst>
            </p:cNvPr>
            <p:cNvSpPr/>
            <p:nvPr/>
          </p:nvSpPr>
          <p:spPr>
            <a:xfrm>
              <a:off x="12370096" y="-1668678"/>
              <a:ext cx="273054" cy="882302"/>
            </a:xfrm>
            <a:custGeom>
              <a:avLst/>
              <a:gdLst>
                <a:gd name="connsiteX0" fmla="*/ 164972 w 223646"/>
                <a:gd name="connsiteY0" fmla="*/ 354330 h 727710"/>
                <a:gd name="connsiteX1" fmla="*/ 170878 w 223646"/>
                <a:gd name="connsiteY1" fmla="*/ 465868 h 727710"/>
                <a:gd name="connsiteX2" fmla="*/ 223647 w 223646"/>
                <a:gd name="connsiteY2" fmla="*/ 718185 h 727710"/>
                <a:gd name="connsiteX3" fmla="*/ 223647 w 223646"/>
                <a:gd name="connsiteY3" fmla="*/ 727710 h 727710"/>
                <a:gd name="connsiteX4" fmla="*/ 166497 w 223646"/>
                <a:gd name="connsiteY4" fmla="*/ 465487 h 727710"/>
                <a:gd name="connsiteX5" fmla="*/ 160687 w 223646"/>
                <a:gd name="connsiteY5" fmla="*/ 354997 h 727710"/>
                <a:gd name="connsiteX6" fmla="*/ 0 w 223646"/>
                <a:gd name="connsiteY6" fmla="*/ 0 h 727710"/>
                <a:gd name="connsiteX7" fmla="*/ 6953 w 223646"/>
                <a:gd name="connsiteY7" fmla="*/ 0 h 727710"/>
                <a:gd name="connsiteX8" fmla="*/ 164972 w 223646"/>
                <a:gd name="connsiteY8" fmla="*/ 354330 h 727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23646" h="727710">
                  <a:moveTo>
                    <a:pt x="164972" y="354330"/>
                  </a:moveTo>
                  <a:cubicBezTo>
                    <a:pt x="171453" y="391133"/>
                    <a:pt x="173436" y="428587"/>
                    <a:pt x="170878" y="465868"/>
                  </a:cubicBezTo>
                  <a:cubicBezTo>
                    <a:pt x="168878" y="535591"/>
                    <a:pt x="166688" y="613124"/>
                    <a:pt x="223647" y="718185"/>
                  </a:cubicBezTo>
                  <a:lnTo>
                    <a:pt x="223647" y="727710"/>
                  </a:lnTo>
                  <a:cubicBezTo>
                    <a:pt x="161734" y="617792"/>
                    <a:pt x="164020" y="537210"/>
                    <a:pt x="166497" y="465487"/>
                  </a:cubicBezTo>
                  <a:cubicBezTo>
                    <a:pt x="169047" y="428557"/>
                    <a:pt x="167096" y="391455"/>
                    <a:pt x="160687" y="354997"/>
                  </a:cubicBezTo>
                  <a:cubicBezTo>
                    <a:pt x="134874" y="233077"/>
                    <a:pt x="86582" y="79534"/>
                    <a:pt x="0" y="0"/>
                  </a:cubicBezTo>
                  <a:lnTo>
                    <a:pt x="6953" y="0"/>
                  </a:lnTo>
                  <a:cubicBezTo>
                    <a:pt x="91726" y="81725"/>
                    <a:pt x="139351" y="233458"/>
                    <a:pt x="164972" y="35433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0" name="Freeform: Shape 147">
              <a:extLst>
                <a:ext uri="{FF2B5EF4-FFF2-40B4-BE49-F238E27FC236}">
                  <a16:creationId xmlns:a16="http://schemas.microsoft.com/office/drawing/2014/main" id="{49326B21-043D-3C44-A05B-A2A28A03C838}"/>
                </a:ext>
              </a:extLst>
            </p:cNvPr>
            <p:cNvSpPr/>
            <p:nvPr/>
          </p:nvSpPr>
          <p:spPr>
            <a:xfrm>
              <a:off x="12561746" y="-1668332"/>
              <a:ext cx="81405" cy="237782"/>
            </a:xfrm>
            <a:custGeom>
              <a:avLst/>
              <a:gdLst>
                <a:gd name="connsiteX0" fmla="*/ 66675 w 66675"/>
                <a:gd name="connsiteY0" fmla="*/ 196120 h 196119"/>
                <a:gd name="connsiteX1" fmla="*/ 0 w 66675"/>
                <a:gd name="connsiteY1" fmla="*/ 0 h 196119"/>
                <a:gd name="connsiteX2" fmla="*/ 5335 w 66675"/>
                <a:gd name="connsiteY2" fmla="*/ 0 h 196119"/>
                <a:gd name="connsiteX3" fmla="*/ 66485 w 66675"/>
                <a:gd name="connsiteY3" fmla="*/ 175260 h 196119"/>
              </a:gdLst>
              <a:ahLst/>
              <a:cxnLst>
                <a:cxn ang="0">
                  <a:pos x="connsiteX0" y="connsiteY0"/>
                </a:cxn>
                <a:cxn ang="0">
                  <a:pos x="connsiteX1" y="connsiteY1"/>
                </a:cxn>
                <a:cxn ang="0">
                  <a:pos x="connsiteX2" y="connsiteY2"/>
                </a:cxn>
                <a:cxn ang="0">
                  <a:pos x="connsiteX3" y="connsiteY3"/>
                </a:cxn>
              </a:cxnLst>
              <a:rect l="l" t="t" r="r" b="b"/>
              <a:pathLst>
                <a:path w="66675" h="196119">
                  <a:moveTo>
                    <a:pt x="66675" y="196120"/>
                  </a:moveTo>
                  <a:cubicBezTo>
                    <a:pt x="50728" y="128778"/>
                    <a:pt x="28403" y="63108"/>
                    <a:pt x="0" y="0"/>
                  </a:cubicBezTo>
                  <a:lnTo>
                    <a:pt x="5335" y="0"/>
                  </a:lnTo>
                  <a:cubicBezTo>
                    <a:pt x="30727" y="56550"/>
                    <a:pt x="51186" y="115188"/>
                    <a:pt x="66485" y="17526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1" name="Freeform: Shape 151">
              <a:extLst>
                <a:ext uri="{FF2B5EF4-FFF2-40B4-BE49-F238E27FC236}">
                  <a16:creationId xmlns:a16="http://schemas.microsoft.com/office/drawing/2014/main" id="{1C71143E-6118-B94C-B925-DE639A5C974A}"/>
                </a:ext>
              </a:extLst>
            </p:cNvPr>
            <p:cNvSpPr/>
            <p:nvPr/>
          </p:nvSpPr>
          <p:spPr>
            <a:xfrm>
              <a:off x="3921900" y="-1668793"/>
              <a:ext cx="3757618" cy="8868984"/>
            </a:xfrm>
            <a:custGeom>
              <a:avLst/>
              <a:gdLst>
                <a:gd name="connsiteX0" fmla="*/ 89726 w 3077694"/>
                <a:gd name="connsiteY0" fmla="*/ 184880 h 7315009"/>
                <a:gd name="connsiteX1" fmla="*/ 133731 w 3077694"/>
                <a:gd name="connsiteY1" fmla="*/ 213455 h 7315009"/>
                <a:gd name="connsiteX2" fmla="*/ 248031 w 3077694"/>
                <a:gd name="connsiteY2" fmla="*/ 321183 h 7315009"/>
                <a:gd name="connsiteX3" fmla="*/ 286131 w 3077694"/>
                <a:gd name="connsiteY3" fmla="*/ 402812 h 7315009"/>
                <a:gd name="connsiteX4" fmla="*/ 358140 w 3077694"/>
                <a:gd name="connsiteY4" fmla="*/ 536924 h 7315009"/>
                <a:gd name="connsiteX5" fmla="*/ 441293 w 3077694"/>
                <a:gd name="connsiteY5" fmla="*/ 607790 h 7315009"/>
                <a:gd name="connsiteX6" fmla="*/ 567119 w 3077694"/>
                <a:gd name="connsiteY6" fmla="*/ 739997 h 7315009"/>
                <a:gd name="connsiteX7" fmla="*/ 603600 w 3077694"/>
                <a:gd name="connsiteY7" fmla="*/ 878681 h 7315009"/>
                <a:gd name="connsiteX8" fmla="*/ 627507 w 3077694"/>
                <a:gd name="connsiteY8" fmla="*/ 961549 h 7315009"/>
                <a:gd name="connsiteX9" fmla="*/ 870109 w 3077694"/>
                <a:gd name="connsiteY9" fmla="*/ 1256252 h 7315009"/>
                <a:gd name="connsiteX10" fmla="*/ 981933 w 3077694"/>
                <a:gd name="connsiteY10" fmla="*/ 1387507 h 7315009"/>
                <a:gd name="connsiteX11" fmla="*/ 1058133 w 3077694"/>
                <a:gd name="connsiteY11" fmla="*/ 1482757 h 7315009"/>
                <a:gd name="connsiteX12" fmla="*/ 1127475 w 3077694"/>
                <a:gd name="connsiteY12" fmla="*/ 1533239 h 7315009"/>
                <a:gd name="connsiteX13" fmla="*/ 1253204 w 3077694"/>
                <a:gd name="connsiteY13" fmla="*/ 1651730 h 7315009"/>
                <a:gd name="connsiteX14" fmla="*/ 1386554 w 3077694"/>
                <a:gd name="connsiteY14" fmla="*/ 2103692 h 7315009"/>
                <a:gd name="connsiteX15" fmla="*/ 1403605 w 3077694"/>
                <a:gd name="connsiteY15" fmla="*/ 2183321 h 7315009"/>
                <a:gd name="connsiteX16" fmla="*/ 1479805 w 3077694"/>
                <a:gd name="connsiteY16" fmla="*/ 2495645 h 7315009"/>
                <a:gd name="connsiteX17" fmla="*/ 1703356 w 3077694"/>
                <a:gd name="connsiteY17" fmla="*/ 2723197 h 7315009"/>
                <a:gd name="connsiteX18" fmla="*/ 2056257 w 3077694"/>
                <a:gd name="connsiteY18" fmla="*/ 2985802 h 7315009"/>
                <a:gd name="connsiteX19" fmla="*/ 2351056 w 3077694"/>
                <a:gd name="connsiteY19" fmla="*/ 3251168 h 7315009"/>
                <a:gd name="connsiteX20" fmla="*/ 2643759 w 3077694"/>
                <a:gd name="connsiteY20" fmla="*/ 3452146 h 7315009"/>
                <a:gd name="connsiteX21" fmla="*/ 2717864 w 3077694"/>
                <a:gd name="connsiteY21" fmla="*/ 3588639 h 7315009"/>
                <a:gd name="connsiteX22" fmla="*/ 2753297 w 3077694"/>
                <a:gd name="connsiteY22" fmla="*/ 3660458 h 7315009"/>
                <a:gd name="connsiteX23" fmla="*/ 2782634 w 3077694"/>
                <a:gd name="connsiteY23" fmla="*/ 3681699 h 7315009"/>
                <a:gd name="connsiteX24" fmla="*/ 2862739 w 3077694"/>
                <a:gd name="connsiteY24" fmla="*/ 3778377 h 7315009"/>
                <a:gd name="connsiteX25" fmla="*/ 2881789 w 3077694"/>
                <a:gd name="connsiteY25" fmla="*/ 3831146 h 7315009"/>
                <a:gd name="connsiteX26" fmla="*/ 2945892 w 3077694"/>
                <a:gd name="connsiteY26" fmla="*/ 3954971 h 7315009"/>
                <a:gd name="connsiteX27" fmla="*/ 2983326 w 3077694"/>
                <a:gd name="connsiteY27" fmla="*/ 3980307 h 7315009"/>
                <a:gd name="connsiteX28" fmla="*/ 3072289 w 3077694"/>
                <a:gd name="connsiteY28" fmla="*/ 4083463 h 7315009"/>
                <a:gd name="connsiteX29" fmla="*/ 3069051 w 3077694"/>
                <a:gd name="connsiteY29" fmla="*/ 4226910 h 7315009"/>
                <a:gd name="connsiteX30" fmla="*/ 3061145 w 3077694"/>
                <a:gd name="connsiteY30" fmla="*/ 4302062 h 7315009"/>
                <a:gd name="connsiteX31" fmla="*/ 2972944 w 3077694"/>
                <a:gd name="connsiteY31" fmla="*/ 4486561 h 7315009"/>
                <a:gd name="connsiteX32" fmla="*/ 2883694 w 3077694"/>
                <a:gd name="connsiteY32" fmla="*/ 4518374 h 7315009"/>
                <a:gd name="connsiteX33" fmla="*/ 2763108 w 3077694"/>
                <a:gd name="connsiteY33" fmla="*/ 4481703 h 7315009"/>
                <a:gd name="connsiteX34" fmla="*/ 2583752 w 3077694"/>
                <a:gd name="connsiteY34" fmla="*/ 4453128 h 7315009"/>
                <a:gd name="connsiteX35" fmla="*/ 2356961 w 3077694"/>
                <a:gd name="connsiteY35" fmla="*/ 4874990 h 7315009"/>
                <a:gd name="connsiteX36" fmla="*/ 2291049 w 3077694"/>
                <a:gd name="connsiteY36" fmla="*/ 5898547 h 7315009"/>
                <a:gd name="connsiteX37" fmla="*/ 2304574 w 3077694"/>
                <a:gd name="connsiteY37" fmla="*/ 5999608 h 7315009"/>
                <a:gd name="connsiteX38" fmla="*/ 2315909 w 3077694"/>
                <a:gd name="connsiteY38" fmla="*/ 6054948 h 7315009"/>
                <a:gd name="connsiteX39" fmla="*/ 2320957 w 3077694"/>
                <a:gd name="connsiteY39" fmla="*/ 6125147 h 7315009"/>
                <a:gd name="connsiteX40" fmla="*/ 2375821 w 3077694"/>
                <a:gd name="connsiteY40" fmla="*/ 6214205 h 7315009"/>
                <a:gd name="connsiteX41" fmla="*/ 2616328 w 3077694"/>
                <a:gd name="connsiteY41" fmla="*/ 6374892 h 7315009"/>
                <a:gd name="connsiteX42" fmla="*/ 2667286 w 3077694"/>
                <a:gd name="connsiteY42" fmla="*/ 6432042 h 7315009"/>
                <a:gd name="connsiteX43" fmla="*/ 2820448 w 3077694"/>
                <a:gd name="connsiteY43" fmla="*/ 6683979 h 7315009"/>
                <a:gd name="connsiteX44" fmla="*/ 2881409 w 3077694"/>
                <a:gd name="connsiteY44" fmla="*/ 6833711 h 7315009"/>
                <a:gd name="connsiteX45" fmla="*/ 2919508 w 3077694"/>
                <a:gd name="connsiteY45" fmla="*/ 6980492 h 7315009"/>
                <a:gd name="connsiteX46" fmla="*/ 3041619 w 3077694"/>
                <a:gd name="connsiteY46" fmla="*/ 7262718 h 7315009"/>
                <a:gd name="connsiteX47" fmla="*/ 3074099 w 3077694"/>
                <a:gd name="connsiteY47" fmla="*/ 7315010 h 7315009"/>
                <a:gd name="connsiteX48" fmla="*/ 3040856 w 3077694"/>
                <a:gd name="connsiteY48" fmla="*/ 7315010 h 7315009"/>
                <a:gd name="connsiteX49" fmla="*/ 3017615 w 3077694"/>
                <a:gd name="connsiteY49" fmla="*/ 7278243 h 7315009"/>
                <a:gd name="connsiteX50" fmla="*/ 2890933 w 3077694"/>
                <a:gd name="connsiteY50" fmla="*/ 6979063 h 7315009"/>
                <a:gd name="connsiteX51" fmla="*/ 2856072 w 3077694"/>
                <a:gd name="connsiteY51" fmla="*/ 6847046 h 7315009"/>
                <a:gd name="connsiteX52" fmla="*/ 2792826 w 3077694"/>
                <a:gd name="connsiteY52" fmla="*/ 6691694 h 7315009"/>
                <a:gd name="connsiteX53" fmla="*/ 2646426 w 3077694"/>
                <a:gd name="connsiteY53" fmla="*/ 6451664 h 7315009"/>
                <a:gd name="connsiteX54" fmla="*/ 2593563 w 3077694"/>
                <a:gd name="connsiteY54" fmla="*/ 6391846 h 7315009"/>
                <a:gd name="connsiteX55" fmla="*/ 2368011 w 3077694"/>
                <a:gd name="connsiteY55" fmla="*/ 6241351 h 7315009"/>
                <a:gd name="connsiteX56" fmla="*/ 2292287 w 3077694"/>
                <a:gd name="connsiteY56" fmla="*/ 6124861 h 7315009"/>
                <a:gd name="connsiteX57" fmla="*/ 2287715 w 3077694"/>
                <a:gd name="connsiteY57" fmla="*/ 6059710 h 7315009"/>
                <a:gd name="connsiteX58" fmla="*/ 2276666 w 3077694"/>
                <a:gd name="connsiteY58" fmla="*/ 6005513 h 7315009"/>
                <a:gd name="connsiteX59" fmla="*/ 2262569 w 3077694"/>
                <a:gd name="connsiteY59" fmla="*/ 5900738 h 7315009"/>
                <a:gd name="connsiteX60" fmla="*/ 2329244 w 3077694"/>
                <a:gd name="connsiteY60" fmla="*/ 4866037 h 7315009"/>
                <a:gd name="connsiteX61" fmla="*/ 2568607 w 3077694"/>
                <a:gd name="connsiteY61" fmla="*/ 4427887 h 7315009"/>
                <a:gd name="connsiteX62" fmla="*/ 2772919 w 3077694"/>
                <a:gd name="connsiteY62" fmla="*/ 4454366 h 7315009"/>
                <a:gd name="connsiteX63" fmla="*/ 2886456 w 3077694"/>
                <a:gd name="connsiteY63" fmla="*/ 4489323 h 7315009"/>
                <a:gd name="connsiteX64" fmla="*/ 2953608 w 3077694"/>
                <a:gd name="connsiteY64" fmla="*/ 4464368 h 7315009"/>
                <a:gd name="connsiteX65" fmla="*/ 3032094 w 3077694"/>
                <a:gd name="connsiteY65" fmla="*/ 4300823 h 7315009"/>
                <a:gd name="connsiteX66" fmla="*/ 3040285 w 3077694"/>
                <a:gd name="connsiteY66" fmla="*/ 4222242 h 7315009"/>
                <a:gd name="connsiteX67" fmla="*/ 3043904 w 3077694"/>
                <a:gd name="connsiteY67" fmla="*/ 4088892 h 7315009"/>
                <a:gd name="connsiteX68" fmla="*/ 2967704 w 3077694"/>
                <a:gd name="connsiteY68" fmla="*/ 4003929 h 7315009"/>
                <a:gd name="connsiteX69" fmla="*/ 2926937 w 3077694"/>
                <a:gd name="connsiteY69" fmla="*/ 3976307 h 7315009"/>
                <a:gd name="connsiteX70" fmla="*/ 2853976 w 3077694"/>
                <a:gd name="connsiteY70" fmla="*/ 3839909 h 7315009"/>
                <a:gd name="connsiteX71" fmla="*/ 2834926 w 3077694"/>
                <a:gd name="connsiteY71" fmla="*/ 3787902 h 7315009"/>
                <a:gd name="connsiteX72" fmla="*/ 2766251 w 3077694"/>
                <a:gd name="connsiteY72" fmla="*/ 3705225 h 7315009"/>
                <a:gd name="connsiteX73" fmla="*/ 2732723 w 3077694"/>
                <a:gd name="connsiteY73" fmla="*/ 3680746 h 7315009"/>
                <a:gd name="connsiteX74" fmla="*/ 2690146 w 3077694"/>
                <a:gd name="connsiteY74" fmla="*/ 3598259 h 7315009"/>
                <a:gd name="connsiteX75" fmla="*/ 2622138 w 3077694"/>
                <a:gd name="connsiteY75" fmla="*/ 3471386 h 7315009"/>
                <a:gd name="connsiteX76" fmla="*/ 2337055 w 3077694"/>
                <a:gd name="connsiteY76" fmla="*/ 3276029 h 7315009"/>
                <a:gd name="connsiteX77" fmla="*/ 2036636 w 3077694"/>
                <a:gd name="connsiteY77" fmla="*/ 3005519 h 7315009"/>
                <a:gd name="connsiteX78" fmla="*/ 1690402 w 3077694"/>
                <a:gd name="connsiteY78" fmla="*/ 2748344 h 7315009"/>
                <a:gd name="connsiteX79" fmla="*/ 1454849 w 3077694"/>
                <a:gd name="connsiteY79" fmla="*/ 2507076 h 7315009"/>
                <a:gd name="connsiteX80" fmla="*/ 1376649 w 3077694"/>
                <a:gd name="connsiteY80" fmla="*/ 2189798 h 7315009"/>
                <a:gd name="connsiteX81" fmla="*/ 1359789 w 3077694"/>
                <a:gd name="connsiteY81" fmla="*/ 2110740 h 7315009"/>
                <a:gd name="connsiteX82" fmla="*/ 1227582 w 3077694"/>
                <a:gd name="connsiteY82" fmla="*/ 1663065 h 7315009"/>
                <a:gd name="connsiteX83" fmla="*/ 1112425 w 3077694"/>
                <a:gd name="connsiteY83" fmla="*/ 1557147 h 7315009"/>
                <a:gd name="connsiteX84" fmla="*/ 1039464 w 3077694"/>
                <a:gd name="connsiteY84" fmla="*/ 1503902 h 7315009"/>
                <a:gd name="connsiteX85" fmla="*/ 959072 w 3077694"/>
                <a:gd name="connsiteY85" fmla="*/ 1404080 h 7315009"/>
                <a:gd name="connsiteX86" fmla="*/ 853154 w 3077694"/>
                <a:gd name="connsiteY86" fmla="*/ 1278922 h 7315009"/>
                <a:gd name="connsiteX87" fmla="*/ 603790 w 3077694"/>
                <a:gd name="connsiteY87" fmla="*/ 976979 h 7315009"/>
                <a:gd name="connsiteX88" fmla="*/ 575786 w 3077694"/>
                <a:gd name="connsiteY88" fmla="*/ 882777 h 7315009"/>
                <a:gd name="connsiteX89" fmla="*/ 541211 w 3077694"/>
                <a:gd name="connsiteY89" fmla="*/ 751142 h 7315009"/>
                <a:gd name="connsiteX90" fmla="*/ 425672 w 3077694"/>
                <a:gd name="connsiteY90" fmla="*/ 631317 h 7315009"/>
                <a:gd name="connsiteX91" fmla="*/ 335471 w 3077694"/>
                <a:gd name="connsiteY91" fmla="*/ 553688 h 7315009"/>
                <a:gd name="connsiteX92" fmla="*/ 260318 w 3077694"/>
                <a:gd name="connsiteY92" fmla="*/ 414147 h 7315009"/>
                <a:gd name="connsiteX93" fmla="*/ 222885 w 3077694"/>
                <a:gd name="connsiteY93" fmla="*/ 334613 h 7315009"/>
                <a:gd name="connsiteX94" fmla="*/ 118872 w 3077694"/>
                <a:gd name="connsiteY94" fmla="*/ 237744 h 7315009"/>
                <a:gd name="connsiteX95" fmla="*/ 72390 w 3077694"/>
                <a:gd name="connsiteY95" fmla="*/ 207169 h 7315009"/>
                <a:gd name="connsiteX96" fmla="*/ 0 w 3077694"/>
                <a:gd name="connsiteY96" fmla="*/ 0 h 7315009"/>
                <a:gd name="connsiteX97" fmla="*/ 28575 w 3077694"/>
                <a:gd name="connsiteY97" fmla="*/ 0 h 7315009"/>
                <a:gd name="connsiteX98" fmla="*/ 89726 w 3077694"/>
                <a:gd name="connsiteY98" fmla="*/ 184880 h 73150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Lst>
              <a:rect l="l" t="t" r="r" b="b"/>
              <a:pathLst>
                <a:path w="3077694" h="7315009">
                  <a:moveTo>
                    <a:pt x="89726" y="184880"/>
                  </a:moveTo>
                  <a:cubicBezTo>
                    <a:pt x="103894" y="195155"/>
                    <a:pt x="118582" y="204693"/>
                    <a:pt x="133731" y="213455"/>
                  </a:cubicBezTo>
                  <a:cubicBezTo>
                    <a:pt x="172974" y="237363"/>
                    <a:pt x="217551" y="264414"/>
                    <a:pt x="248031" y="321183"/>
                  </a:cubicBezTo>
                  <a:cubicBezTo>
                    <a:pt x="263081" y="349187"/>
                    <a:pt x="274987" y="376428"/>
                    <a:pt x="286131" y="402812"/>
                  </a:cubicBezTo>
                  <a:cubicBezTo>
                    <a:pt x="304917" y="450128"/>
                    <a:pt x="329078" y="495127"/>
                    <a:pt x="358140" y="536924"/>
                  </a:cubicBezTo>
                  <a:cubicBezTo>
                    <a:pt x="379190" y="565499"/>
                    <a:pt x="409385" y="586169"/>
                    <a:pt x="441293" y="607790"/>
                  </a:cubicBezTo>
                  <a:cubicBezTo>
                    <a:pt x="488918" y="640175"/>
                    <a:pt x="538639" y="673703"/>
                    <a:pt x="567119" y="739997"/>
                  </a:cubicBezTo>
                  <a:cubicBezTo>
                    <a:pt x="585681" y="784300"/>
                    <a:pt x="597960" y="830979"/>
                    <a:pt x="603600" y="878681"/>
                  </a:cubicBezTo>
                  <a:cubicBezTo>
                    <a:pt x="608552" y="912019"/>
                    <a:pt x="612553" y="938403"/>
                    <a:pt x="627507" y="961549"/>
                  </a:cubicBezTo>
                  <a:cubicBezTo>
                    <a:pt x="661035" y="1013651"/>
                    <a:pt x="804386" y="1206341"/>
                    <a:pt x="870109" y="1256252"/>
                  </a:cubicBezTo>
                  <a:cubicBezTo>
                    <a:pt x="909257" y="1286066"/>
                    <a:pt x="946309" y="1337691"/>
                    <a:pt x="981933" y="1387507"/>
                  </a:cubicBezTo>
                  <a:cubicBezTo>
                    <a:pt x="1009174" y="1425607"/>
                    <a:pt x="1034892" y="1461326"/>
                    <a:pt x="1058133" y="1482757"/>
                  </a:cubicBezTo>
                  <a:cubicBezTo>
                    <a:pt x="1079952" y="1501294"/>
                    <a:pt x="1103131" y="1518169"/>
                    <a:pt x="1127475" y="1533239"/>
                  </a:cubicBezTo>
                  <a:cubicBezTo>
                    <a:pt x="1178814" y="1567053"/>
                    <a:pt x="1232250" y="1602010"/>
                    <a:pt x="1253204" y="1651730"/>
                  </a:cubicBezTo>
                  <a:cubicBezTo>
                    <a:pt x="1284161" y="1724311"/>
                    <a:pt x="1369696" y="2028444"/>
                    <a:pt x="1386554" y="2103692"/>
                  </a:cubicBezTo>
                  <a:cubicBezTo>
                    <a:pt x="1390841" y="2121980"/>
                    <a:pt x="1396746" y="2150459"/>
                    <a:pt x="1403605" y="2183321"/>
                  </a:cubicBezTo>
                  <a:cubicBezTo>
                    <a:pt x="1424845" y="2285048"/>
                    <a:pt x="1456944" y="2438876"/>
                    <a:pt x="1479805" y="2495645"/>
                  </a:cubicBezTo>
                  <a:cubicBezTo>
                    <a:pt x="1509236" y="2567559"/>
                    <a:pt x="1653540" y="2693956"/>
                    <a:pt x="1703356" y="2723197"/>
                  </a:cubicBezTo>
                  <a:cubicBezTo>
                    <a:pt x="1756506" y="2754440"/>
                    <a:pt x="2001774" y="2925985"/>
                    <a:pt x="2056257" y="2985802"/>
                  </a:cubicBezTo>
                  <a:cubicBezTo>
                    <a:pt x="2112836" y="3047905"/>
                    <a:pt x="2291620" y="3220974"/>
                    <a:pt x="2351056" y="3251168"/>
                  </a:cubicBezTo>
                  <a:cubicBezTo>
                    <a:pt x="2418779" y="3285554"/>
                    <a:pt x="2578894" y="3384518"/>
                    <a:pt x="2643759" y="3452146"/>
                  </a:cubicBezTo>
                  <a:cubicBezTo>
                    <a:pt x="2680431" y="3490246"/>
                    <a:pt x="2700909" y="3544824"/>
                    <a:pt x="2717864" y="3588639"/>
                  </a:cubicBezTo>
                  <a:cubicBezTo>
                    <a:pt x="2729675" y="3619595"/>
                    <a:pt x="2740724" y="3648742"/>
                    <a:pt x="2753297" y="3660458"/>
                  </a:cubicBezTo>
                  <a:cubicBezTo>
                    <a:pt x="2762402" y="3668425"/>
                    <a:pt x="2772222" y="3675535"/>
                    <a:pt x="2782634" y="3681699"/>
                  </a:cubicBezTo>
                  <a:cubicBezTo>
                    <a:pt x="2809399" y="3698653"/>
                    <a:pt x="2839784" y="3717798"/>
                    <a:pt x="2862739" y="3778377"/>
                  </a:cubicBezTo>
                  <a:cubicBezTo>
                    <a:pt x="2869692" y="3796760"/>
                    <a:pt x="2875693" y="3814286"/>
                    <a:pt x="2881789" y="3831146"/>
                  </a:cubicBezTo>
                  <a:cubicBezTo>
                    <a:pt x="2900839" y="3886486"/>
                    <a:pt x="2915888" y="3930205"/>
                    <a:pt x="2945892" y="3954971"/>
                  </a:cubicBezTo>
                  <a:cubicBezTo>
                    <a:pt x="2957759" y="3964285"/>
                    <a:pt x="2970268" y="3972752"/>
                    <a:pt x="2983326" y="3980307"/>
                  </a:cubicBezTo>
                  <a:cubicBezTo>
                    <a:pt x="3019044" y="4002119"/>
                    <a:pt x="3059526" y="4026789"/>
                    <a:pt x="3072289" y="4083463"/>
                  </a:cubicBezTo>
                  <a:cubicBezTo>
                    <a:pt x="3082862" y="4131088"/>
                    <a:pt x="3075814" y="4179665"/>
                    <a:pt x="3069051" y="4226910"/>
                  </a:cubicBezTo>
                  <a:cubicBezTo>
                    <a:pt x="3064897" y="4251777"/>
                    <a:pt x="3062257" y="4276874"/>
                    <a:pt x="3061145" y="4302062"/>
                  </a:cubicBezTo>
                  <a:cubicBezTo>
                    <a:pt x="3060097" y="4354926"/>
                    <a:pt x="3024378" y="4441698"/>
                    <a:pt x="2972944" y="4486561"/>
                  </a:cubicBezTo>
                  <a:cubicBezTo>
                    <a:pt x="2945130" y="4510850"/>
                    <a:pt x="2914269" y="4521899"/>
                    <a:pt x="2883694" y="4518374"/>
                  </a:cubicBezTo>
                  <a:cubicBezTo>
                    <a:pt x="2847499" y="4514184"/>
                    <a:pt x="2806542" y="4498467"/>
                    <a:pt x="2763108" y="4481703"/>
                  </a:cubicBezTo>
                  <a:cubicBezTo>
                    <a:pt x="2695099" y="4455510"/>
                    <a:pt x="2624709" y="4428363"/>
                    <a:pt x="2583752" y="4453128"/>
                  </a:cubicBezTo>
                  <a:cubicBezTo>
                    <a:pt x="2517077" y="4493133"/>
                    <a:pt x="2417636" y="4678490"/>
                    <a:pt x="2356961" y="4874990"/>
                  </a:cubicBezTo>
                  <a:cubicBezTo>
                    <a:pt x="2299811" y="5059680"/>
                    <a:pt x="2282762" y="5810917"/>
                    <a:pt x="2291049" y="5898547"/>
                  </a:cubicBezTo>
                  <a:cubicBezTo>
                    <a:pt x="2297812" y="5969508"/>
                    <a:pt x="2299526" y="5977128"/>
                    <a:pt x="2304574" y="5999608"/>
                  </a:cubicBezTo>
                  <a:cubicBezTo>
                    <a:pt x="2307146" y="6010847"/>
                    <a:pt x="2310670" y="6026277"/>
                    <a:pt x="2315909" y="6054948"/>
                  </a:cubicBezTo>
                  <a:cubicBezTo>
                    <a:pt x="2319777" y="6078139"/>
                    <a:pt x="2321468" y="6101641"/>
                    <a:pt x="2320957" y="6125147"/>
                  </a:cubicBezTo>
                  <a:cubicBezTo>
                    <a:pt x="2320957" y="6174296"/>
                    <a:pt x="2320957" y="6198966"/>
                    <a:pt x="2375821" y="6214205"/>
                  </a:cubicBezTo>
                  <a:cubicBezTo>
                    <a:pt x="2471215" y="6240442"/>
                    <a:pt x="2555576" y="6296805"/>
                    <a:pt x="2616328" y="6374892"/>
                  </a:cubicBezTo>
                  <a:cubicBezTo>
                    <a:pt x="2632342" y="6394786"/>
                    <a:pt x="2649351" y="6413861"/>
                    <a:pt x="2667286" y="6432042"/>
                  </a:cubicBezTo>
                  <a:cubicBezTo>
                    <a:pt x="2722246" y="6490145"/>
                    <a:pt x="2784539" y="6555867"/>
                    <a:pt x="2820448" y="6683979"/>
                  </a:cubicBezTo>
                  <a:cubicBezTo>
                    <a:pt x="2834734" y="6736139"/>
                    <a:pt x="2855199" y="6786406"/>
                    <a:pt x="2881409" y="6833711"/>
                  </a:cubicBezTo>
                  <a:cubicBezTo>
                    <a:pt x="2905506" y="6879336"/>
                    <a:pt x="2922937" y="6912388"/>
                    <a:pt x="2919508" y="6980492"/>
                  </a:cubicBezTo>
                  <a:cubicBezTo>
                    <a:pt x="2915222" y="7066217"/>
                    <a:pt x="2991327" y="7184422"/>
                    <a:pt x="3041619" y="7262718"/>
                  </a:cubicBezTo>
                  <a:cubicBezTo>
                    <a:pt x="3054858" y="7283291"/>
                    <a:pt x="3066289" y="7300818"/>
                    <a:pt x="3074099" y="7315010"/>
                  </a:cubicBezTo>
                  <a:lnTo>
                    <a:pt x="3040856" y="7315010"/>
                  </a:lnTo>
                  <a:cubicBezTo>
                    <a:pt x="3034284" y="7304246"/>
                    <a:pt x="3026474" y="7291959"/>
                    <a:pt x="3017615" y="7278243"/>
                  </a:cubicBezTo>
                  <a:cubicBezTo>
                    <a:pt x="2965323" y="7196805"/>
                    <a:pt x="2886266" y="7073741"/>
                    <a:pt x="2890933" y="6979063"/>
                  </a:cubicBezTo>
                  <a:cubicBezTo>
                    <a:pt x="2893981" y="6918770"/>
                    <a:pt x="2878931" y="6890290"/>
                    <a:pt x="2856072" y="6847046"/>
                  </a:cubicBezTo>
                  <a:cubicBezTo>
                    <a:pt x="2828917" y="6797947"/>
                    <a:pt x="2807687" y="6745798"/>
                    <a:pt x="2792826" y="6691694"/>
                  </a:cubicBezTo>
                  <a:cubicBezTo>
                    <a:pt x="2758821" y="6570631"/>
                    <a:pt x="2699100" y="6507385"/>
                    <a:pt x="2646426" y="6451664"/>
                  </a:cubicBezTo>
                  <a:cubicBezTo>
                    <a:pt x="2627760" y="6432674"/>
                    <a:pt x="2610114" y="6412706"/>
                    <a:pt x="2593563" y="6391846"/>
                  </a:cubicBezTo>
                  <a:cubicBezTo>
                    <a:pt x="2536588" y="6318657"/>
                    <a:pt x="2457465" y="6265863"/>
                    <a:pt x="2368011" y="6241351"/>
                  </a:cubicBezTo>
                  <a:cubicBezTo>
                    <a:pt x="2292668" y="6220302"/>
                    <a:pt x="2292478" y="6173915"/>
                    <a:pt x="2292287" y="6124861"/>
                  </a:cubicBezTo>
                  <a:cubicBezTo>
                    <a:pt x="2292764" y="6103049"/>
                    <a:pt x="2291234" y="6081241"/>
                    <a:pt x="2287715" y="6059710"/>
                  </a:cubicBezTo>
                  <a:cubicBezTo>
                    <a:pt x="2282571" y="6031135"/>
                    <a:pt x="2279142" y="6016562"/>
                    <a:pt x="2276666" y="6005513"/>
                  </a:cubicBezTo>
                  <a:cubicBezTo>
                    <a:pt x="2271427" y="5982272"/>
                    <a:pt x="2269427" y="5973604"/>
                    <a:pt x="2262569" y="5900738"/>
                  </a:cubicBezTo>
                  <a:cubicBezTo>
                    <a:pt x="2254092" y="5812346"/>
                    <a:pt x="2272094" y="5053013"/>
                    <a:pt x="2329244" y="4866037"/>
                  </a:cubicBezTo>
                  <a:cubicBezTo>
                    <a:pt x="2383155" y="4691158"/>
                    <a:pt x="2485454" y="4478179"/>
                    <a:pt x="2568607" y="4427887"/>
                  </a:cubicBezTo>
                  <a:cubicBezTo>
                    <a:pt x="2621471" y="4396073"/>
                    <a:pt x="2698433" y="4425696"/>
                    <a:pt x="2772919" y="4454366"/>
                  </a:cubicBezTo>
                  <a:cubicBezTo>
                    <a:pt x="2814638" y="4470464"/>
                    <a:pt x="2853976" y="4485609"/>
                    <a:pt x="2886456" y="4489323"/>
                  </a:cubicBezTo>
                  <a:cubicBezTo>
                    <a:pt x="2909126" y="4491895"/>
                    <a:pt x="2931700" y="4483513"/>
                    <a:pt x="2953608" y="4464368"/>
                  </a:cubicBezTo>
                  <a:cubicBezTo>
                    <a:pt x="2998661" y="4425029"/>
                    <a:pt x="3031141" y="4346544"/>
                    <a:pt x="3032094" y="4300823"/>
                  </a:cubicBezTo>
                  <a:cubicBezTo>
                    <a:pt x="3033286" y="4274492"/>
                    <a:pt x="3036022" y="4248253"/>
                    <a:pt x="3040285" y="4222242"/>
                  </a:cubicBezTo>
                  <a:cubicBezTo>
                    <a:pt x="3046667" y="4177475"/>
                    <a:pt x="3053334" y="4131278"/>
                    <a:pt x="3043904" y="4088892"/>
                  </a:cubicBezTo>
                  <a:cubicBezTo>
                    <a:pt x="3034379" y="4044125"/>
                    <a:pt x="3001899" y="4024598"/>
                    <a:pt x="2967704" y="4003929"/>
                  </a:cubicBezTo>
                  <a:cubicBezTo>
                    <a:pt x="2953502" y="3995661"/>
                    <a:pt x="2939881" y="3986432"/>
                    <a:pt x="2926937" y="3976307"/>
                  </a:cubicBezTo>
                  <a:cubicBezTo>
                    <a:pt x="2890743" y="3946589"/>
                    <a:pt x="2873693" y="3897154"/>
                    <a:pt x="2853976" y="3839909"/>
                  </a:cubicBezTo>
                  <a:cubicBezTo>
                    <a:pt x="2848166" y="3823145"/>
                    <a:pt x="2842260" y="3805904"/>
                    <a:pt x="2834926" y="3787902"/>
                  </a:cubicBezTo>
                  <a:cubicBezTo>
                    <a:pt x="2815876" y="3736277"/>
                    <a:pt x="2791587" y="3721227"/>
                    <a:pt x="2766251" y="3705225"/>
                  </a:cubicBezTo>
                  <a:cubicBezTo>
                    <a:pt x="2754306" y="3698173"/>
                    <a:pt x="2743077" y="3689975"/>
                    <a:pt x="2732723" y="3680746"/>
                  </a:cubicBezTo>
                  <a:cubicBezTo>
                    <a:pt x="2715387" y="3664553"/>
                    <a:pt x="2703672" y="3633788"/>
                    <a:pt x="2690146" y="3598259"/>
                  </a:cubicBezTo>
                  <a:cubicBezTo>
                    <a:pt x="2673572" y="3554730"/>
                    <a:pt x="2654808" y="3505295"/>
                    <a:pt x="2622138" y="3471386"/>
                  </a:cubicBezTo>
                  <a:cubicBezTo>
                    <a:pt x="2559463" y="3406426"/>
                    <a:pt x="2403063" y="3309461"/>
                    <a:pt x="2337055" y="3276029"/>
                  </a:cubicBezTo>
                  <a:cubicBezTo>
                    <a:pt x="2271046" y="3242596"/>
                    <a:pt x="2086833" y="3060097"/>
                    <a:pt x="2036636" y="3005519"/>
                  </a:cubicBezTo>
                  <a:cubicBezTo>
                    <a:pt x="1983581" y="2947321"/>
                    <a:pt x="1742790" y="2779109"/>
                    <a:pt x="1690402" y="2748344"/>
                  </a:cubicBezTo>
                  <a:cubicBezTo>
                    <a:pt x="1638015" y="2717578"/>
                    <a:pt x="1488281" y="2588705"/>
                    <a:pt x="1454849" y="2507076"/>
                  </a:cubicBezTo>
                  <a:cubicBezTo>
                    <a:pt x="1430560" y="2447830"/>
                    <a:pt x="1398175" y="2292572"/>
                    <a:pt x="1376649" y="2189798"/>
                  </a:cubicBezTo>
                  <a:cubicBezTo>
                    <a:pt x="1369886" y="2157032"/>
                    <a:pt x="1363980" y="2128647"/>
                    <a:pt x="1359789" y="2110740"/>
                  </a:cubicBezTo>
                  <a:cubicBezTo>
                    <a:pt x="1343120" y="2038064"/>
                    <a:pt x="1257395" y="1733264"/>
                    <a:pt x="1227582" y="1663065"/>
                  </a:cubicBezTo>
                  <a:cubicBezTo>
                    <a:pt x="1209675" y="1621155"/>
                    <a:pt x="1160240" y="1588675"/>
                    <a:pt x="1112425" y="1557147"/>
                  </a:cubicBezTo>
                  <a:cubicBezTo>
                    <a:pt x="1086781" y="1541287"/>
                    <a:pt x="1062389" y="1523487"/>
                    <a:pt x="1039464" y="1503902"/>
                  </a:cubicBezTo>
                  <a:cubicBezTo>
                    <a:pt x="1013746" y="1480280"/>
                    <a:pt x="987171" y="1443228"/>
                    <a:pt x="959072" y="1404080"/>
                  </a:cubicBezTo>
                  <a:cubicBezTo>
                    <a:pt x="924592" y="1355884"/>
                    <a:pt x="888968" y="1306163"/>
                    <a:pt x="853154" y="1278922"/>
                  </a:cubicBezTo>
                  <a:cubicBezTo>
                    <a:pt x="783813" y="1226153"/>
                    <a:pt x="639128" y="1031272"/>
                    <a:pt x="603790" y="976979"/>
                  </a:cubicBezTo>
                  <a:cubicBezTo>
                    <a:pt x="585502" y="948404"/>
                    <a:pt x="581025" y="918115"/>
                    <a:pt x="575786" y="882777"/>
                  </a:cubicBezTo>
                  <a:cubicBezTo>
                    <a:pt x="570479" y="837496"/>
                    <a:pt x="558840" y="793185"/>
                    <a:pt x="541211" y="751142"/>
                  </a:cubicBezTo>
                  <a:cubicBezTo>
                    <a:pt x="516065" y="692563"/>
                    <a:pt x="470059" y="661416"/>
                    <a:pt x="425672" y="631317"/>
                  </a:cubicBezTo>
                  <a:cubicBezTo>
                    <a:pt x="393097" y="609314"/>
                    <a:pt x="358997" y="586550"/>
                    <a:pt x="335471" y="553688"/>
                  </a:cubicBezTo>
                  <a:cubicBezTo>
                    <a:pt x="305171" y="510199"/>
                    <a:pt x="279956" y="463379"/>
                    <a:pt x="260318" y="414147"/>
                  </a:cubicBezTo>
                  <a:cubicBezTo>
                    <a:pt x="249079" y="388334"/>
                    <a:pt x="237363" y="361664"/>
                    <a:pt x="222885" y="334613"/>
                  </a:cubicBezTo>
                  <a:cubicBezTo>
                    <a:pt x="196025" y="284702"/>
                    <a:pt x="156782" y="260890"/>
                    <a:pt x="118872" y="237744"/>
                  </a:cubicBezTo>
                  <a:cubicBezTo>
                    <a:pt x="102823" y="228422"/>
                    <a:pt x="87306" y="218214"/>
                    <a:pt x="72390" y="207169"/>
                  </a:cubicBezTo>
                  <a:cubicBezTo>
                    <a:pt x="36005" y="179356"/>
                    <a:pt x="12478" y="73819"/>
                    <a:pt x="0" y="0"/>
                  </a:cubicBezTo>
                  <a:lnTo>
                    <a:pt x="28575" y="0"/>
                  </a:lnTo>
                  <a:cubicBezTo>
                    <a:pt x="41053" y="70009"/>
                    <a:pt x="62770" y="164211"/>
                    <a:pt x="89726" y="184880"/>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2" name="Freeform: Shape 154">
              <a:extLst>
                <a:ext uri="{FF2B5EF4-FFF2-40B4-BE49-F238E27FC236}">
                  <a16:creationId xmlns:a16="http://schemas.microsoft.com/office/drawing/2014/main" id="{F767B945-EF0F-734F-ABAD-C85F41D11D95}"/>
                </a:ext>
              </a:extLst>
            </p:cNvPr>
            <p:cNvSpPr/>
            <p:nvPr/>
          </p:nvSpPr>
          <p:spPr>
            <a:xfrm>
              <a:off x="4746543" y="-1668332"/>
              <a:ext cx="4636877" cy="8869216"/>
            </a:xfrm>
            <a:custGeom>
              <a:avLst/>
              <a:gdLst>
                <a:gd name="connsiteX0" fmla="*/ 66380 w 3797855"/>
                <a:gd name="connsiteY0" fmla="*/ 454247 h 7315200"/>
                <a:gd name="connsiteX1" fmla="*/ 131817 w 3797855"/>
                <a:gd name="connsiteY1" fmla="*/ 502920 h 7315200"/>
                <a:gd name="connsiteX2" fmla="*/ 240402 w 3797855"/>
                <a:gd name="connsiteY2" fmla="*/ 638175 h 7315200"/>
                <a:gd name="connsiteX3" fmla="*/ 367180 w 3797855"/>
                <a:gd name="connsiteY3" fmla="*/ 767429 h 7315200"/>
                <a:gd name="connsiteX4" fmla="*/ 368989 w 3797855"/>
                <a:gd name="connsiteY4" fmla="*/ 768001 h 7315200"/>
                <a:gd name="connsiteX5" fmla="*/ 447475 w 3797855"/>
                <a:gd name="connsiteY5" fmla="*/ 822293 h 7315200"/>
                <a:gd name="connsiteX6" fmla="*/ 535296 w 3797855"/>
                <a:gd name="connsiteY6" fmla="*/ 865442 h 7315200"/>
                <a:gd name="connsiteX7" fmla="*/ 681219 w 3797855"/>
                <a:gd name="connsiteY7" fmla="*/ 971931 h 7315200"/>
                <a:gd name="connsiteX8" fmla="*/ 758657 w 3797855"/>
                <a:gd name="connsiteY8" fmla="*/ 1055084 h 7315200"/>
                <a:gd name="connsiteX9" fmla="*/ 904866 w 3797855"/>
                <a:gd name="connsiteY9" fmla="*/ 1269968 h 7315200"/>
                <a:gd name="connsiteX10" fmla="*/ 974494 w 3797855"/>
                <a:gd name="connsiteY10" fmla="*/ 1395698 h 7315200"/>
                <a:gd name="connsiteX11" fmla="*/ 1036311 w 3797855"/>
                <a:gd name="connsiteY11" fmla="*/ 1670114 h 7315200"/>
                <a:gd name="connsiteX12" fmla="*/ 1042979 w 3797855"/>
                <a:gd name="connsiteY12" fmla="*/ 1744028 h 7315200"/>
                <a:gd name="connsiteX13" fmla="*/ 1068601 w 3797855"/>
                <a:gd name="connsiteY13" fmla="*/ 1889474 h 7315200"/>
                <a:gd name="connsiteX14" fmla="*/ 1121750 w 3797855"/>
                <a:gd name="connsiteY14" fmla="*/ 2023396 h 7315200"/>
                <a:gd name="connsiteX15" fmla="*/ 1168423 w 3797855"/>
                <a:gd name="connsiteY15" fmla="*/ 2087118 h 7315200"/>
                <a:gd name="connsiteX16" fmla="*/ 1252719 w 3797855"/>
                <a:gd name="connsiteY16" fmla="*/ 2254758 h 7315200"/>
                <a:gd name="connsiteX17" fmla="*/ 1317680 w 3797855"/>
                <a:gd name="connsiteY17" fmla="*/ 2307908 h 7315200"/>
                <a:gd name="connsiteX18" fmla="*/ 1399214 w 3797855"/>
                <a:gd name="connsiteY18" fmla="*/ 2386394 h 7315200"/>
                <a:gd name="connsiteX19" fmla="*/ 1600763 w 3797855"/>
                <a:gd name="connsiteY19" fmla="*/ 2587943 h 7315200"/>
                <a:gd name="connsiteX20" fmla="*/ 1980429 w 3797855"/>
                <a:gd name="connsiteY20" fmla="*/ 2901791 h 7315200"/>
                <a:gd name="connsiteX21" fmla="*/ 2318471 w 3797855"/>
                <a:gd name="connsiteY21" fmla="*/ 3071051 h 7315200"/>
                <a:gd name="connsiteX22" fmla="*/ 2529069 w 3797855"/>
                <a:gd name="connsiteY22" fmla="*/ 3170968 h 7315200"/>
                <a:gd name="connsiteX23" fmla="*/ 2665467 w 3797855"/>
                <a:gd name="connsiteY23" fmla="*/ 3215735 h 7315200"/>
                <a:gd name="connsiteX24" fmla="*/ 2826535 w 3797855"/>
                <a:gd name="connsiteY24" fmla="*/ 3285839 h 7315200"/>
                <a:gd name="connsiteX25" fmla="*/ 3018940 w 3797855"/>
                <a:gd name="connsiteY25" fmla="*/ 3431953 h 7315200"/>
                <a:gd name="connsiteX26" fmla="*/ 3361269 w 3797855"/>
                <a:gd name="connsiteY26" fmla="*/ 3419761 h 7315200"/>
                <a:gd name="connsiteX27" fmla="*/ 3644923 w 3797855"/>
                <a:gd name="connsiteY27" fmla="*/ 3368421 h 7315200"/>
                <a:gd name="connsiteX28" fmla="*/ 3659020 w 3797855"/>
                <a:gd name="connsiteY28" fmla="*/ 3369088 h 7315200"/>
                <a:gd name="connsiteX29" fmla="*/ 3751317 w 3797855"/>
                <a:gd name="connsiteY29" fmla="*/ 3410712 h 7315200"/>
                <a:gd name="connsiteX30" fmla="*/ 3794085 w 3797855"/>
                <a:gd name="connsiteY30" fmla="*/ 3659315 h 7315200"/>
                <a:gd name="connsiteX31" fmla="*/ 3457280 w 3797855"/>
                <a:gd name="connsiteY31" fmla="*/ 4052697 h 7315200"/>
                <a:gd name="connsiteX32" fmla="*/ 3111809 w 3797855"/>
                <a:gd name="connsiteY32" fmla="*/ 4656297 h 7315200"/>
                <a:gd name="connsiteX33" fmla="*/ 3067517 w 3797855"/>
                <a:gd name="connsiteY33" fmla="*/ 4749451 h 7315200"/>
                <a:gd name="connsiteX34" fmla="*/ 2911212 w 3797855"/>
                <a:gd name="connsiteY34" fmla="*/ 4922902 h 7315200"/>
                <a:gd name="connsiteX35" fmla="*/ 2699757 w 3797855"/>
                <a:gd name="connsiteY35" fmla="*/ 5087875 h 7315200"/>
                <a:gd name="connsiteX36" fmla="*/ 2645751 w 3797855"/>
                <a:gd name="connsiteY36" fmla="*/ 5133975 h 7315200"/>
                <a:gd name="connsiteX37" fmla="*/ 2575551 w 3797855"/>
                <a:gd name="connsiteY37" fmla="*/ 5195221 h 7315200"/>
                <a:gd name="connsiteX38" fmla="*/ 2498303 w 3797855"/>
                <a:gd name="connsiteY38" fmla="*/ 5360575 h 7315200"/>
                <a:gd name="connsiteX39" fmla="*/ 2472014 w 3797855"/>
                <a:gd name="connsiteY39" fmla="*/ 5442204 h 7315200"/>
                <a:gd name="connsiteX40" fmla="*/ 2456584 w 3797855"/>
                <a:gd name="connsiteY40" fmla="*/ 5736051 h 7315200"/>
                <a:gd name="connsiteX41" fmla="*/ 2567264 w 3797855"/>
                <a:gd name="connsiteY41" fmla="*/ 6363176 h 7315200"/>
                <a:gd name="connsiteX42" fmla="*/ 2654418 w 3797855"/>
                <a:gd name="connsiteY42" fmla="*/ 6624447 h 7315200"/>
                <a:gd name="connsiteX43" fmla="*/ 2702043 w 3797855"/>
                <a:gd name="connsiteY43" fmla="*/ 6727031 h 7315200"/>
                <a:gd name="connsiteX44" fmla="*/ 2761955 w 3797855"/>
                <a:gd name="connsiteY44" fmla="*/ 6867335 h 7315200"/>
                <a:gd name="connsiteX45" fmla="*/ 2870160 w 3797855"/>
                <a:gd name="connsiteY45" fmla="*/ 7146894 h 7315200"/>
                <a:gd name="connsiteX46" fmla="*/ 2920452 w 3797855"/>
                <a:gd name="connsiteY46" fmla="*/ 7315200 h 7315200"/>
                <a:gd name="connsiteX47" fmla="*/ 2889400 w 3797855"/>
                <a:gd name="connsiteY47" fmla="*/ 7315200 h 7315200"/>
                <a:gd name="connsiteX48" fmla="*/ 2841775 w 3797855"/>
                <a:gd name="connsiteY48" fmla="*/ 7151752 h 7315200"/>
                <a:gd name="connsiteX49" fmla="*/ 2735667 w 3797855"/>
                <a:gd name="connsiteY49" fmla="*/ 6878860 h 7315200"/>
                <a:gd name="connsiteX50" fmla="*/ 2675278 w 3797855"/>
                <a:gd name="connsiteY50" fmla="*/ 6737414 h 7315200"/>
                <a:gd name="connsiteX51" fmla="*/ 2628891 w 3797855"/>
                <a:gd name="connsiteY51" fmla="*/ 6637211 h 7315200"/>
                <a:gd name="connsiteX52" fmla="*/ 2538784 w 3797855"/>
                <a:gd name="connsiteY52" fmla="*/ 6365177 h 7315200"/>
                <a:gd name="connsiteX53" fmla="*/ 2429152 w 3797855"/>
                <a:gd name="connsiteY53" fmla="*/ 5743671 h 7315200"/>
                <a:gd name="connsiteX54" fmla="*/ 2445154 w 3797855"/>
                <a:gd name="connsiteY54" fmla="*/ 5432965 h 7315200"/>
                <a:gd name="connsiteX55" fmla="*/ 2471157 w 3797855"/>
                <a:gd name="connsiteY55" fmla="*/ 5352098 h 7315200"/>
                <a:gd name="connsiteX56" fmla="*/ 2556025 w 3797855"/>
                <a:gd name="connsiteY56" fmla="*/ 5174456 h 7315200"/>
                <a:gd name="connsiteX57" fmla="*/ 2627653 w 3797855"/>
                <a:gd name="connsiteY57" fmla="*/ 5111877 h 7315200"/>
                <a:gd name="connsiteX58" fmla="*/ 2680802 w 3797855"/>
                <a:gd name="connsiteY58" fmla="*/ 5066538 h 7315200"/>
                <a:gd name="connsiteX59" fmla="*/ 2895496 w 3797855"/>
                <a:gd name="connsiteY59" fmla="*/ 4899184 h 7315200"/>
                <a:gd name="connsiteX60" fmla="*/ 3042371 w 3797855"/>
                <a:gd name="connsiteY60" fmla="*/ 4735925 h 7315200"/>
                <a:gd name="connsiteX61" fmla="*/ 3085996 w 3797855"/>
                <a:gd name="connsiteY61" fmla="*/ 4644295 h 7315200"/>
                <a:gd name="connsiteX62" fmla="*/ 3439088 w 3797855"/>
                <a:gd name="connsiteY62" fmla="*/ 4030790 h 7315200"/>
                <a:gd name="connsiteX63" fmla="*/ 3765700 w 3797855"/>
                <a:gd name="connsiteY63" fmla="*/ 3657029 h 7315200"/>
                <a:gd name="connsiteX64" fmla="*/ 3729981 w 3797855"/>
                <a:gd name="connsiteY64" fmla="*/ 3429572 h 7315200"/>
                <a:gd name="connsiteX65" fmla="*/ 3657781 w 3797855"/>
                <a:gd name="connsiteY65" fmla="*/ 3397568 h 7315200"/>
                <a:gd name="connsiteX66" fmla="*/ 3643684 w 3797855"/>
                <a:gd name="connsiteY66" fmla="*/ 3396901 h 7315200"/>
                <a:gd name="connsiteX67" fmla="*/ 3374985 w 3797855"/>
                <a:gd name="connsiteY67" fmla="*/ 3444526 h 7315200"/>
                <a:gd name="connsiteX68" fmla="*/ 3008081 w 3797855"/>
                <a:gd name="connsiteY68" fmla="*/ 3457956 h 7315200"/>
                <a:gd name="connsiteX69" fmla="*/ 2802913 w 3797855"/>
                <a:gd name="connsiteY69" fmla="*/ 3301460 h 7315200"/>
                <a:gd name="connsiteX70" fmla="*/ 2659181 w 3797855"/>
                <a:gd name="connsiteY70" fmla="*/ 3243167 h 7315200"/>
                <a:gd name="connsiteX71" fmla="*/ 2514020 w 3797855"/>
                <a:gd name="connsiteY71" fmla="*/ 3194780 h 7315200"/>
                <a:gd name="connsiteX72" fmla="*/ 2306946 w 3797855"/>
                <a:gd name="connsiteY72" fmla="*/ 3096863 h 7315200"/>
                <a:gd name="connsiteX73" fmla="*/ 1961570 w 3797855"/>
                <a:gd name="connsiteY73" fmla="*/ 2922746 h 7315200"/>
                <a:gd name="connsiteX74" fmla="*/ 1583332 w 3797855"/>
                <a:gd name="connsiteY74" fmla="*/ 2610136 h 7315200"/>
                <a:gd name="connsiteX75" fmla="*/ 1375973 w 3797855"/>
                <a:gd name="connsiteY75" fmla="*/ 2402586 h 7315200"/>
                <a:gd name="connsiteX76" fmla="*/ 1301868 w 3797855"/>
                <a:gd name="connsiteY76" fmla="*/ 2331339 h 7315200"/>
                <a:gd name="connsiteX77" fmla="*/ 1232240 w 3797855"/>
                <a:gd name="connsiteY77" fmla="*/ 2274189 h 7315200"/>
                <a:gd name="connsiteX78" fmla="*/ 1140514 w 3797855"/>
                <a:gd name="connsiteY78" fmla="*/ 2092452 h 7315200"/>
                <a:gd name="connsiteX79" fmla="*/ 1106129 w 3797855"/>
                <a:gd name="connsiteY79" fmla="*/ 2046923 h 7315200"/>
                <a:gd name="connsiteX80" fmla="*/ 1040216 w 3797855"/>
                <a:gd name="connsiteY80" fmla="*/ 1889570 h 7315200"/>
                <a:gd name="connsiteX81" fmla="*/ 1017356 w 3797855"/>
                <a:gd name="connsiteY81" fmla="*/ 1756220 h 7315200"/>
                <a:gd name="connsiteX82" fmla="*/ 1007831 w 3797855"/>
                <a:gd name="connsiteY82" fmla="*/ 1665637 h 7315200"/>
                <a:gd name="connsiteX83" fmla="*/ 950681 w 3797855"/>
                <a:gd name="connsiteY83" fmla="*/ 1411605 h 7315200"/>
                <a:gd name="connsiteX84" fmla="*/ 878863 w 3797855"/>
                <a:gd name="connsiteY84" fmla="*/ 1282351 h 7315200"/>
                <a:gd name="connsiteX85" fmla="*/ 743226 w 3797855"/>
                <a:gd name="connsiteY85" fmla="*/ 1078992 h 7315200"/>
                <a:gd name="connsiteX86" fmla="*/ 657501 w 3797855"/>
                <a:gd name="connsiteY86" fmla="*/ 988409 h 7315200"/>
                <a:gd name="connsiteX87" fmla="*/ 534629 w 3797855"/>
                <a:gd name="connsiteY87" fmla="*/ 893159 h 7315200"/>
                <a:gd name="connsiteX88" fmla="*/ 425473 w 3797855"/>
                <a:gd name="connsiteY88" fmla="*/ 840391 h 7315200"/>
                <a:gd name="connsiteX89" fmla="*/ 360607 w 3797855"/>
                <a:gd name="connsiteY89" fmla="*/ 794671 h 7315200"/>
                <a:gd name="connsiteX90" fmla="*/ 358702 w 3797855"/>
                <a:gd name="connsiteY90" fmla="*/ 794099 h 7315200"/>
                <a:gd name="connsiteX91" fmla="*/ 212398 w 3797855"/>
                <a:gd name="connsiteY91" fmla="*/ 644081 h 7315200"/>
                <a:gd name="connsiteX92" fmla="*/ 117148 w 3797855"/>
                <a:gd name="connsiteY92" fmla="*/ 527114 h 7315200"/>
                <a:gd name="connsiteX93" fmla="*/ 46473 w 3797855"/>
                <a:gd name="connsiteY93" fmla="*/ 474250 h 7315200"/>
                <a:gd name="connsiteX94" fmla="*/ 1705 w 3797855"/>
                <a:gd name="connsiteY94" fmla="*/ 0 h 7315200"/>
                <a:gd name="connsiteX95" fmla="*/ 30280 w 3797855"/>
                <a:gd name="connsiteY95" fmla="*/ 0 h 7315200"/>
                <a:gd name="connsiteX96" fmla="*/ 66380 w 3797855"/>
                <a:gd name="connsiteY96" fmla="*/ 454247 h 7315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797855" h="7315200">
                  <a:moveTo>
                    <a:pt x="66380" y="454247"/>
                  </a:moveTo>
                  <a:cubicBezTo>
                    <a:pt x="86190" y="473002"/>
                    <a:pt x="108156" y="489341"/>
                    <a:pt x="131817" y="502920"/>
                  </a:cubicBezTo>
                  <a:cubicBezTo>
                    <a:pt x="177156" y="531495"/>
                    <a:pt x="224019" y="560070"/>
                    <a:pt x="240402" y="638175"/>
                  </a:cubicBezTo>
                  <a:cubicBezTo>
                    <a:pt x="261357" y="737521"/>
                    <a:pt x="285836" y="744474"/>
                    <a:pt x="367180" y="767429"/>
                  </a:cubicBezTo>
                  <a:lnTo>
                    <a:pt x="368989" y="768001"/>
                  </a:lnTo>
                  <a:cubicBezTo>
                    <a:pt x="409566" y="779431"/>
                    <a:pt x="429759" y="802196"/>
                    <a:pt x="447475" y="822293"/>
                  </a:cubicBezTo>
                  <a:cubicBezTo>
                    <a:pt x="468907" y="846392"/>
                    <a:pt x="485575" y="865442"/>
                    <a:pt x="535296" y="865442"/>
                  </a:cubicBezTo>
                  <a:cubicBezTo>
                    <a:pt x="602733" y="865442"/>
                    <a:pt x="642642" y="919639"/>
                    <a:pt x="681219" y="971931"/>
                  </a:cubicBezTo>
                  <a:cubicBezTo>
                    <a:pt x="704746" y="1003935"/>
                    <a:pt x="728844" y="1036987"/>
                    <a:pt x="758657" y="1055084"/>
                  </a:cubicBezTo>
                  <a:cubicBezTo>
                    <a:pt x="813236" y="1088422"/>
                    <a:pt x="859813" y="1180719"/>
                    <a:pt x="904866" y="1269968"/>
                  </a:cubicBezTo>
                  <a:cubicBezTo>
                    <a:pt x="925314" y="1313349"/>
                    <a:pt x="948572" y="1355349"/>
                    <a:pt x="974494" y="1395698"/>
                  </a:cubicBezTo>
                  <a:cubicBezTo>
                    <a:pt x="1036882" y="1484281"/>
                    <a:pt x="1052408" y="1553528"/>
                    <a:pt x="1036311" y="1670114"/>
                  </a:cubicBezTo>
                  <a:cubicBezTo>
                    <a:pt x="1029834" y="1717262"/>
                    <a:pt x="1034787" y="1727264"/>
                    <a:pt x="1042979" y="1744028"/>
                  </a:cubicBezTo>
                  <a:cubicBezTo>
                    <a:pt x="1053170" y="1764887"/>
                    <a:pt x="1067077" y="1793272"/>
                    <a:pt x="1068601" y="1889474"/>
                  </a:cubicBezTo>
                  <a:cubicBezTo>
                    <a:pt x="1070220" y="1989677"/>
                    <a:pt x="1096414" y="2006822"/>
                    <a:pt x="1121750" y="2023396"/>
                  </a:cubicBezTo>
                  <a:cubicBezTo>
                    <a:pt x="1139943" y="2035302"/>
                    <a:pt x="1160517" y="2048828"/>
                    <a:pt x="1168423" y="2087118"/>
                  </a:cubicBezTo>
                  <a:cubicBezTo>
                    <a:pt x="1185473" y="2169700"/>
                    <a:pt x="1191854" y="2191893"/>
                    <a:pt x="1252719" y="2254758"/>
                  </a:cubicBezTo>
                  <a:cubicBezTo>
                    <a:pt x="1272093" y="2275091"/>
                    <a:pt x="1293913" y="2292944"/>
                    <a:pt x="1317680" y="2307908"/>
                  </a:cubicBezTo>
                  <a:cubicBezTo>
                    <a:pt x="1350143" y="2327957"/>
                    <a:pt x="1377943" y="2354717"/>
                    <a:pt x="1399214" y="2386394"/>
                  </a:cubicBezTo>
                  <a:cubicBezTo>
                    <a:pt x="1457983" y="2469452"/>
                    <a:pt x="1541327" y="2541841"/>
                    <a:pt x="1600763" y="2587943"/>
                  </a:cubicBezTo>
                  <a:cubicBezTo>
                    <a:pt x="1675629" y="2645855"/>
                    <a:pt x="1907468" y="2836926"/>
                    <a:pt x="1980429" y="2901791"/>
                  </a:cubicBezTo>
                  <a:cubicBezTo>
                    <a:pt x="2023291" y="2939891"/>
                    <a:pt x="2186931" y="3012567"/>
                    <a:pt x="2318471" y="3071051"/>
                  </a:cubicBezTo>
                  <a:cubicBezTo>
                    <a:pt x="2413721" y="3113341"/>
                    <a:pt x="2495446" y="3149822"/>
                    <a:pt x="2529069" y="3170968"/>
                  </a:cubicBezTo>
                  <a:cubicBezTo>
                    <a:pt x="2562692" y="3192113"/>
                    <a:pt x="2614794" y="3204115"/>
                    <a:pt x="2665467" y="3215735"/>
                  </a:cubicBezTo>
                  <a:cubicBezTo>
                    <a:pt x="2734714" y="3231547"/>
                    <a:pt x="2800150" y="3246596"/>
                    <a:pt x="2826535" y="3285839"/>
                  </a:cubicBezTo>
                  <a:cubicBezTo>
                    <a:pt x="2866254" y="3344990"/>
                    <a:pt x="2934548" y="3396901"/>
                    <a:pt x="3018940" y="3431953"/>
                  </a:cubicBezTo>
                  <a:cubicBezTo>
                    <a:pt x="3107903" y="3468910"/>
                    <a:pt x="3260303" y="3474434"/>
                    <a:pt x="3361269" y="3419761"/>
                  </a:cubicBezTo>
                  <a:cubicBezTo>
                    <a:pt x="3470996" y="3360325"/>
                    <a:pt x="3514811" y="3362611"/>
                    <a:pt x="3644923" y="3368421"/>
                  </a:cubicBezTo>
                  <a:lnTo>
                    <a:pt x="3659020" y="3369088"/>
                  </a:lnTo>
                  <a:cubicBezTo>
                    <a:pt x="3694270" y="3369367"/>
                    <a:pt x="3727772" y="3384476"/>
                    <a:pt x="3751317" y="3410712"/>
                  </a:cubicBezTo>
                  <a:cubicBezTo>
                    <a:pt x="3808467" y="3475387"/>
                    <a:pt x="3798942" y="3599593"/>
                    <a:pt x="3794085" y="3659315"/>
                  </a:cubicBezTo>
                  <a:cubicBezTo>
                    <a:pt x="3786083" y="3762661"/>
                    <a:pt x="3579677" y="3950113"/>
                    <a:pt x="3457280" y="4052697"/>
                  </a:cubicBezTo>
                  <a:cubicBezTo>
                    <a:pt x="3350315" y="4142328"/>
                    <a:pt x="3189247" y="4489514"/>
                    <a:pt x="3111809" y="4656297"/>
                  </a:cubicBezTo>
                  <a:cubicBezTo>
                    <a:pt x="3090949" y="4701350"/>
                    <a:pt x="3075804" y="4733925"/>
                    <a:pt x="3067517" y="4749451"/>
                  </a:cubicBezTo>
                  <a:cubicBezTo>
                    <a:pt x="3029208" y="4818348"/>
                    <a:pt x="2975765" y="4877654"/>
                    <a:pt x="2911212" y="4922902"/>
                  </a:cubicBezTo>
                  <a:cubicBezTo>
                    <a:pt x="2837873" y="4974133"/>
                    <a:pt x="2767290" y="5029200"/>
                    <a:pt x="2699757" y="5087875"/>
                  </a:cubicBezTo>
                  <a:cubicBezTo>
                    <a:pt x="2678135" y="5106924"/>
                    <a:pt x="2661657" y="5120831"/>
                    <a:pt x="2645751" y="5133975"/>
                  </a:cubicBezTo>
                  <a:cubicBezTo>
                    <a:pt x="2624700" y="5151215"/>
                    <a:pt x="2604888" y="5167599"/>
                    <a:pt x="2575551" y="5195221"/>
                  </a:cubicBezTo>
                  <a:cubicBezTo>
                    <a:pt x="2538975" y="5229797"/>
                    <a:pt x="2521926" y="5284661"/>
                    <a:pt x="2498303" y="5360575"/>
                  </a:cubicBezTo>
                  <a:cubicBezTo>
                    <a:pt x="2490779" y="5384959"/>
                    <a:pt x="2482111" y="5412677"/>
                    <a:pt x="2472014" y="5442204"/>
                  </a:cubicBezTo>
                  <a:cubicBezTo>
                    <a:pt x="2430009" y="5565362"/>
                    <a:pt x="2426676" y="5628513"/>
                    <a:pt x="2456584" y="5736051"/>
                  </a:cubicBezTo>
                  <a:cubicBezTo>
                    <a:pt x="2488017" y="5848826"/>
                    <a:pt x="2557168" y="6215158"/>
                    <a:pt x="2567264" y="6363176"/>
                  </a:cubicBezTo>
                  <a:cubicBezTo>
                    <a:pt x="2574027" y="6462808"/>
                    <a:pt x="2614889" y="6545009"/>
                    <a:pt x="2654418" y="6624447"/>
                  </a:cubicBezTo>
                  <a:cubicBezTo>
                    <a:pt x="2671944" y="6659690"/>
                    <a:pt x="2688518" y="6693027"/>
                    <a:pt x="2702043" y="6727031"/>
                  </a:cubicBezTo>
                  <a:cubicBezTo>
                    <a:pt x="2716426" y="6763989"/>
                    <a:pt x="2738524" y="6814185"/>
                    <a:pt x="2761955" y="6867335"/>
                  </a:cubicBezTo>
                  <a:cubicBezTo>
                    <a:pt x="2808152" y="6972110"/>
                    <a:pt x="2860635" y="7091172"/>
                    <a:pt x="2870160" y="7146894"/>
                  </a:cubicBezTo>
                  <a:cubicBezTo>
                    <a:pt x="2881043" y="7204588"/>
                    <a:pt x="2897898" y="7260994"/>
                    <a:pt x="2920452" y="7315200"/>
                  </a:cubicBezTo>
                  <a:lnTo>
                    <a:pt x="2889400" y="7315200"/>
                  </a:lnTo>
                  <a:cubicBezTo>
                    <a:pt x="2868179" y="7262419"/>
                    <a:pt x="2852227" y="7207670"/>
                    <a:pt x="2841775" y="7151752"/>
                  </a:cubicBezTo>
                  <a:cubicBezTo>
                    <a:pt x="2832821" y="7099459"/>
                    <a:pt x="2781196" y="6982301"/>
                    <a:pt x="2735667" y="6878860"/>
                  </a:cubicBezTo>
                  <a:cubicBezTo>
                    <a:pt x="2712044" y="6825425"/>
                    <a:pt x="2689851" y="6774943"/>
                    <a:pt x="2675278" y="6737414"/>
                  </a:cubicBezTo>
                  <a:cubicBezTo>
                    <a:pt x="2662514" y="6704648"/>
                    <a:pt x="2646131" y="6671882"/>
                    <a:pt x="2628891" y="6637211"/>
                  </a:cubicBezTo>
                  <a:cubicBezTo>
                    <a:pt x="2590029" y="6559010"/>
                    <a:pt x="2546024" y="6470428"/>
                    <a:pt x="2538784" y="6365177"/>
                  </a:cubicBezTo>
                  <a:cubicBezTo>
                    <a:pt x="2528783" y="6218587"/>
                    <a:pt x="2460394" y="5855494"/>
                    <a:pt x="2429152" y="5743671"/>
                  </a:cubicBezTo>
                  <a:cubicBezTo>
                    <a:pt x="2397910" y="5631847"/>
                    <a:pt x="2401339" y="5561171"/>
                    <a:pt x="2445154" y="5432965"/>
                  </a:cubicBezTo>
                  <a:cubicBezTo>
                    <a:pt x="2454679" y="5403819"/>
                    <a:pt x="2463632" y="5376291"/>
                    <a:pt x="2471157" y="5352098"/>
                  </a:cubicBezTo>
                  <a:cubicBezTo>
                    <a:pt x="2496017" y="5271992"/>
                    <a:pt x="2514020" y="5214176"/>
                    <a:pt x="2556025" y="5174456"/>
                  </a:cubicBezTo>
                  <a:cubicBezTo>
                    <a:pt x="2586124" y="5145881"/>
                    <a:pt x="2606317" y="5129499"/>
                    <a:pt x="2627653" y="5111877"/>
                  </a:cubicBezTo>
                  <a:cubicBezTo>
                    <a:pt x="2643369" y="5098923"/>
                    <a:pt x="2659561" y="5085588"/>
                    <a:pt x="2680802" y="5066538"/>
                  </a:cubicBezTo>
                  <a:cubicBezTo>
                    <a:pt x="2749362" y="5007002"/>
                    <a:pt x="2821027" y="4951139"/>
                    <a:pt x="2895496" y="4899184"/>
                  </a:cubicBezTo>
                  <a:cubicBezTo>
                    <a:pt x="2956150" y="4856548"/>
                    <a:pt x="3006363" y="4800734"/>
                    <a:pt x="3042371" y="4735925"/>
                  </a:cubicBezTo>
                  <a:cubicBezTo>
                    <a:pt x="3050277" y="4721162"/>
                    <a:pt x="3066088" y="4687253"/>
                    <a:pt x="3085996" y="4644295"/>
                  </a:cubicBezTo>
                  <a:cubicBezTo>
                    <a:pt x="3170292" y="4462653"/>
                    <a:pt x="3327169" y="4124516"/>
                    <a:pt x="3439088" y="4030790"/>
                  </a:cubicBezTo>
                  <a:cubicBezTo>
                    <a:pt x="3638350" y="3863626"/>
                    <a:pt x="3760556" y="3723989"/>
                    <a:pt x="3765700" y="3657029"/>
                  </a:cubicBezTo>
                  <a:cubicBezTo>
                    <a:pt x="3770081" y="3601307"/>
                    <a:pt x="3779130" y="3485579"/>
                    <a:pt x="3729981" y="3429572"/>
                  </a:cubicBezTo>
                  <a:cubicBezTo>
                    <a:pt x="3711553" y="3409132"/>
                    <a:pt x="3685302" y="3397496"/>
                    <a:pt x="3657781" y="3397568"/>
                  </a:cubicBezTo>
                  <a:lnTo>
                    <a:pt x="3643684" y="3396901"/>
                  </a:lnTo>
                  <a:cubicBezTo>
                    <a:pt x="3516240" y="3390995"/>
                    <a:pt x="3477759" y="3389186"/>
                    <a:pt x="3374985" y="3444526"/>
                  </a:cubicBezTo>
                  <a:cubicBezTo>
                    <a:pt x="3262494" y="3505486"/>
                    <a:pt x="3101998" y="3496913"/>
                    <a:pt x="3008081" y="3457956"/>
                  </a:cubicBezTo>
                  <a:cubicBezTo>
                    <a:pt x="2918546" y="3420713"/>
                    <a:pt x="2846156" y="3365183"/>
                    <a:pt x="2802913" y="3301460"/>
                  </a:cubicBezTo>
                  <a:cubicBezTo>
                    <a:pt x="2782815" y="3271552"/>
                    <a:pt x="2719950" y="3257169"/>
                    <a:pt x="2659181" y="3243167"/>
                  </a:cubicBezTo>
                  <a:cubicBezTo>
                    <a:pt x="2606507" y="3231071"/>
                    <a:pt x="2551929" y="3218593"/>
                    <a:pt x="2514020" y="3194780"/>
                  </a:cubicBezTo>
                  <a:cubicBezTo>
                    <a:pt x="2482111" y="3174778"/>
                    <a:pt x="2397052" y="3136868"/>
                    <a:pt x="2306946" y="3096863"/>
                  </a:cubicBezTo>
                  <a:cubicBezTo>
                    <a:pt x="2166643" y="3034474"/>
                    <a:pt x="2007670" y="2963513"/>
                    <a:pt x="1961570" y="2922746"/>
                  </a:cubicBezTo>
                  <a:cubicBezTo>
                    <a:pt x="1888894" y="2858167"/>
                    <a:pt x="1657913" y="2667857"/>
                    <a:pt x="1583332" y="2610136"/>
                  </a:cubicBezTo>
                  <a:cubicBezTo>
                    <a:pt x="1522372" y="2562511"/>
                    <a:pt x="1436837" y="2488502"/>
                    <a:pt x="1375973" y="2402586"/>
                  </a:cubicBezTo>
                  <a:cubicBezTo>
                    <a:pt x="1356787" y="2373697"/>
                    <a:pt x="1331489" y="2349375"/>
                    <a:pt x="1301868" y="2331339"/>
                  </a:cubicBezTo>
                  <a:cubicBezTo>
                    <a:pt x="1276456" y="2315144"/>
                    <a:pt x="1253079" y="2295957"/>
                    <a:pt x="1232240" y="2274189"/>
                  </a:cubicBezTo>
                  <a:cubicBezTo>
                    <a:pt x="1166232" y="2205800"/>
                    <a:pt x="1158231" y="2178082"/>
                    <a:pt x="1140514" y="2092452"/>
                  </a:cubicBezTo>
                  <a:cubicBezTo>
                    <a:pt x="1135085" y="2065877"/>
                    <a:pt x="1122988" y="2057876"/>
                    <a:pt x="1106129" y="2046923"/>
                  </a:cubicBezTo>
                  <a:cubicBezTo>
                    <a:pt x="1077554" y="2027873"/>
                    <a:pt x="1042026" y="2004917"/>
                    <a:pt x="1040216" y="1889570"/>
                  </a:cubicBezTo>
                  <a:cubicBezTo>
                    <a:pt x="1038692" y="1799749"/>
                    <a:pt x="1026405" y="1774603"/>
                    <a:pt x="1017356" y="1756220"/>
                  </a:cubicBezTo>
                  <a:cubicBezTo>
                    <a:pt x="1006879" y="1734693"/>
                    <a:pt x="1000783" y="1718882"/>
                    <a:pt x="1007831" y="1665637"/>
                  </a:cubicBezTo>
                  <a:cubicBezTo>
                    <a:pt x="1022976" y="1556099"/>
                    <a:pt x="1009165" y="1494187"/>
                    <a:pt x="950681" y="1411605"/>
                  </a:cubicBezTo>
                  <a:cubicBezTo>
                    <a:pt x="923913" y="1370154"/>
                    <a:pt x="899920" y="1326975"/>
                    <a:pt x="878863" y="1282351"/>
                  </a:cubicBezTo>
                  <a:cubicBezTo>
                    <a:pt x="837620" y="1200722"/>
                    <a:pt x="790947" y="1108139"/>
                    <a:pt x="743226" y="1078992"/>
                  </a:cubicBezTo>
                  <a:cubicBezTo>
                    <a:pt x="708937" y="1057942"/>
                    <a:pt x="682934" y="1022604"/>
                    <a:pt x="657501" y="988409"/>
                  </a:cubicBezTo>
                  <a:cubicBezTo>
                    <a:pt x="621593" y="939641"/>
                    <a:pt x="587588" y="893159"/>
                    <a:pt x="534629" y="893159"/>
                  </a:cubicBezTo>
                  <a:cubicBezTo>
                    <a:pt x="472241" y="893159"/>
                    <a:pt x="448904" y="866299"/>
                    <a:pt x="425473" y="840391"/>
                  </a:cubicBezTo>
                  <a:cubicBezTo>
                    <a:pt x="408804" y="821341"/>
                    <a:pt x="393088" y="803815"/>
                    <a:pt x="360607" y="794671"/>
                  </a:cubicBezTo>
                  <a:lnTo>
                    <a:pt x="358702" y="794099"/>
                  </a:lnTo>
                  <a:cubicBezTo>
                    <a:pt x="277930" y="771525"/>
                    <a:pt x="236878" y="760381"/>
                    <a:pt x="212398" y="644081"/>
                  </a:cubicBezTo>
                  <a:cubicBezTo>
                    <a:pt x="198587" y="578168"/>
                    <a:pt x="160678" y="554546"/>
                    <a:pt x="117148" y="527114"/>
                  </a:cubicBezTo>
                  <a:cubicBezTo>
                    <a:pt x="91513" y="512455"/>
                    <a:pt x="67776" y="494701"/>
                    <a:pt x="46473" y="474250"/>
                  </a:cubicBezTo>
                  <a:cubicBezTo>
                    <a:pt x="-2676" y="424815"/>
                    <a:pt x="-2486" y="156019"/>
                    <a:pt x="1705" y="0"/>
                  </a:cubicBezTo>
                  <a:lnTo>
                    <a:pt x="30280" y="0"/>
                  </a:lnTo>
                  <a:cubicBezTo>
                    <a:pt x="25423" y="187833"/>
                    <a:pt x="30947" y="418148"/>
                    <a:pt x="66380" y="454247"/>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3" name="Freeform: Shape 156">
              <a:extLst>
                <a:ext uri="{FF2B5EF4-FFF2-40B4-BE49-F238E27FC236}">
                  <a16:creationId xmlns:a16="http://schemas.microsoft.com/office/drawing/2014/main" id="{1FD9DA30-7944-7F4B-A4EE-13991D50C55C}"/>
                </a:ext>
              </a:extLst>
            </p:cNvPr>
            <p:cNvSpPr/>
            <p:nvPr/>
          </p:nvSpPr>
          <p:spPr>
            <a:xfrm>
              <a:off x="7689317" y="-1669255"/>
              <a:ext cx="4655637" cy="8870370"/>
            </a:xfrm>
            <a:custGeom>
              <a:avLst/>
              <a:gdLst>
                <a:gd name="connsiteX0" fmla="*/ 254032 w 3813220"/>
                <a:gd name="connsiteY0" fmla="*/ 204026 h 7316152"/>
                <a:gd name="connsiteX1" fmla="*/ 293370 w 3813220"/>
                <a:gd name="connsiteY1" fmla="*/ 283655 h 7316152"/>
                <a:gd name="connsiteX2" fmla="*/ 483870 w 3813220"/>
                <a:gd name="connsiteY2" fmla="*/ 382524 h 7316152"/>
                <a:gd name="connsiteX3" fmla="*/ 600456 w 3813220"/>
                <a:gd name="connsiteY3" fmla="*/ 430149 h 7316152"/>
                <a:gd name="connsiteX4" fmla="*/ 765524 w 3813220"/>
                <a:gd name="connsiteY4" fmla="*/ 629602 h 7316152"/>
                <a:gd name="connsiteX5" fmla="*/ 894398 w 3813220"/>
                <a:gd name="connsiteY5" fmla="*/ 702278 h 7316152"/>
                <a:gd name="connsiteX6" fmla="*/ 988600 w 3813220"/>
                <a:gd name="connsiteY6" fmla="*/ 747808 h 7316152"/>
                <a:gd name="connsiteX7" fmla="*/ 1004411 w 3813220"/>
                <a:gd name="connsiteY7" fmla="*/ 863346 h 7316152"/>
                <a:gd name="connsiteX8" fmla="*/ 1029843 w 3813220"/>
                <a:gd name="connsiteY8" fmla="*/ 1036511 h 7316152"/>
                <a:gd name="connsiteX9" fmla="*/ 1078039 w 3813220"/>
                <a:gd name="connsiteY9" fmla="*/ 1316260 h 7316152"/>
                <a:gd name="connsiteX10" fmla="*/ 1086708 w 3813220"/>
                <a:gd name="connsiteY10" fmla="*/ 1433798 h 7316152"/>
                <a:gd name="connsiteX11" fmla="*/ 1189101 w 3813220"/>
                <a:gd name="connsiteY11" fmla="*/ 1589627 h 7316152"/>
                <a:gd name="connsiteX12" fmla="*/ 1384268 w 3813220"/>
                <a:gd name="connsiteY12" fmla="*/ 1804035 h 7316152"/>
                <a:gd name="connsiteX13" fmla="*/ 1846041 w 3813220"/>
                <a:gd name="connsiteY13" fmla="*/ 1968722 h 7316152"/>
                <a:gd name="connsiteX14" fmla="*/ 1913287 w 3813220"/>
                <a:gd name="connsiteY14" fmla="*/ 1964436 h 7316152"/>
                <a:gd name="connsiteX15" fmla="*/ 2185131 w 3813220"/>
                <a:gd name="connsiteY15" fmla="*/ 1831086 h 7316152"/>
                <a:gd name="connsiteX16" fmla="*/ 2506313 w 3813220"/>
                <a:gd name="connsiteY16" fmla="*/ 1677162 h 7316152"/>
                <a:gd name="connsiteX17" fmla="*/ 2705766 w 3813220"/>
                <a:gd name="connsiteY17" fmla="*/ 2001012 h 7316152"/>
                <a:gd name="connsiteX18" fmla="*/ 2712530 w 3813220"/>
                <a:gd name="connsiteY18" fmla="*/ 2040826 h 7316152"/>
                <a:gd name="connsiteX19" fmla="*/ 2994565 w 3813220"/>
                <a:gd name="connsiteY19" fmla="*/ 2618803 h 7316152"/>
                <a:gd name="connsiteX20" fmla="*/ 3163443 w 3813220"/>
                <a:gd name="connsiteY20" fmla="*/ 2885503 h 7316152"/>
                <a:gd name="connsiteX21" fmla="*/ 3339179 w 3813220"/>
                <a:gd name="connsiteY21" fmla="*/ 3107341 h 7316152"/>
                <a:gd name="connsiteX22" fmla="*/ 3512821 w 3813220"/>
                <a:gd name="connsiteY22" fmla="*/ 3311176 h 7316152"/>
                <a:gd name="connsiteX23" fmla="*/ 3568161 w 3813220"/>
                <a:gd name="connsiteY23" fmla="*/ 3419094 h 7316152"/>
                <a:gd name="connsiteX24" fmla="*/ 3651504 w 3813220"/>
                <a:gd name="connsiteY24" fmla="*/ 3653981 h 7316152"/>
                <a:gd name="connsiteX25" fmla="*/ 3710845 w 3813220"/>
                <a:gd name="connsiteY25" fmla="*/ 3845909 h 7316152"/>
                <a:gd name="connsiteX26" fmla="*/ 3813143 w 3813220"/>
                <a:gd name="connsiteY26" fmla="*/ 4325398 h 7316152"/>
                <a:gd name="connsiteX27" fmla="*/ 3655219 w 3813220"/>
                <a:gd name="connsiteY27" fmla="*/ 4610005 h 7316152"/>
                <a:gd name="connsiteX28" fmla="*/ 3559397 w 3813220"/>
                <a:gd name="connsiteY28" fmla="*/ 4713923 h 7316152"/>
                <a:gd name="connsiteX29" fmla="*/ 2935034 w 3813220"/>
                <a:gd name="connsiteY29" fmla="*/ 4837748 h 7316152"/>
                <a:gd name="connsiteX30" fmla="*/ 2456021 w 3813220"/>
                <a:gd name="connsiteY30" fmla="*/ 4946905 h 7316152"/>
                <a:gd name="connsiteX31" fmla="*/ 2333530 w 3813220"/>
                <a:gd name="connsiteY31" fmla="*/ 5023676 h 7316152"/>
                <a:gd name="connsiteX32" fmla="*/ 2154365 w 3813220"/>
                <a:gd name="connsiteY32" fmla="*/ 5189030 h 7316152"/>
                <a:gd name="connsiteX33" fmla="*/ 2001107 w 3813220"/>
                <a:gd name="connsiteY33" fmla="*/ 5418868 h 7316152"/>
                <a:gd name="connsiteX34" fmla="*/ 1901381 w 3813220"/>
                <a:gd name="connsiteY34" fmla="*/ 5541455 h 7316152"/>
                <a:gd name="connsiteX35" fmla="*/ 1654969 w 3813220"/>
                <a:gd name="connsiteY35" fmla="*/ 6178296 h 7316152"/>
                <a:gd name="connsiteX36" fmla="*/ 1616869 w 3813220"/>
                <a:gd name="connsiteY36" fmla="*/ 6836950 h 7316152"/>
                <a:gd name="connsiteX37" fmla="*/ 1712119 w 3813220"/>
                <a:gd name="connsiteY37" fmla="*/ 7166706 h 7316152"/>
                <a:gd name="connsiteX38" fmla="*/ 1741266 w 3813220"/>
                <a:gd name="connsiteY38" fmla="*/ 7216807 h 7316152"/>
                <a:gd name="connsiteX39" fmla="*/ 1795081 w 3813220"/>
                <a:gd name="connsiteY39" fmla="*/ 7316153 h 7316152"/>
                <a:gd name="connsiteX40" fmla="*/ 1763363 w 3813220"/>
                <a:gd name="connsiteY40" fmla="*/ 7316153 h 7316152"/>
                <a:gd name="connsiteX41" fmla="*/ 1716977 w 3813220"/>
                <a:gd name="connsiteY41" fmla="*/ 7230428 h 7316152"/>
                <a:gd name="connsiteX42" fmla="*/ 1688402 w 3813220"/>
                <a:gd name="connsiteY42" fmla="*/ 7180993 h 7316152"/>
                <a:gd name="connsiteX43" fmla="*/ 1588770 w 3813220"/>
                <a:gd name="connsiteY43" fmla="*/ 6836950 h 7316152"/>
                <a:gd name="connsiteX44" fmla="*/ 1627632 w 3813220"/>
                <a:gd name="connsiteY44" fmla="*/ 6172391 h 7316152"/>
                <a:gd name="connsiteX45" fmla="*/ 1878902 w 3813220"/>
                <a:gd name="connsiteY45" fmla="*/ 5524691 h 7316152"/>
                <a:gd name="connsiteX46" fmla="*/ 1980152 w 3813220"/>
                <a:gd name="connsiteY46" fmla="*/ 5400199 h 7316152"/>
                <a:gd name="connsiteX47" fmla="*/ 2127790 w 3813220"/>
                <a:gd name="connsiteY47" fmla="*/ 5180362 h 7316152"/>
                <a:gd name="connsiteX48" fmla="*/ 2320099 w 3813220"/>
                <a:gd name="connsiteY48" fmla="*/ 4998815 h 7316152"/>
                <a:gd name="connsiteX49" fmla="*/ 2439638 w 3813220"/>
                <a:gd name="connsiteY49" fmla="*/ 4923949 h 7316152"/>
                <a:gd name="connsiteX50" fmla="*/ 2938749 w 3813220"/>
                <a:gd name="connsiteY50" fmla="*/ 4809649 h 7316152"/>
                <a:gd name="connsiteX51" fmla="*/ 3536918 w 3813220"/>
                <a:gd name="connsiteY51" fmla="*/ 4697254 h 7316152"/>
                <a:gd name="connsiteX52" fmla="*/ 3636074 w 3813220"/>
                <a:gd name="connsiteY52" fmla="*/ 4589431 h 7316152"/>
                <a:gd name="connsiteX53" fmla="*/ 3785235 w 3813220"/>
                <a:gd name="connsiteY53" fmla="*/ 4325112 h 7316152"/>
                <a:gd name="connsiteX54" fmla="*/ 3685889 w 3813220"/>
                <a:gd name="connsiteY54" fmla="*/ 3858387 h 7316152"/>
                <a:gd name="connsiteX55" fmla="*/ 3624358 w 3813220"/>
                <a:gd name="connsiteY55" fmla="*/ 3660172 h 7316152"/>
                <a:gd name="connsiteX56" fmla="*/ 3545395 w 3813220"/>
                <a:gd name="connsiteY56" fmla="*/ 3435001 h 7316152"/>
                <a:gd name="connsiteX57" fmla="*/ 3487293 w 3813220"/>
                <a:gd name="connsiteY57" fmla="*/ 3322225 h 7316152"/>
                <a:gd name="connsiteX58" fmla="*/ 3328226 w 3813220"/>
                <a:gd name="connsiteY58" fmla="*/ 3133153 h 7316152"/>
                <a:gd name="connsiteX59" fmla="*/ 3138678 w 3813220"/>
                <a:gd name="connsiteY59" fmla="*/ 2898362 h 7316152"/>
                <a:gd name="connsiteX60" fmla="*/ 2973610 w 3813220"/>
                <a:gd name="connsiteY60" fmla="*/ 2637187 h 7316152"/>
                <a:gd name="connsiteX61" fmla="*/ 2685098 w 3813220"/>
                <a:gd name="connsiteY61" fmla="*/ 2045494 h 7316152"/>
                <a:gd name="connsiteX62" fmla="*/ 2678240 w 3813220"/>
                <a:gd name="connsiteY62" fmla="*/ 2005394 h 7316152"/>
                <a:gd name="connsiteX63" fmla="*/ 2509552 w 3813220"/>
                <a:gd name="connsiteY63" fmla="*/ 1705642 h 7316152"/>
                <a:gd name="connsiteX64" fmla="*/ 2200656 w 3813220"/>
                <a:gd name="connsiteY64" fmla="*/ 1856327 h 7316152"/>
                <a:gd name="connsiteX65" fmla="*/ 1914048 w 3813220"/>
                <a:gd name="connsiteY65" fmla="*/ 1993392 h 7316152"/>
                <a:gd name="connsiteX66" fmla="*/ 1849279 w 3813220"/>
                <a:gd name="connsiteY66" fmla="*/ 1997583 h 7316152"/>
                <a:gd name="connsiteX67" fmla="*/ 1361980 w 3813220"/>
                <a:gd name="connsiteY67" fmla="*/ 1821371 h 7316152"/>
                <a:gd name="connsiteX68" fmla="*/ 1170146 w 3813220"/>
                <a:gd name="connsiteY68" fmla="*/ 1610487 h 7316152"/>
                <a:gd name="connsiteX69" fmla="*/ 1058704 w 3813220"/>
                <a:gd name="connsiteY69" fmla="*/ 1436751 h 7316152"/>
                <a:gd name="connsiteX70" fmla="*/ 1049846 w 3813220"/>
                <a:gd name="connsiteY70" fmla="*/ 1317689 h 7316152"/>
                <a:gd name="connsiteX71" fmla="*/ 1004031 w 3813220"/>
                <a:gd name="connsiteY71" fmla="*/ 1047750 h 7316152"/>
                <a:gd name="connsiteX72" fmla="*/ 976217 w 3813220"/>
                <a:gd name="connsiteY72" fmla="*/ 862775 h 7316152"/>
                <a:gd name="connsiteX73" fmla="*/ 963739 w 3813220"/>
                <a:gd name="connsiteY73" fmla="*/ 761143 h 7316152"/>
                <a:gd name="connsiteX74" fmla="*/ 890397 w 3813220"/>
                <a:gd name="connsiteY74" fmla="*/ 730282 h 7316152"/>
                <a:gd name="connsiteX75" fmla="*/ 740664 w 3813220"/>
                <a:gd name="connsiteY75" fmla="*/ 642938 h 7316152"/>
                <a:gd name="connsiteX76" fmla="*/ 583216 w 3813220"/>
                <a:gd name="connsiteY76" fmla="*/ 452437 h 7316152"/>
                <a:gd name="connsiteX77" fmla="*/ 475679 w 3813220"/>
                <a:gd name="connsiteY77" fmla="*/ 409385 h 7316152"/>
                <a:gd name="connsiteX78" fmla="*/ 269367 w 3813220"/>
                <a:gd name="connsiteY78" fmla="*/ 298704 h 7316152"/>
                <a:gd name="connsiteX79" fmla="*/ 227552 w 3813220"/>
                <a:gd name="connsiteY79" fmla="*/ 214503 h 7316152"/>
                <a:gd name="connsiteX80" fmla="*/ 118967 w 3813220"/>
                <a:gd name="connsiteY80" fmla="*/ 76200 h 7316152"/>
                <a:gd name="connsiteX81" fmla="*/ 0 w 3813220"/>
                <a:gd name="connsiteY81" fmla="*/ 0 h 7316152"/>
                <a:gd name="connsiteX82" fmla="*/ 52388 w 3813220"/>
                <a:gd name="connsiteY82" fmla="*/ 0 h 7316152"/>
                <a:gd name="connsiteX83" fmla="*/ 134017 w 3813220"/>
                <a:gd name="connsiteY83" fmla="*/ 51530 h 7316152"/>
                <a:gd name="connsiteX84" fmla="*/ 254032 w 3813220"/>
                <a:gd name="connsiteY84" fmla="*/ 204026 h 73161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3813220" h="7316152">
                  <a:moveTo>
                    <a:pt x="254032" y="204026"/>
                  </a:moveTo>
                  <a:cubicBezTo>
                    <a:pt x="264618" y="231744"/>
                    <a:pt x="277788" y="258404"/>
                    <a:pt x="293370" y="283655"/>
                  </a:cubicBezTo>
                  <a:cubicBezTo>
                    <a:pt x="324993" y="332423"/>
                    <a:pt x="409575" y="359093"/>
                    <a:pt x="483870" y="382524"/>
                  </a:cubicBezTo>
                  <a:cubicBezTo>
                    <a:pt x="533495" y="398050"/>
                    <a:pt x="576263" y="411575"/>
                    <a:pt x="600456" y="430149"/>
                  </a:cubicBezTo>
                  <a:cubicBezTo>
                    <a:pt x="660559" y="476822"/>
                    <a:pt x="704469" y="515874"/>
                    <a:pt x="765524" y="629602"/>
                  </a:cubicBezTo>
                  <a:cubicBezTo>
                    <a:pt x="796290" y="686752"/>
                    <a:pt x="846201" y="694754"/>
                    <a:pt x="894398" y="702278"/>
                  </a:cubicBezTo>
                  <a:cubicBezTo>
                    <a:pt x="933450" y="708279"/>
                    <a:pt x="970598" y="714089"/>
                    <a:pt x="988600" y="747808"/>
                  </a:cubicBezTo>
                  <a:cubicBezTo>
                    <a:pt x="1005745" y="779812"/>
                    <a:pt x="1005078" y="818483"/>
                    <a:pt x="1004411" y="863346"/>
                  </a:cubicBezTo>
                  <a:cubicBezTo>
                    <a:pt x="1003554" y="915352"/>
                    <a:pt x="1002697" y="974217"/>
                    <a:pt x="1029843" y="1036511"/>
                  </a:cubicBezTo>
                  <a:cubicBezTo>
                    <a:pt x="1067372" y="1122236"/>
                    <a:pt x="1072706" y="1221105"/>
                    <a:pt x="1078039" y="1316260"/>
                  </a:cubicBezTo>
                  <a:cubicBezTo>
                    <a:pt x="1080135" y="1355026"/>
                    <a:pt x="1082326" y="1395032"/>
                    <a:pt x="1086708" y="1433798"/>
                  </a:cubicBezTo>
                  <a:cubicBezTo>
                    <a:pt x="1094423" y="1502759"/>
                    <a:pt x="1128046" y="1533620"/>
                    <a:pt x="1189101" y="1589627"/>
                  </a:cubicBezTo>
                  <a:cubicBezTo>
                    <a:pt x="1261610" y="1653939"/>
                    <a:pt x="1327037" y="1725817"/>
                    <a:pt x="1384268" y="1804035"/>
                  </a:cubicBezTo>
                  <a:cubicBezTo>
                    <a:pt x="1526286" y="1997583"/>
                    <a:pt x="1718692" y="1980248"/>
                    <a:pt x="1846041" y="1968722"/>
                  </a:cubicBezTo>
                  <a:cubicBezTo>
                    <a:pt x="1871853" y="1966436"/>
                    <a:pt x="1894237" y="1964436"/>
                    <a:pt x="1913287" y="1964436"/>
                  </a:cubicBezTo>
                  <a:cubicBezTo>
                    <a:pt x="1964055" y="1964436"/>
                    <a:pt x="2076450" y="1896809"/>
                    <a:pt x="2185131" y="1831086"/>
                  </a:cubicBezTo>
                  <a:cubicBezTo>
                    <a:pt x="2306288" y="1758982"/>
                    <a:pt x="2431161" y="1683830"/>
                    <a:pt x="2506313" y="1677162"/>
                  </a:cubicBezTo>
                  <a:cubicBezTo>
                    <a:pt x="2649188" y="1664208"/>
                    <a:pt x="2679383" y="1842992"/>
                    <a:pt x="2705766" y="2001012"/>
                  </a:cubicBezTo>
                  <a:cubicBezTo>
                    <a:pt x="2708053" y="2014442"/>
                    <a:pt x="2710244" y="2027777"/>
                    <a:pt x="2712530" y="2040826"/>
                  </a:cubicBezTo>
                  <a:cubicBezTo>
                    <a:pt x="2733009" y="2157984"/>
                    <a:pt x="2796826" y="2388870"/>
                    <a:pt x="2994565" y="2618803"/>
                  </a:cubicBezTo>
                  <a:cubicBezTo>
                    <a:pt x="3072765" y="2709767"/>
                    <a:pt x="3120962" y="2803112"/>
                    <a:pt x="3163443" y="2885503"/>
                  </a:cubicBezTo>
                  <a:cubicBezTo>
                    <a:pt x="3217069" y="2989517"/>
                    <a:pt x="3259455" y="3071622"/>
                    <a:pt x="3339179" y="3107341"/>
                  </a:cubicBezTo>
                  <a:cubicBezTo>
                    <a:pt x="3445574" y="3154966"/>
                    <a:pt x="3479768" y="3234309"/>
                    <a:pt x="3512821" y="3311176"/>
                  </a:cubicBezTo>
                  <a:cubicBezTo>
                    <a:pt x="3527667" y="3348884"/>
                    <a:pt x="3546205" y="3385032"/>
                    <a:pt x="3568161" y="3419094"/>
                  </a:cubicBezTo>
                  <a:cubicBezTo>
                    <a:pt x="3611118" y="3481102"/>
                    <a:pt x="3631597" y="3569018"/>
                    <a:pt x="3651504" y="3653981"/>
                  </a:cubicBezTo>
                  <a:cubicBezTo>
                    <a:pt x="3667316" y="3721513"/>
                    <a:pt x="3683603" y="3791331"/>
                    <a:pt x="3710845" y="3845909"/>
                  </a:cubicBezTo>
                  <a:cubicBezTo>
                    <a:pt x="3758470" y="3942207"/>
                    <a:pt x="3815620" y="4103656"/>
                    <a:pt x="3813143" y="4325398"/>
                  </a:cubicBezTo>
                  <a:cubicBezTo>
                    <a:pt x="3811524" y="4458748"/>
                    <a:pt x="3732085" y="4535710"/>
                    <a:pt x="3655219" y="4610005"/>
                  </a:cubicBezTo>
                  <a:cubicBezTo>
                    <a:pt x="3620336" y="4641811"/>
                    <a:pt x="3588275" y="4676580"/>
                    <a:pt x="3559397" y="4713923"/>
                  </a:cubicBezTo>
                  <a:cubicBezTo>
                    <a:pt x="3466243" y="4842891"/>
                    <a:pt x="3126963" y="4858512"/>
                    <a:pt x="2935034" y="4837748"/>
                  </a:cubicBezTo>
                  <a:cubicBezTo>
                    <a:pt x="2752820" y="4818698"/>
                    <a:pt x="2573750" y="4859179"/>
                    <a:pt x="2456021" y="4946905"/>
                  </a:cubicBezTo>
                  <a:cubicBezTo>
                    <a:pt x="2416839" y="4975035"/>
                    <a:pt x="2375928" y="5000676"/>
                    <a:pt x="2333530" y="5023676"/>
                  </a:cubicBezTo>
                  <a:cubicBezTo>
                    <a:pt x="2250663" y="5071301"/>
                    <a:pt x="2178939" y="5111687"/>
                    <a:pt x="2154365" y="5189030"/>
                  </a:cubicBezTo>
                  <a:cubicBezTo>
                    <a:pt x="2128171" y="5271611"/>
                    <a:pt x="2066448" y="5343144"/>
                    <a:pt x="2001107" y="5418868"/>
                  </a:cubicBezTo>
                  <a:cubicBezTo>
                    <a:pt x="1967485" y="5457825"/>
                    <a:pt x="1932718" y="5498021"/>
                    <a:pt x="1901381" y="5541455"/>
                  </a:cubicBezTo>
                  <a:cubicBezTo>
                    <a:pt x="1807941" y="5670995"/>
                    <a:pt x="1694212" y="5984557"/>
                    <a:pt x="1654969" y="6178296"/>
                  </a:cubicBezTo>
                  <a:cubicBezTo>
                    <a:pt x="1615345" y="6374035"/>
                    <a:pt x="1614488" y="6620923"/>
                    <a:pt x="1616869" y="6836950"/>
                  </a:cubicBezTo>
                  <a:cubicBezTo>
                    <a:pt x="1618679" y="7008400"/>
                    <a:pt x="1662113" y="7081742"/>
                    <a:pt x="1712119" y="7166706"/>
                  </a:cubicBezTo>
                  <a:cubicBezTo>
                    <a:pt x="1721644" y="7182708"/>
                    <a:pt x="1731169" y="7199186"/>
                    <a:pt x="1741266" y="7216807"/>
                  </a:cubicBezTo>
                  <a:cubicBezTo>
                    <a:pt x="1753172" y="7238333"/>
                    <a:pt x="1772602" y="7273957"/>
                    <a:pt x="1795081" y="7316153"/>
                  </a:cubicBezTo>
                  <a:lnTo>
                    <a:pt x="1763363" y="7316153"/>
                  </a:lnTo>
                  <a:cubicBezTo>
                    <a:pt x="1744313" y="7279863"/>
                    <a:pt x="1727549" y="7249478"/>
                    <a:pt x="1716977" y="7230428"/>
                  </a:cubicBezTo>
                  <a:cubicBezTo>
                    <a:pt x="1707452" y="7213188"/>
                    <a:pt x="1697927" y="7196804"/>
                    <a:pt x="1688402" y="7180993"/>
                  </a:cubicBezTo>
                  <a:cubicBezTo>
                    <a:pt x="1635919" y="7092506"/>
                    <a:pt x="1590580" y="7016115"/>
                    <a:pt x="1588770" y="6836950"/>
                  </a:cubicBezTo>
                  <a:cubicBezTo>
                    <a:pt x="1586484" y="6619494"/>
                    <a:pt x="1587532" y="6370797"/>
                    <a:pt x="1627632" y="6172391"/>
                  </a:cubicBezTo>
                  <a:cubicBezTo>
                    <a:pt x="1667447" y="5975699"/>
                    <a:pt x="1783366" y="5656802"/>
                    <a:pt x="1878902" y="5524691"/>
                  </a:cubicBezTo>
                  <a:cubicBezTo>
                    <a:pt x="1910906" y="5480305"/>
                    <a:pt x="1946053" y="5439537"/>
                    <a:pt x="1980152" y="5400199"/>
                  </a:cubicBezTo>
                  <a:cubicBezTo>
                    <a:pt x="2043494" y="5326761"/>
                    <a:pt x="2103405" y="5257324"/>
                    <a:pt x="2127790" y="5180362"/>
                  </a:cubicBezTo>
                  <a:cubicBezTo>
                    <a:pt x="2155793" y="5092351"/>
                    <a:pt x="2235613" y="5047012"/>
                    <a:pt x="2320099" y="4998815"/>
                  </a:cubicBezTo>
                  <a:cubicBezTo>
                    <a:pt x="2361465" y="4976374"/>
                    <a:pt x="2401390" y="4951369"/>
                    <a:pt x="2439638" y="4923949"/>
                  </a:cubicBezTo>
                  <a:cubicBezTo>
                    <a:pt x="2563463" y="4832033"/>
                    <a:pt x="2749582" y="4789170"/>
                    <a:pt x="2938749" y="4809649"/>
                  </a:cubicBezTo>
                  <a:cubicBezTo>
                    <a:pt x="3138011" y="4830794"/>
                    <a:pt x="3455480" y="4809649"/>
                    <a:pt x="3536918" y="4697254"/>
                  </a:cubicBezTo>
                  <a:cubicBezTo>
                    <a:pt x="3566744" y="4658475"/>
                    <a:pt x="3599923" y="4622395"/>
                    <a:pt x="3636074" y="4589431"/>
                  </a:cubicBezTo>
                  <a:cubicBezTo>
                    <a:pt x="3712274" y="4516088"/>
                    <a:pt x="3783806" y="4446556"/>
                    <a:pt x="3785235" y="4325112"/>
                  </a:cubicBezTo>
                  <a:cubicBezTo>
                    <a:pt x="3787712" y="4109085"/>
                    <a:pt x="3732562" y="3952208"/>
                    <a:pt x="3685889" y="3858387"/>
                  </a:cubicBezTo>
                  <a:cubicBezTo>
                    <a:pt x="3657314" y="3801237"/>
                    <a:pt x="3640455" y="3729323"/>
                    <a:pt x="3624358" y="3660172"/>
                  </a:cubicBezTo>
                  <a:cubicBezTo>
                    <a:pt x="3605308" y="3577781"/>
                    <a:pt x="3585210" y="3492627"/>
                    <a:pt x="3545395" y="3435001"/>
                  </a:cubicBezTo>
                  <a:cubicBezTo>
                    <a:pt x="3522251" y="3399478"/>
                    <a:pt x="3502784" y="3361691"/>
                    <a:pt x="3487293" y="3322225"/>
                  </a:cubicBezTo>
                  <a:cubicBezTo>
                    <a:pt x="3454908" y="3247073"/>
                    <a:pt x="3424333" y="3176111"/>
                    <a:pt x="3328226" y="3133153"/>
                  </a:cubicBezTo>
                  <a:cubicBezTo>
                    <a:pt x="3239262" y="3093339"/>
                    <a:pt x="3192685" y="3003042"/>
                    <a:pt x="3138678" y="2898362"/>
                  </a:cubicBezTo>
                  <a:cubicBezTo>
                    <a:pt x="3096959" y="2817400"/>
                    <a:pt x="3049620" y="2725579"/>
                    <a:pt x="2973610" y="2637187"/>
                  </a:cubicBezTo>
                  <a:cubicBezTo>
                    <a:pt x="2771298" y="2402015"/>
                    <a:pt x="2705957" y="2165509"/>
                    <a:pt x="2685098" y="2045494"/>
                  </a:cubicBezTo>
                  <a:cubicBezTo>
                    <a:pt x="2682812" y="2032349"/>
                    <a:pt x="2680526" y="2019014"/>
                    <a:pt x="2678240" y="2005394"/>
                  </a:cubicBezTo>
                  <a:cubicBezTo>
                    <a:pt x="2653951" y="1859947"/>
                    <a:pt x="2626233" y="1695069"/>
                    <a:pt x="2509552" y="1705642"/>
                  </a:cubicBezTo>
                  <a:cubicBezTo>
                    <a:pt x="2440686" y="1711833"/>
                    <a:pt x="2319052" y="1785271"/>
                    <a:pt x="2200656" y="1856327"/>
                  </a:cubicBezTo>
                  <a:cubicBezTo>
                    <a:pt x="2082260" y="1927384"/>
                    <a:pt x="1972723" y="1993392"/>
                    <a:pt x="1914048" y="1993392"/>
                  </a:cubicBezTo>
                  <a:cubicBezTo>
                    <a:pt x="1896237" y="1993392"/>
                    <a:pt x="1874521" y="1995297"/>
                    <a:pt x="1849279" y="1997583"/>
                  </a:cubicBezTo>
                  <a:cubicBezTo>
                    <a:pt x="1723739" y="2008918"/>
                    <a:pt x="1513523" y="2027873"/>
                    <a:pt x="1361980" y="1821371"/>
                  </a:cubicBezTo>
                  <a:cubicBezTo>
                    <a:pt x="1305770" y="1744411"/>
                    <a:pt x="1241456" y="1673711"/>
                    <a:pt x="1170146" y="1610487"/>
                  </a:cubicBezTo>
                  <a:cubicBezTo>
                    <a:pt x="1108424" y="1553813"/>
                    <a:pt x="1067562" y="1516380"/>
                    <a:pt x="1058704" y="1436751"/>
                  </a:cubicBezTo>
                  <a:cubicBezTo>
                    <a:pt x="1054227" y="1397222"/>
                    <a:pt x="1052036" y="1356741"/>
                    <a:pt x="1049846" y="1317689"/>
                  </a:cubicBezTo>
                  <a:cubicBezTo>
                    <a:pt x="1044512" y="1220724"/>
                    <a:pt x="1039463" y="1129189"/>
                    <a:pt x="1004031" y="1047750"/>
                  </a:cubicBezTo>
                  <a:cubicBezTo>
                    <a:pt x="974407" y="979742"/>
                    <a:pt x="975456" y="914876"/>
                    <a:pt x="976217" y="862775"/>
                  </a:cubicBezTo>
                  <a:cubicBezTo>
                    <a:pt x="976884" y="821912"/>
                    <a:pt x="977360" y="786575"/>
                    <a:pt x="963739" y="761143"/>
                  </a:cubicBezTo>
                  <a:cubicBezTo>
                    <a:pt x="952881" y="740950"/>
                    <a:pt x="928783" y="736283"/>
                    <a:pt x="890397" y="730282"/>
                  </a:cubicBezTo>
                  <a:cubicBezTo>
                    <a:pt x="840391" y="722567"/>
                    <a:pt x="778288" y="712851"/>
                    <a:pt x="740664" y="642938"/>
                  </a:cubicBezTo>
                  <a:cubicBezTo>
                    <a:pt x="682371" y="534257"/>
                    <a:pt x="640461" y="497015"/>
                    <a:pt x="583216" y="452437"/>
                  </a:cubicBezTo>
                  <a:cubicBezTo>
                    <a:pt x="563213" y="436912"/>
                    <a:pt x="520637" y="423862"/>
                    <a:pt x="475679" y="409385"/>
                  </a:cubicBezTo>
                  <a:cubicBezTo>
                    <a:pt x="396430" y="384524"/>
                    <a:pt x="306514" y="356235"/>
                    <a:pt x="269367" y="298704"/>
                  </a:cubicBezTo>
                  <a:cubicBezTo>
                    <a:pt x="252814" y="272014"/>
                    <a:pt x="238813" y="243822"/>
                    <a:pt x="227552" y="214503"/>
                  </a:cubicBezTo>
                  <a:cubicBezTo>
                    <a:pt x="206312" y="163068"/>
                    <a:pt x="187833" y="118682"/>
                    <a:pt x="118967" y="76200"/>
                  </a:cubicBezTo>
                  <a:cubicBezTo>
                    <a:pt x="77248" y="50482"/>
                    <a:pt x="35528" y="23622"/>
                    <a:pt x="0" y="0"/>
                  </a:cubicBezTo>
                  <a:lnTo>
                    <a:pt x="52388" y="0"/>
                  </a:lnTo>
                  <a:cubicBezTo>
                    <a:pt x="78391" y="16764"/>
                    <a:pt x="106204" y="34385"/>
                    <a:pt x="134017" y="51530"/>
                  </a:cubicBezTo>
                  <a:cubicBezTo>
                    <a:pt x="210788" y="99536"/>
                    <a:pt x="231743" y="150305"/>
                    <a:pt x="254032" y="204026"/>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4" name="Freeform: Shape 157">
              <a:extLst>
                <a:ext uri="{FF2B5EF4-FFF2-40B4-BE49-F238E27FC236}">
                  <a16:creationId xmlns:a16="http://schemas.microsoft.com/office/drawing/2014/main" id="{F1290AEB-CBBE-3841-AA54-B3CDC69C13AE}"/>
                </a:ext>
              </a:extLst>
            </p:cNvPr>
            <p:cNvSpPr/>
            <p:nvPr/>
          </p:nvSpPr>
          <p:spPr>
            <a:xfrm>
              <a:off x="10936930" y="4894656"/>
              <a:ext cx="1706220" cy="2306804"/>
            </a:xfrm>
            <a:custGeom>
              <a:avLst/>
              <a:gdLst>
                <a:gd name="connsiteX0" fmla="*/ 3314 w 1397487"/>
                <a:gd name="connsiteY0" fmla="*/ 1259681 h 1902618"/>
                <a:gd name="connsiteX1" fmla="*/ 5218 w 1397487"/>
                <a:gd name="connsiteY1" fmla="*/ 1133094 h 1902618"/>
                <a:gd name="connsiteX2" fmla="*/ 134759 w 1397487"/>
                <a:gd name="connsiteY2" fmla="*/ 723519 h 1902618"/>
                <a:gd name="connsiteX3" fmla="*/ 186384 w 1397487"/>
                <a:gd name="connsiteY3" fmla="*/ 603314 h 1902618"/>
                <a:gd name="connsiteX4" fmla="*/ 355072 w 1397487"/>
                <a:gd name="connsiteY4" fmla="*/ 468439 h 1902618"/>
                <a:gd name="connsiteX5" fmla="*/ 429273 w 1397487"/>
                <a:gd name="connsiteY5" fmla="*/ 451104 h 1902618"/>
                <a:gd name="connsiteX6" fmla="*/ 516522 w 1397487"/>
                <a:gd name="connsiteY6" fmla="*/ 432816 h 1902618"/>
                <a:gd name="connsiteX7" fmla="*/ 1000771 w 1397487"/>
                <a:gd name="connsiteY7" fmla="*/ 232029 h 1902618"/>
                <a:gd name="connsiteX8" fmla="*/ 1397488 w 1397487"/>
                <a:gd name="connsiteY8" fmla="*/ 0 h 1902618"/>
                <a:gd name="connsiteX9" fmla="*/ 1397488 w 1397487"/>
                <a:gd name="connsiteY9" fmla="*/ 32195 h 1902618"/>
                <a:gd name="connsiteX10" fmla="*/ 1015822 w 1397487"/>
                <a:gd name="connsiteY10" fmla="*/ 256318 h 1902618"/>
                <a:gd name="connsiteX11" fmla="*/ 521093 w 1397487"/>
                <a:gd name="connsiteY11" fmla="*/ 461010 h 1902618"/>
                <a:gd name="connsiteX12" fmla="*/ 437653 w 1397487"/>
                <a:gd name="connsiteY12" fmla="*/ 478346 h 1902618"/>
                <a:gd name="connsiteX13" fmla="*/ 360406 w 1397487"/>
                <a:gd name="connsiteY13" fmla="*/ 496538 h 1902618"/>
                <a:gd name="connsiteX14" fmla="*/ 212959 w 1397487"/>
                <a:gd name="connsiteY14" fmla="*/ 613696 h 1902618"/>
                <a:gd name="connsiteX15" fmla="*/ 160858 w 1397487"/>
                <a:gd name="connsiteY15" fmla="*/ 735139 h 1902618"/>
                <a:gd name="connsiteX16" fmla="*/ 33699 w 1397487"/>
                <a:gd name="connsiteY16" fmla="*/ 1131761 h 1902618"/>
                <a:gd name="connsiteX17" fmla="*/ 31794 w 1397487"/>
                <a:gd name="connsiteY17" fmla="*/ 1261682 h 1902618"/>
                <a:gd name="connsiteX18" fmla="*/ 68846 w 1397487"/>
                <a:gd name="connsiteY18" fmla="*/ 1561243 h 1902618"/>
                <a:gd name="connsiteX19" fmla="*/ 143521 w 1397487"/>
                <a:gd name="connsiteY19" fmla="*/ 1902619 h 1902618"/>
                <a:gd name="connsiteX20" fmla="*/ 114946 w 1397487"/>
                <a:gd name="connsiteY20" fmla="*/ 1902619 h 1902618"/>
                <a:gd name="connsiteX21" fmla="*/ 43224 w 1397487"/>
                <a:gd name="connsiteY21" fmla="*/ 1573435 h 1902618"/>
                <a:gd name="connsiteX22" fmla="*/ 3314 w 1397487"/>
                <a:gd name="connsiteY22" fmla="*/ 1259681 h 1902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97487" h="1902618">
                  <a:moveTo>
                    <a:pt x="3314" y="1259681"/>
                  </a:moveTo>
                  <a:cubicBezTo>
                    <a:pt x="6351" y="1217556"/>
                    <a:pt x="6987" y="1175292"/>
                    <a:pt x="5218" y="1133094"/>
                  </a:cubicBezTo>
                  <a:cubicBezTo>
                    <a:pt x="-1449" y="1028891"/>
                    <a:pt x="74085" y="859250"/>
                    <a:pt x="134759" y="723519"/>
                  </a:cubicBezTo>
                  <a:cubicBezTo>
                    <a:pt x="154475" y="679228"/>
                    <a:pt x="172859" y="637318"/>
                    <a:pt x="186384" y="603314"/>
                  </a:cubicBezTo>
                  <a:cubicBezTo>
                    <a:pt x="229628" y="492347"/>
                    <a:pt x="284969" y="481775"/>
                    <a:pt x="355072" y="468439"/>
                  </a:cubicBezTo>
                  <a:cubicBezTo>
                    <a:pt x="380115" y="464078"/>
                    <a:pt x="404889" y="458289"/>
                    <a:pt x="429273" y="451104"/>
                  </a:cubicBezTo>
                  <a:cubicBezTo>
                    <a:pt x="457882" y="442937"/>
                    <a:pt x="487040" y="436825"/>
                    <a:pt x="516522" y="432816"/>
                  </a:cubicBezTo>
                  <a:cubicBezTo>
                    <a:pt x="608819" y="417862"/>
                    <a:pt x="735596" y="397479"/>
                    <a:pt x="1000771" y="232029"/>
                  </a:cubicBezTo>
                  <a:cubicBezTo>
                    <a:pt x="1165173" y="129540"/>
                    <a:pt x="1295285" y="53435"/>
                    <a:pt x="1397488" y="0"/>
                  </a:cubicBezTo>
                  <a:lnTo>
                    <a:pt x="1397488" y="32195"/>
                  </a:lnTo>
                  <a:cubicBezTo>
                    <a:pt x="1298428" y="84677"/>
                    <a:pt x="1173079" y="158401"/>
                    <a:pt x="1015822" y="256318"/>
                  </a:cubicBezTo>
                  <a:cubicBezTo>
                    <a:pt x="745502" y="424815"/>
                    <a:pt x="615772" y="445675"/>
                    <a:pt x="521093" y="461010"/>
                  </a:cubicBezTo>
                  <a:cubicBezTo>
                    <a:pt x="492904" y="464804"/>
                    <a:pt x="465020" y="470597"/>
                    <a:pt x="437653" y="478346"/>
                  </a:cubicBezTo>
                  <a:cubicBezTo>
                    <a:pt x="412271" y="485873"/>
                    <a:pt x="386480" y="491947"/>
                    <a:pt x="360406" y="496538"/>
                  </a:cubicBezTo>
                  <a:cubicBezTo>
                    <a:pt x="291922" y="509588"/>
                    <a:pt x="250582" y="517398"/>
                    <a:pt x="212959" y="613696"/>
                  </a:cubicBezTo>
                  <a:cubicBezTo>
                    <a:pt x="199433" y="648367"/>
                    <a:pt x="180669" y="690467"/>
                    <a:pt x="160858" y="735139"/>
                  </a:cubicBezTo>
                  <a:cubicBezTo>
                    <a:pt x="101422" y="868489"/>
                    <a:pt x="27507" y="1034605"/>
                    <a:pt x="33699" y="1131761"/>
                  </a:cubicBezTo>
                  <a:cubicBezTo>
                    <a:pt x="35615" y="1175067"/>
                    <a:pt x="34979" y="1218450"/>
                    <a:pt x="31794" y="1261682"/>
                  </a:cubicBezTo>
                  <a:cubicBezTo>
                    <a:pt x="26745" y="1359408"/>
                    <a:pt x="21411" y="1460564"/>
                    <a:pt x="68846" y="1561243"/>
                  </a:cubicBezTo>
                  <a:cubicBezTo>
                    <a:pt x="114089" y="1657160"/>
                    <a:pt x="129806" y="1787271"/>
                    <a:pt x="143521" y="1902619"/>
                  </a:cubicBezTo>
                  <a:lnTo>
                    <a:pt x="114946" y="1902619"/>
                  </a:lnTo>
                  <a:cubicBezTo>
                    <a:pt x="101612" y="1790224"/>
                    <a:pt x="86371" y="1664494"/>
                    <a:pt x="43224" y="1573435"/>
                  </a:cubicBezTo>
                  <a:cubicBezTo>
                    <a:pt x="-7450" y="1465802"/>
                    <a:pt x="-2020" y="1361027"/>
                    <a:pt x="3314" y="125968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5" name="Freeform: Shape 158">
              <a:extLst>
                <a:ext uri="{FF2B5EF4-FFF2-40B4-BE49-F238E27FC236}">
                  <a16:creationId xmlns:a16="http://schemas.microsoft.com/office/drawing/2014/main" id="{429474BA-42AE-AA4E-B053-5CFF70040752}"/>
                </a:ext>
              </a:extLst>
            </p:cNvPr>
            <p:cNvSpPr/>
            <p:nvPr/>
          </p:nvSpPr>
          <p:spPr>
            <a:xfrm>
              <a:off x="9646405" y="-1667640"/>
              <a:ext cx="2997210" cy="2884652"/>
            </a:xfrm>
            <a:custGeom>
              <a:avLst/>
              <a:gdLst>
                <a:gd name="connsiteX0" fmla="*/ 248317 w 2454878"/>
                <a:gd name="connsiteY0" fmla="*/ 365951 h 2379219"/>
                <a:gd name="connsiteX1" fmla="*/ 349854 w 2454878"/>
                <a:gd name="connsiteY1" fmla="*/ 451676 h 2379219"/>
                <a:gd name="connsiteX2" fmla="*/ 480441 w 2454878"/>
                <a:gd name="connsiteY2" fmla="*/ 534734 h 2379219"/>
                <a:gd name="connsiteX3" fmla="*/ 800196 w 2454878"/>
                <a:gd name="connsiteY3" fmla="*/ 617315 h 2379219"/>
                <a:gd name="connsiteX4" fmla="*/ 904304 w 2454878"/>
                <a:gd name="connsiteY4" fmla="*/ 621792 h 2379219"/>
                <a:gd name="connsiteX5" fmla="*/ 1119283 w 2454878"/>
                <a:gd name="connsiteY5" fmla="*/ 672370 h 2379219"/>
                <a:gd name="connsiteX6" fmla="*/ 1227106 w 2454878"/>
                <a:gd name="connsiteY6" fmla="*/ 861917 h 2379219"/>
                <a:gd name="connsiteX7" fmla="*/ 1299972 w 2454878"/>
                <a:gd name="connsiteY7" fmla="*/ 996887 h 2379219"/>
                <a:gd name="connsiteX8" fmla="*/ 1374839 w 2454878"/>
                <a:gd name="connsiteY8" fmla="*/ 1199674 h 2379219"/>
                <a:gd name="connsiteX9" fmla="*/ 1437894 w 2454878"/>
                <a:gd name="connsiteY9" fmla="*/ 1381506 h 2379219"/>
                <a:gd name="connsiteX10" fmla="*/ 1504569 w 2454878"/>
                <a:gd name="connsiteY10" fmla="*/ 1538383 h 2379219"/>
                <a:gd name="connsiteX11" fmla="*/ 1575341 w 2454878"/>
                <a:gd name="connsiteY11" fmla="*/ 1705451 h 2379219"/>
                <a:gd name="connsiteX12" fmla="*/ 1673353 w 2454878"/>
                <a:gd name="connsiteY12" fmla="*/ 1852232 h 2379219"/>
                <a:gd name="connsiteX13" fmla="*/ 1787652 w 2454878"/>
                <a:gd name="connsiteY13" fmla="*/ 2030159 h 2379219"/>
                <a:gd name="connsiteX14" fmla="*/ 1978152 w 2454878"/>
                <a:gd name="connsiteY14" fmla="*/ 2336102 h 2379219"/>
                <a:gd name="connsiteX15" fmla="*/ 2266855 w 2454878"/>
                <a:gd name="connsiteY15" fmla="*/ 2333720 h 2379219"/>
                <a:gd name="connsiteX16" fmla="*/ 2325053 w 2454878"/>
                <a:gd name="connsiteY16" fmla="*/ 2298669 h 2379219"/>
                <a:gd name="connsiteX17" fmla="*/ 2454879 w 2454878"/>
                <a:gd name="connsiteY17" fmla="*/ 2233327 h 2379219"/>
                <a:gd name="connsiteX18" fmla="*/ 2454879 w 2454878"/>
                <a:gd name="connsiteY18" fmla="*/ 2261902 h 2379219"/>
                <a:gd name="connsiteX19" fmla="*/ 2341054 w 2454878"/>
                <a:gd name="connsiteY19" fmla="*/ 2322195 h 2379219"/>
                <a:gd name="connsiteX20" fmla="*/ 2276379 w 2454878"/>
                <a:gd name="connsiteY20" fmla="*/ 2360295 h 2379219"/>
                <a:gd name="connsiteX21" fmla="*/ 1960245 w 2454878"/>
                <a:gd name="connsiteY21" fmla="*/ 2358009 h 2379219"/>
                <a:gd name="connsiteX22" fmla="*/ 1761744 w 2454878"/>
                <a:gd name="connsiteY22" fmla="*/ 2041779 h 2379219"/>
                <a:gd name="connsiteX23" fmla="*/ 1650682 w 2454878"/>
                <a:gd name="connsiteY23" fmla="*/ 1868710 h 2379219"/>
                <a:gd name="connsiteX24" fmla="*/ 1550479 w 2454878"/>
                <a:gd name="connsiteY24" fmla="*/ 1718691 h 2379219"/>
                <a:gd name="connsiteX25" fmla="*/ 1477994 w 2454878"/>
                <a:gd name="connsiteY25" fmla="*/ 1547813 h 2379219"/>
                <a:gd name="connsiteX26" fmla="*/ 1413319 w 2454878"/>
                <a:gd name="connsiteY26" fmla="*/ 1395413 h 2379219"/>
                <a:gd name="connsiteX27" fmla="*/ 1347693 w 2454878"/>
                <a:gd name="connsiteY27" fmla="*/ 1207484 h 2379219"/>
                <a:gd name="connsiteX28" fmla="*/ 1276636 w 2454878"/>
                <a:gd name="connsiteY28" fmla="*/ 1012984 h 2379219"/>
                <a:gd name="connsiteX29" fmla="*/ 1201864 w 2454878"/>
                <a:gd name="connsiteY29" fmla="*/ 874586 h 2379219"/>
                <a:gd name="connsiteX30" fmla="*/ 1097089 w 2454878"/>
                <a:gd name="connsiteY30" fmla="*/ 689801 h 2379219"/>
                <a:gd name="connsiteX31" fmla="*/ 906589 w 2454878"/>
                <a:gd name="connsiteY31" fmla="*/ 650367 h 2379219"/>
                <a:gd name="connsiteX32" fmla="*/ 786670 w 2454878"/>
                <a:gd name="connsiteY32" fmla="*/ 642556 h 2379219"/>
                <a:gd name="connsiteX33" fmla="*/ 477203 w 2454878"/>
                <a:gd name="connsiteY33" fmla="*/ 563213 h 2379219"/>
                <a:gd name="connsiteX34" fmla="*/ 329184 w 2454878"/>
                <a:gd name="connsiteY34" fmla="*/ 471392 h 2379219"/>
                <a:gd name="connsiteX35" fmla="*/ 234601 w 2454878"/>
                <a:gd name="connsiteY35" fmla="*/ 391097 h 2379219"/>
                <a:gd name="connsiteX36" fmla="*/ 4382 w 2454878"/>
                <a:gd name="connsiteY36" fmla="*/ 10097 h 2379219"/>
                <a:gd name="connsiteX37" fmla="*/ 0 w 2454878"/>
                <a:gd name="connsiteY37" fmla="*/ 0 h 2379219"/>
                <a:gd name="connsiteX38" fmla="*/ 31242 w 2454878"/>
                <a:gd name="connsiteY38" fmla="*/ 0 h 2379219"/>
                <a:gd name="connsiteX39" fmla="*/ 248317 w 2454878"/>
                <a:gd name="connsiteY39" fmla="*/ 365951 h 23792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2454878" h="2379219">
                  <a:moveTo>
                    <a:pt x="248317" y="365951"/>
                  </a:moveTo>
                  <a:cubicBezTo>
                    <a:pt x="291561" y="389954"/>
                    <a:pt x="321183" y="421291"/>
                    <a:pt x="349854" y="451676"/>
                  </a:cubicBezTo>
                  <a:cubicBezTo>
                    <a:pt x="387954" y="492538"/>
                    <a:pt x="421767" y="527876"/>
                    <a:pt x="480441" y="534734"/>
                  </a:cubicBezTo>
                  <a:cubicBezTo>
                    <a:pt x="585216" y="547116"/>
                    <a:pt x="733806" y="581311"/>
                    <a:pt x="800196" y="617315"/>
                  </a:cubicBezTo>
                  <a:cubicBezTo>
                    <a:pt x="820674" y="628460"/>
                    <a:pt x="861250" y="625221"/>
                    <a:pt x="904304" y="621792"/>
                  </a:cubicBezTo>
                  <a:cubicBezTo>
                    <a:pt x="978408" y="615887"/>
                    <a:pt x="1070611" y="608552"/>
                    <a:pt x="1119283" y="672370"/>
                  </a:cubicBezTo>
                  <a:cubicBezTo>
                    <a:pt x="1160431" y="726281"/>
                    <a:pt x="1194341" y="795242"/>
                    <a:pt x="1227106" y="861917"/>
                  </a:cubicBezTo>
                  <a:cubicBezTo>
                    <a:pt x="1248521" y="908401"/>
                    <a:pt x="1272858" y="953481"/>
                    <a:pt x="1299972" y="996887"/>
                  </a:cubicBezTo>
                  <a:cubicBezTo>
                    <a:pt x="1331404" y="1043750"/>
                    <a:pt x="1353503" y="1122998"/>
                    <a:pt x="1374839" y="1199674"/>
                  </a:cubicBezTo>
                  <a:cubicBezTo>
                    <a:pt x="1393889" y="1267016"/>
                    <a:pt x="1412939" y="1336548"/>
                    <a:pt x="1437894" y="1381506"/>
                  </a:cubicBezTo>
                  <a:cubicBezTo>
                    <a:pt x="1464209" y="1431964"/>
                    <a:pt x="1486503" y="1484419"/>
                    <a:pt x="1504569" y="1538383"/>
                  </a:cubicBezTo>
                  <a:cubicBezTo>
                    <a:pt x="1523977" y="1595753"/>
                    <a:pt x="1547633" y="1651597"/>
                    <a:pt x="1575341" y="1705451"/>
                  </a:cubicBezTo>
                  <a:cubicBezTo>
                    <a:pt x="1604769" y="1756467"/>
                    <a:pt x="1637510" y="1805499"/>
                    <a:pt x="1673353" y="1852232"/>
                  </a:cubicBezTo>
                  <a:cubicBezTo>
                    <a:pt x="1715358" y="1909382"/>
                    <a:pt x="1759077" y="1968722"/>
                    <a:pt x="1787652" y="2030159"/>
                  </a:cubicBezTo>
                  <a:cubicBezTo>
                    <a:pt x="1838516" y="2139696"/>
                    <a:pt x="1943576" y="2308384"/>
                    <a:pt x="1978152" y="2336102"/>
                  </a:cubicBezTo>
                  <a:cubicBezTo>
                    <a:pt x="2008823" y="2360771"/>
                    <a:pt x="2215039" y="2352008"/>
                    <a:pt x="2266855" y="2333720"/>
                  </a:cubicBezTo>
                  <a:cubicBezTo>
                    <a:pt x="2287315" y="2323893"/>
                    <a:pt x="2306799" y="2312157"/>
                    <a:pt x="2325053" y="2298669"/>
                  </a:cubicBezTo>
                  <a:cubicBezTo>
                    <a:pt x="2368486" y="2269427"/>
                    <a:pt x="2416493" y="2237042"/>
                    <a:pt x="2454879" y="2233327"/>
                  </a:cubicBezTo>
                  <a:lnTo>
                    <a:pt x="2454879" y="2261902"/>
                  </a:lnTo>
                  <a:cubicBezTo>
                    <a:pt x="2423923" y="2266474"/>
                    <a:pt x="2375250" y="2299240"/>
                    <a:pt x="2341054" y="2322195"/>
                  </a:cubicBezTo>
                  <a:cubicBezTo>
                    <a:pt x="2320904" y="2337147"/>
                    <a:pt x="2299224" y="2349918"/>
                    <a:pt x="2276379" y="2360295"/>
                  </a:cubicBezTo>
                  <a:cubicBezTo>
                    <a:pt x="2226088" y="2378012"/>
                    <a:pt x="2003966" y="2393061"/>
                    <a:pt x="1960245" y="2358009"/>
                  </a:cubicBezTo>
                  <a:cubicBezTo>
                    <a:pt x="1918621" y="2324672"/>
                    <a:pt x="1811464" y="2148459"/>
                    <a:pt x="1761744" y="2041779"/>
                  </a:cubicBezTo>
                  <a:cubicBezTo>
                    <a:pt x="1734408" y="1983010"/>
                    <a:pt x="1691831" y="1924907"/>
                    <a:pt x="1650682" y="1868710"/>
                  </a:cubicBezTo>
                  <a:cubicBezTo>
                    <a:pt x="1613990" y="1820982"/>
                    <a:pt x="1580516" y="1770865"/>
                    <a:pt x="1550479" y="1718691"/>
                  </a:cubicBezTo>
                  <a:cubicBezTo>
                    <a:pt x="1522115" y="1663607"/>
                    <a:pt x="1497886" y="1606490"/>
                    <a:pt x="1477994" y="1547813"/>
                  </a:cubicBezTo>
                  <a:cubicBezTo>
                    <a:pt x="1460401" y="1495420"/>
                    <a:pt x="1438778" y="1444468"/>
                    <a:pt x="1413319" y="1395413"/>
                  </a:cubicBezTo>
                  <a:cubicBezTo>
                    <a:pt x="1386745" y="1347788"/>
                    <a:pt x="1366933" y="1276350"/>
                    <a:pt x="1347693" y="1207484"/>
                  </a:cubicBezTo>
                  <a:cubicBezTo>
                    <a:pt x="1326928" y="1132904"/>
                    <a:pt x="1305497" y="1055942"/>
                    <a:pt x="1276636" y="1012984"/>
                  </a:cubicBezTo>
                  <a:cubicBezTo>
                    <a:pt x="1248826" y="968470"/>
                    <a:pt x="1223853" y="922245"/>
                    <a:pt x="1201864" y="874586"/>
                  </a:cubicBezTo>
                  <a:cubicBezTo>
                    <a:pt x="1169670" y="809149"/>
                    <a:pt x="1136332" y="741236"/>
                    <a:pt x="1097089" y="689801"/>
                  </a:cubicBezTo>
                  <a:cubicBezTo>
                    <a:pt x="1057847" y="638366"/>
                    <a:pt x="977742" y="644747"/>
                    <a:pt x="906589" y="650367"/>
                  </a:cubicBezTo>
                  <a:cubicBezTo>
                    <a:pt x="857251" y="654272"/>
                    <a:pt x="814579" y="657701"/>
                    <a:pt x="786670" y="642556"/>
                  </a:cubicBezTo>
                  <a:cubicBezTo>
                    <a:pt x="723233" y="608171"/>
                    <a:pt x="579501" y="575215"/>
                    <a:pt x="477203" y="563213"/>
                  </a:cubicBezTo>
                  <a:cubicBezTo>
                    <a:pt x="408242" y="555117"/>
                    <a:pt x="369856" y="514445"/>
                    <a:pt x="329184" y="471392"/>
                  </a:cubicBezTo>
                  <a:cubicBezTo>
                    <a:pt x="302038" y="442817"/>
                    <a:pt x="273940" y="412814"/>
                    <a:pt x="234601" y="391097"/>
                  </a:cubicBezTo>
                  <a:cubicBezTo>
                    <a:pt x="152019" y="345377"/>
                    <a:pt x="52293" y="118586"/>
                    <a:pt x="4382" y="10097"/>
                  </a:cubicBezTo>
                  <a:cubicBezTo>
                    <a:pt x="2953" y="6668"/>
                    <a:pt x="1429" y="3334"/>
                    <a:pt x="0" y="0"/>
                  </a:cubicBezTo>
                  <a:lnTo>
                    <a:pt x="31242" y="0"/>
                  </a:lnTo>
                  <a:cubicBezTo>
                    <a:pt x="74676" y="98012"/>
                    <a:pt x="174593" y="325184"/>
                    <a:pt x="248317" y="365951"/>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6" name="Freeform: Shape 159">
              <a:extLst>
                <a:ext uri="{FF2B5EF4-FFF2-40B4-BE49-F238E27FC236}">
                  <a16:creationId xmlns:a16="http://schemas.microsoft.com/office/drawing/2014/main" id="{51ECD852-DA27-4F47-A8E5-FE414C93FDB5}"/>
                </a:ext>
              </a:extLst>
            </p:cNvPr>
            <p:cNvSpPr/>
            <p:nvPr/>
          </p:nvSpPr>
          <p:spPr>
            <a:xfrm>
              <a:off x="11346837" y="-1668332"/>
              <a:ext cx="1296313" cy="2192936"/>
            </a:xfrm>
            <a:custGeom>
              <a:avLst/>
              <a:gdLst>
                <a:gd name="connsiteX0" fmla="*/ 200596 w 1061751"/>
                <a:gd name="connsiteY0" fmla="*/ 229362 h 1808702"/>
                <a:gd name="connsiteX1" fmla="*/ 247173 w 1061751"/>
                <a:gd name="connsiteY1" fmla="*/ 392525 h 1808702"/>
                <a:gd name="connsiteX2" fmla="*/ 348996 w 1061751"/>
                <a:gd name="connsiteY2" fmla="*/ 620649 h 1808702"/>
                <a:gd name="connsiteX3" fmla="*/ 430054 w 1061751"/>
                <a:gd name="connsiteY3" fmla="*/ 878872 h 1808702"/>
                <a:gd name="connsiteX4" fmla="*/ 523303 w 1061751"/>
                <a:gd name="connsiteY4" fmla="*/ 1165860 h 1808702"/>
                <a:gd name="connsiteX5" fmla="*/ 906684 w 1061751"/>
                <a:gd name="connsiteY5" fmla="*/ 1669066 h 1808702"/>
                <a:gd name="connsiteX6" fmla="*/ 1061752 w 1061751"/>
                <a:gd name="connsiteY6" fmla="*/ 1779175 h 1808702"/>
                <a:gd name="connsiteX7" fmla="*/ 1061752 w 1061751"/>
                <a:gd name="connsiteY7" fmla="*/ 1808702 h 1808702"/>
                <a:gd name="connsiteX8" fmla="*/ 880777 w 1061751"/>
                <a:gd name="connsiteY8" fmla="*/ 1679924 h 1808702"/>
                <a:gd name="connsiteX9" fmla="*/ 503396 w 1061751"/>
                <a:gd name="connsiteY9" fmla="*/ 1185958 h 1808702"/>
                <a:gd name="connsiteX10" fmla="*/ 402336 w 1061751"/>
                <a:gd name="connsiteY10" fmla="*/ 883253 h 1808702"/>
                <a:gd name="connsiteX11" fmla="*/ 328803 w 1061751"/>
                <a:gd name="connsiteY11" fmla="*/ 640271 h 1808702"/>
                <a:gd name="connsiteX12" fmla="*/ 219932 w 1061751"/>
                <a:gd name="connsiteY12" fmla="*/ 399383 h 1808702"/>
                <a:gd name="connsiteX13" fmla="*/ 174116 w 1061751"/>
                <a:gd name="connsiteY13" fmla="*/ 238887 h 1808702"/>
                <a:gd name="connsiteX14" fmla="*/ 0 w 1061751"/>
                <a:gd name="connsiteY14" fmla="*/ 0 h 1808702"/>
                <a:gd name="connsiteX15" fmla="*/ 42386 w 1061751"/>
                <a:gd name="connsiteY15" fmla="*/ 0 h 1808702"/>
                <a:gd name="connsiteX16" fmla="*/ 200596 w 1061751"/>
                <a:gd name="connsiteY16" fmla="*/ 229362 h 1808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61751" h="1808702">
                  <a:moveTo>
                    <a:pt x="200596" y="229362"/>
                  </a:moveTo>
                  <a:cubicBezTo>
                    <a:pt x="218876" y="282926"/>
                    <a:pt x="234422" y="337384"/>
                    <a:pt x="247173" y="392525"/>
                  </a:cubicBezTo>
                  <a:cubicBezTo>
                    <a:pt x="269558" y="483680"/>
                    <a:pt x="287274" y="555689"/>
                    <a:pt x="348996" y="620649"/>
                  </a:cubicBezTo>
                  <a:cubicBezTo>
                    <a:pt x="398335" y="672560"/>
                    <a:pt x="413765" y="773049"/>
                    <a:pt x="430054" y="878872"/>
                  </a:cubicBezTo>
                  <a:cubicBezTo>
                    <a:pt x="447294" y="990886"/>
                    <a:pt x="465105" y="1106615"/>
                    <a:pt x="523303" y="1165860"/>
                  </a:cubicBezTo>
                  <a:cubicBezTo>
                    <a:pt x="645700" y="1290447"/>
                    <a:pt x="852202" y="1536478"/>
                    <a:pt x="906684" y="1669066"/>
                  </a:cubicBezTo>
                  <a:cubicBezTo>
                    <a:pt x="929735" y="1725168"/>
                    <a:pt x="987647" y="1758410"/>
                    <a:pt x="1061752" y="1779175"/>
                  </a:cubicBezTo>
                  <a:lnTo>
                    <a:pt x="1061752" y="1808702"/>
                  </a:lnTo>
                  <a:cubicBezTo>
                    <a:pt x="976027" y="1785938"/>
                    <a:pt x="908209" y="1747838"/>
                    <a:pt x="880777" y="1679924"/>
                  </a:cubicBezTo>
                  <a:cubicBezTo>
                    <a:pt x="827627" y="1550861"/>
                    <a:pt x="624174" y="1308449"/>
                    <a:pt x="503396" y="1185958"/>
                  </a:cubicBezTo>
                  <a:cubicBezTo>
                    <a:pt x="438721" y="1120140"/>
                    <a:pt x="420243" y="999649"/>
                    <a:pt x="402336" y="883253"/>
                  </a:cubicBezTo>
                  <a:cubicBezTo>
                    <a:pt x="386715" y="781622"/>
                    <a:pt x="371952" y="685705"/>
                    <a:pt x="328803" y="640271"/>
                  </a:cubicBezTo>
                  <a:cubicBezTo>
                    <a:pt x="262128" y="569881"/>
                    <a:pt x="243078" y="494633"/>
                    <a:pt x="219932" y="399383"/>
                  </a:cubicBezTo>
                  <a:cubicBezTo>
                    <a:pt x="207357" y="345151"/>
                    <a:pt x="192066" y="291585"/>
                    <a:pt x="174116" y="238887"/>
                  </a:cubicBezTo>
                  <a:cubicBezTo>
                    <a:pt x="139255" y="139922"/>
                    <a:pt x="60674" y="54864"/>
                    <a:pt x="0" y="0"/>
                  </a:cubicBezTo>
                  <a:lnTo>
                    <a:pt x="42386" y="0"/>
                  </a:lnTo>
                  <a:cubicBezTo>
                    <a:pt x="101155" y="56483"/>
                    <a:pt x="167830" y="136398"/>
                    <a:pt x="200596" y="229362"/>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47" name="Freeform: Shape 160">
              <a:extLst>
                <a:ext uri="{FF2B5EF4-FFF2-40B4-BE49-F238E27FC236}">
                  <a16:creationId xmlns:a16="http://schemas.microsoft.com/office/drawing/2014/main" id="{C90124E8-FB02-2B41-8457-67DE88F7EE93}"/>
                </a:ext>
              </a:extLst>
            </p:cNvPr>
            <p:cNvSpPr/>
            <p:nvPr/>
          </p:nvSpPr>
          <p:spPr>
            <a:xfrm>
              <a:off x="12156816" y="-1667525"/>
              <a:ext cx="486334" cy="1195495"/>
            </a:xfrm>
            <a:custGeom>
              <a:avLst/>
              <a:gdLst>
                <a:gd name="connsiteX0" fmla="*/ 99440 w 398334"/>
                <a:gd name="connsiteY0" fmla="*/ 124778 h 986027"/>
                <a:gd name="connsiteX1" fmla="*/ 273367 w 398334"/>
                <a:gd name="connsiteY1" fmla="*/ 663702 h 986027"/>
                <a:gd name="connsiteX2" fmla="*/ 278511 w 398334"/>
                <a:gd name="connsiteY2" fmla="*/ 700278 h 986027"/>
                <a:gd name="connsiteX3" fmla="*/ 398335 w 398334"/>
                <a:gd name="connsiteY3" fmla="*/ 947928 h 986027"/>
                <a:gd name="connsiteX4" fmla="*/ 398335 w 398334"/>
                <a:gd name="connsiteY4" fmla="*/ 986028 h 986027"/>
                <a:gd name="connsiteX5" fmla="*/ 250222 w 398334"/>
                <a:gd name="connsiteY5" fmla="*/ 704850 h 986027"/>
                <a:gd name="connsiteX6" fmla="*/ 245078 w 398334"/>
                <a:gd name="connsiteY6" fmla="*/ 668274 h 986027"/>
                <a:gd name="connsiteX7" fmla="*/ 80390 w 398334"/>
                <a:gd name="connsiteY7" fmla="*/ 146780 h 986027"/>
                <a:gd name="connsiteX8" fmla="*/ 0 w 398334"/>
                <a:gd name="connsiteY8" fmla="*/ 0 h 986027"/>
                <a:gd name="connsiteX9" fmla="*/ 29718 w 398334"/>
                <a:gd name="connsiteY9" fmla="*/ 0 h 986027"/>
                <a:gd name="connsiteX10" fmla="*/ 99440 w 398334"/>
                <a:gd name="connsiteY10" fmla="*/ 124778 h 986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98334" h="986027">
                  <a:moveTo>
                    <a:pt x="99440" y="124778"/>
                  </a:moveTo>
                  <a:cubicBezTo>
                    <a:pt x="212027" y="225457"/>
                    <a:pt x="240411" y="428530"/>
                    <a:pt x="273367" y="663702"/>
                  </a:cubicBezTo>
                  <a:lnTo>
                    <a:pt x="278511" y="700278"/>
                  </a:lnTo>
                  <a:cubicBezTo>
                    <a:pt x="292989" y="802672"/>
                    <a:pt x="335089" y="888683"/>
                    <a:pt x="398335" y="947928"/>
                  </a:cubicBezTo>
                  <a:lnTo>
                    <a:pt x="398335" y="986028"/>
                  </a:lnTo>
                  <a:cubicBezTo>
                    <a:pt x="319374" y="922687"/>
                    <a:pt x="267080" y="824103"/>
                    <a:pt x="250222" y="704850"/>
                  </a:cubicBezTo>
                  <a:lnTo>
                    <a:pt x="245078" y="668274"/>
                  </a:lnTo>
                  <a:cubicBezTo>
                    <a:pt x="212979" y="438722"/>
                    <a:pt x="185165" y="240411"/>
                    <a:pt x="80390" y="146780"/>
                  </a:cubicBezTo>
                  <a:cubicBezTo>
                    <a:pt x="39148" y="109919"/>
                    <a:pt x="14574" y="55531"/>
                    <a:pt x="0" y="0"/>
                  </a:cubicBezTo>
                  <a:lnTo>
                    <a:pt x="29718" y="0"/>
                  </a:lnTo>
                  <a:cubicBezTo>
                    <a:pt x="43243" y="47720"/>
                    <a:pt x="64769" y="93821"/>
                    <a:pt x="99440" y="124778"/>
                  </a:cubicBezTo>
                  <a:close/>
                </a:path>
              </a:pathLst>
            </a:custGeom>
            <a:grpFill/>
            <a:ln w="9525"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grpSp>
      <p:sp>
        <p:nvSpPr>
          <p:cNvPr id="48" name="White Rectangle">
            <a:extLst>
              <a:ext uri="{FF2B5EF4-FFF2-40B4-BE49-F238E27FC236}">
                <a16:creationId xmlns:a16="http://schemas.microsoft.com/office/drawing/2014/main" id="{45F49039-9BA5-7F45-ABBB-831797056704}"/>
              </a:ext>
            </a:extLst>
          </p:cNvPr>
          <p:cNvSpPr/>
          <p:nvPr userDrawn="1"/>
        </p:nvSpPr>
        <p:spPr>
          <a:xfrm>
            <a:off x="705494" y="549965"/>
            <a:ext cx="10781013" cy="57580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Tree>
    <p:extLst>
      <p:ext uri="{BB962C8B-B14F-4D97-AF65-F5344CB8AC3E}">
        <p14:creationId xmlns:p14="http://schemas.microsoft.com/office/powerpoint/2010/main" val="8866586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ue Divider">
    <p:spTree>
      <p:nvGrpSpPr>
        <p:cNvPr id="1" name=""/>
        <p:cNvGrpSpPr/>
        <p:nvPr/>
      </p:nvGrpSpPr>
      <p:grpSpPr>
        <a:xfrm>
          <a:off x="0" y="0"/>
          <a:ext cx="0" cy="0"/>
          <a:chOff x="0" y="0"/>
          <a:chExt cx="0" cy="0"/>
        </a:xfrm>
      </p:grpSpPr>
      <p:sp>
        <p:nvSpPr>
          <p:cNvPr id="6" name="Gradient Angle">
            <a:extLst>
              <a:ext uri="{FF2B5EF4-FFF2-40B4-BE49-F238E27FC236}">
                <a16:creationId xmlns:a16="http://schemas.microsoft.com/office/drawing/2014/main" id="{81F0740B-1E04-9441-87BC-8966A37A7707}"/>
              </a:ext>
            </a:extLst>
          </p:cNvPr>
          <p:cNvSpPr/>
          <p:nvPr userDrawn="1"/>
        </p:nvSpPr>
        <p:spPr>
          <a:xfrm flipV="1">
            <a:off x="3256211" y="0"/>
            <a:ext cx="1148106" cy="6858001"/>
          </a:xfrm>
          <a:custGeom>
            <a:avLst/>
            <a:gdLst>
              <a:gd name="connsiteX0" fmla="*/ 466997 w 1676247"/>
              <a:gd name="connsiteY0" fmla="*/ 6858001 h 6858001"/>
              <a:gd name="connsiteX1" fmla="*/ 0 w 1676247"/>
              <a:gd name="connsiteY1" fmla="*/ 6858001 h 6858001"/>
              <a:gd name="connsiteX2" fmla="*/ 1209250 w 1676247"/>
              <a:gd name="connsiteY2" fmla="*/ 4 h 6858001"/>
              <a:gd name="connsiteX3" fmla="*/ 1097818 w 1676247"/>
              <a:gd name="connsiteY3" fmla="*/ 4 h 6858001"/>
              <a:gd name="connsiteX4" fmla="*/ 1097819 w 1676247"/>
              <a:gd name="connsiteY4" fmla="*/ 0 h 6858001"/>
              <a:gd name="connsiteX5" fmla="*/ 1564816 w 1676247"/>
              <a:gd name="connsiteY5" fmla="*/ 0 h 6858001"/>
              <a:gd name="connsiteX6" fmla="*/ 1564815 w 1676247"/>
              <a:gd name="connsiteY6" fmla="*/ 4 h 6858001"/>
              <a:gd name="connsiteX7" fmla="*/ 1676247 w 1676247"/>
              <a:gd name="connsiteY7" fmla="*/ 4 h 6858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76247" h="6858001">
                <a:moveTo>
                  <a:pt x="466997" y="6858001"/>
                </a:moveTo>
                <a:lnTo>
                  <a:pt x="0" y="6858001"/>
                </a:lnTo>
                <a:lnTo>
                  <a:pt x="1209250" y="4"/>
                </a:lnTo>
                <a:lnTo>
                  <a:pt x="1097818" y="4"/>
                </a:lnTo>
                <a:lnTo>
                  <a:pt x="1097819" y="0"/>
                </a:lnTo>
                <a:lnTo>
                  <a:pt x="1564816" y="0"/>
                </a:lnTo>
                <a:lnTo>
                  <a:pt x="1564815" y="4"/>
                </a:lnTo>
                <a:lnTo>
                  <a:pt x="1676247" y="4"/>
                </a:lnTo>
                <a:close/>
              </a:path>
            </a:pathLst>
          </a:custGeom>
          <a:gradFill flip="none" rotWithShape="1">
            <a:gsLst>
              <a:gs pos="100000">
                <a:schemeClr val="accent4">
                  <a:lumMod val="75000"/>
                </a:schemeClr>
              </a:gs>
              <a:gs pos="0">
                <a:schemeClr val="accent1"/>
              </a:gs>
            </a:gsLst>
            <a:lin ang="54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10" name="Body Text Placeholder">
            <a:extLst>
              <a:ext uri="{FF2B5EF4-FFF2-40B4-BE49-F238E27FC236}">
                <a16:creationId xmlns:a16="http://schemas.microsoft.com/office/drawing/2014/main" id="{45EFED1F-E847-F443-A9C7-E0812C754836}"/>
              </a:ext>
            </a:extLst>
          </p:cNvPr>
          <p:cNvSpPr>
            <a:spLocks noGrp="1"/>
          </p:cNvSpPr>
          <p:nvPr>
            <p:ph type="body" sz="quarter" idx="10" hasCustomPrompt="1"/>
          </p:nvPr>
        </p:nvSpPr>
        <p:spPr>
          <a:xfrm>
            <a:off x="4403725" y="2770188"/>
            <a:ext cx="6267530" cy="1568450"/>
          </a:xfrm>
        </p:spPr>
        <p:txBody>
          <a:bodyPr/>
          <a:lstStyle>
            <a:lvl1pPr marL="228600" indent="-228600">
              <a:lnSpc>
                <a:spcPct val="100000"/>
              </a:lnSpc>
              <a:buClr>
                <a:schemeClr val="tx1"/>
              </a:buClr>
              <a:buFont typeface="System Font Regular"/>
              <a:buChar char="+"/>
              <a:defRPr sz="1800">
                <a:solidFill>
                  <a:schemeClr val="tx1"/>
                </a:solidFill>
              </a:defRPr>
            </a:lvl1pPr>
            <a:lvl2pPr marL="457200" indent="0">
              <a:buClr>
                <a:schemeClr val="tx1"/>
              </a:buClr>
              <a:buFont typeface="System Font Regular"/>
              <a:buNone/>
              <a:defRPr/>
            </a:lvl2pPr>
            <a:lvl3pPr marL="1143000" indent="-228600">
              <a:buClr>
                <a:schemeClr val="tx1"/>
              </a:buClr>
              <a:buFont typeface="System Font Regular"/>
              <a:buChar char="+"/>
              <a:defRPr/>
            </a:lvl3pPr>
            <a:lvl4pPr marL="1600200" indent="-228600">
              <a:buClr>
                <a:schemeClr val="tx1"/>
              </a:buClr>
              <a:buFont typeface="System Font Regular"/>
              <a:buChar char="+"/>
              <a:defRPr/>
            </a:lvl4pPr>
          </a:lstStyle>
          <a:p>
            <a:pPr lvl="0"/>
            <a:r>
              <a:rPr lang="en-US"/>
              <a:t>Body text is Arial Regular, 18pt font size.</a:t>
            </a:r>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endParaRPr lang="en-US"/>
          </a:p>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a:p>
            <a:pPr lvl="0"/>
            <a:endParaRPr lang="en-US"/>
          </a:p>
        </p:txBody>
      </p:sp>
      <p:sp>
        <p:nvSpPr>
          <p:cNvPr id="2" name="Title">
            <a:extLst>
              <a:ext uri="{FF2B5EF4-FFF2-40B4-BE49-F238E27FC236}">
                <a16:creationId xmlns:a16="http://schemas.microsoft.com/office/drawing/2014/main" id="{03AEE99F-6744-C343-9E1F-1ADA01CECCC3}"/>
              </a:ext>
            </a:extLst>
          </p:cNvPr>
          <p:cNvSpPr>
            <a:spLocks noGrp="1"/>
          </p:cNvSpPr>
          <p:nvPr>
            <p:ph type="title" hasCustomPrompt="1"/>
          </p:nvPr>
        </p:nvSpPr>
        <p:spPr>
          <a:xfrm>
            <a:off x="565668" y="1444914"/>
            <a:ext cx="2418011" cy="1325563"/>
          </a:xfrm>
        </p:spPr>
        <p:txBody>
          <a:bodyPr>
            <a:normAutofit/>
          </a:bodyPr>
          <a:lstStyle>
            <a:lvl1pPr algn="r">
              <a:defRPr sz="2800" b="1" i="0" spc="0">
                <a:latin typeface="Arial" panose="020B0604020202020204" pitchFamily="34" charset="0"/>
                <a:cs typeface="Arial" panose="020B0604020202020204" pitchFamily="34" charset="0"/>
              </a:defRPr>
            </a:lvl1pPr>
          </a:lstStyle>
          <a:p>
            <a:r>
              <a:rPr lang="en-US"/>
              <a:t>Slide Title. Three lines maximum.</a:t>
            </a:r>
          </a:p>
        </p:txBody>
      </p:sp>
    </p:spTree>
    <p:extLst>
      <p:ext uri="{BB962C8B-B14F-4D97-AF65-F5344CB8AC3E}">
        <p14:creationId xmlns:p14="http://schemas.microsoft.com/office/powerpoint/2010/main" val="253437341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598A2B79-D1E5-C04F-82F5-9324126A9508}"/>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11" name="Text Placeholder 10">
            <a:extLst>
              <a:ext uri="{FF2B5EF4-FFF2-40B4-BE49-F238E27FC236}">
                <a16:creationId xmlns:a16="http://schemas.microsoft.com/office/drawing/2014/main" id="{FF6F69EF-A35B-8446-A2C5-00646A71279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Tree>
    <p:extLst>
      <p:ext uri="{BB962C8B-B14F-4D97-AF65-F5344CB8AC3E}">
        <p14:creationId xmlns:p14="http://schemas.microsoft.com/office/powerpoint/2010/main" val="2735760457"/>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Dark Blue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CAC2C03E-66D7-A344-8443-9A754B466AFA}"/>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B995DA92-4B25-2546-B107-A9345D2DC3BF}"/>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94506196"/>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Navy 3/4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99CBCD5-1BB2-3D42-A5FF-E5AD97C062F4}"/>
              </a:ext>
            </a:extLst>
          </p:cNvPr>
          <p:cNvSpPr/>
          <p:nvPr userDrawn="1"/>
        </p:nvSpPr>
        <p:spPr>
          <a:xfrm>
            <a:off x="1" y="0"/>
            <a:ext cx="9868617"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Arial" panose="020B0604020202020204"/>
              <a:ea typeface="+mn-ea"/>
              <a:cs typeface="+mn-cs"/>
            </a:endParaRPr>
          </a:p>
        </p:txBody>
      </p:sp>
      <p:sp>
        <p:nvSpPr>
          <p:cNvPr id="4" name="Picture Placeholder 3">
            <a:extLst>
              <a:ext uri="{FF2B5EF4-FFF2-40B4-BE49-F238E27FC236}">
                <a16:creationId xmlns:a16="http://schemas.microsoft.com/office/drawing/2014/main" id="{EB0CC5F4-AC4D-0B47-BEC6-284D77B013F7}"/>
              </a:ext>
            </a:extLst>
          </p:cNvPr>
          <p:cNvSpPr>
            <a:spLocks noGrp="1"/>
          </p:cNvSpPr>
          <p:nvPr>
            <p:ph type="pic" sz="quarter" idx="11"/>
          </p:nvPr>
        </p:nvSpPr>
        <p:spPr>
          <a:xfrm>
            <a:off x="6834188" y="774700"/>
            <a:ext cx="4379912" cy="5308600"/>
          </a:xfrm>
        </p:spPr>
        <p:txBody>
          <a:bodyPr/>
          <a:lstStyle/>
          <a:p>
            <a:endParaRPr lang="en-US"/>
          </a:p>
        </p:txBody>
      </p:sp>
      <p:sp>
        <p:nvSpPr>
          <p:cNvPr id="7" name="Title 1">
            <a:extLst>
              <a:ext uri="{FF2B5EF4-FFF2-40B4-BE49-F238E27FC236}">
                <a16:creationId xmlns:a16="http://schemas.microsoft.com/office/drawing/2014/main" id="{9549931C-2A4F-4C40-864A-17531A2896AE}"/>
              </a:ext>
            </a:extLst>
          </p:cNvPr>
          <p:cNvSpPr>
            <a:spLocks noGrp="1"/>
          </p:cNvSpPr>
          <p:nvPr>
            <p:ph type="title" hasCustomPrompt="1"/>
          </p:nvPr>
        </p:nvSpPr>
        <p:spPr>
          <a:xfrm>
            <a:off x="1187730" y="1267171"/>
            <a:ext cx="5371697" cy="750458"/>
          </a:xfrm>
        </p:spPr>
        <p:txBody>
          <a:bodyPr>
            <a:normAutofit/>
          </a:bodyPr>
          <a:lstStyle>
            <a:lvl1pPr>
              <a:defRPr sz="2800" b="1" i="0">
                <a:solidFill>
                  <a:schemeClr val="bg1"/>
                </a:solidFill>
                <a:latin typeface="Arial" panose="020B0604020202020204" pitchFamily="34" charset="0"/>
                <a:cs typeface="Arial" panose="020B0604020202020204" pitchFamily="34" charset="0"/>
              </a:defRPr>
            </a:lvl1pPr>
          </a:lstStyle>
          <a:p>
            <a:r>
              <a:rPr lang="en-US"/>
              <a:t>Slide title, Arial Bold 28pt</a:t>
            </a:r>
          </a:p>
        </p:txBody>
      </p:sp>
      <p:sp>
        <p:nvSpPr>
          <p:cNvPr id="8" name="Text Placeholder 10">
            <a:extLst>
              <a:ext uri="{FF2B5EF4-FFF2-40B4-BE49-F238E27FC236}">
                <a16:creationId xmlns:a16="http://schemas.microsoft.com/office/drawing/2014/main" id="{CEEEB3B5-3972-AB49-9CA3-09EECF8784DC}"/>
              </a:ext>
            </a:extLst>
          </p:cNvPr>
          <p:cNvSpPr>
            <a:spLocks noGrp="1"/>
          </p:cNvSpPr>
          <p:nvPr>
            <p:ph type="body" sz="quarter" idx="10"/>
          </p:nvPr>
        </p:nvSpPr>
        <p:spPr>
          <a:xfrm>
            <a:off x="1187730" y="2096529"/>
            <a:ext cx="5118100" cy="3254375"/>
          </a:xfrm>
        </p:spPr>
        <p:txBody>
          <a:bodyPr>
            <a:normAutofit/>
          </a:bodyPr>
          <a:lstStyle>
            <a:lvl1pPr marL="2286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1pPr>
            <a:lvl2pPr marL="6858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2pPr>
            <a:lvl3pPr marL="11430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3pPr>
            <a:lvl4pPr marL="16002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4pPr>
            <a:lvl5pPr marL="2057400" indent="-228600" algn="l">
              <a:buClr>
                <a:schemeClr val="bg1"/>
              </a:buClr>
              <a:buFont typeface="System Font Regular"/>
              <a:buChar char="+"/>
              <a:defRPr sz="1800" b="0" i="0">
                <a:solidFill>
                  <a:schemeClr val="bg1"/>
                </a:solidFill>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0749798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29" Type="http://schemas.openxmlformats.org/officeDocument/2006/relationships/slideLayout" Target="../slideLayouts/slideLayout77.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image" Target="../media/image27.png"/><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Tree>
  </p:cSld>
  <p:clrMap bg1="lt1" tx1="dk1" bg2="lt2" tx2="dk2" accent1="accent1" accent2="accent2" accent3="accent3" accent4="accent4" accent5="accent5" accent6="accent6" hlink="hlink" folHlink="folHlink"/>
  <p:sldLayoutIdLst>
    <p:sldLayoutId id="2147483857" r:id="rId1"/>
    <p:sldLayoutId id="2147483858" r:id="rId2"/>
    <p:sldLayoutId id="2147483859" r:id="rId3"/>
    <p:sldLayoutId id="2147483860" r:id="rId4"/>
    <p:sldLayoutId id="2147483861" r:id="rId5"/>
    <p:sldLayoutId id="2147483862" r:id="rId6"/>
    <p:sldLayoutId id="2147483863" r:id="rId7"/>
    <p:sldLayoutId id="2147483864" r:id="rId8"/>
    <p:sldLayoutId id="2147483893" r:id="rId9"/>
    <p:sldLayoutId id="2147483897" r:id="rId10"/>
    <p:sldLayoutId id="2147483894" r:id="rId11"/>
    <p:sldLayoutId id="2147483896" r:id="rId12"/>
    <p:sldLayoutId id="2147483898" r:id="rId13"/>
    <p:sldLayoutId id="2147483865" r:id="rId14"/>
    <p:sldLayoutId id="2147483866" r:id="rId15"/>
    <p:sldLayoutId id="2147483867" r:id="rId16"/>
    <p:sldLayoutId id="2147483895" r:id="rId17"/>
    <p:sldLayoutId id="2147483868" r:id="rId18"/>
    <p:sldLayoutId id="2147483869" r:id="rId19"/>
    <p:sldLayoutId id="2147483892" r:id="rId20"/>
    <p:sldLayoutId id="2147483891" r:id="rId21"/>
    <p:sldLayoutId id="2147483870" r:id="rId22"/>
    <p:sldLayoutId id="2147483871" r:id="rId23"/>
    <p:sldLayoutId id="2147483872" r:id="rId24"/>
    <p:sldLayoutId id="2147483873" r:id="rId25"/>
    <p:sldLayoutId id="2147483874" r:id="rId26"/>
    <p:sldLayoutId id="2147483875" r:id="rId27"/>
    <p:sldLayoutId id="2147483876" r:id="rId28"/>
    <p:sldLayoutId id="2147483877" r:id="rId29"/>
    <p:sldLayoutId id="2147483878" r:id="rId30"/>
    <p:sldLayoutId id="2147483879" r:id="rId31"/>
    <p:sldLayoutId id="2147483880" r:id="rId32"/>
    <p:sldLayoutId id="2147483881" r:id="rId33"/>
    <p:sldLayoutId id="2147483882" r:id="rId34"/>
    <p:sldLayoutId id="2147483905" r:id="rId35"/>
    <p:sldLayoutId id="2147483904" r:id="rId36"/>
    <p:sldLayoutId id="2147483910" r:id="rId37"/>
    <p:sldLayoutId id="2147483900" r:id="rId38"/>
    <p:sldLayoutId id="2147483902" r:id="rId39"/>
    <p:sldLayoutId id="2147483883" r:id="rId40"/>
    <p:sldLayoutId id="2147483884" r:id="rId41"/>
    <p:sldLayoutId id="2147483885" r:id="rId42"/>
    <p:sldLayoutId id="2147483886" r:id="rId43"/>
    <p:sldLayoutId id="2147483887" r:id="rId44"/>
    <p:sldLayoutId id="2147483888" r:id="rId45"/>
    <p:sldLayoutId id="2147483889" r:id="rId46"/>
    <p:sldLayoutId id="2147483890" r:id="rId47"/>
    <p:sldLayoutId id="2147483907" r:id="rId48"/>
  </p:sldLayoutIdLst>
  <p:hf sldNum="0" hdr="0" dt="0"/>
  <p:txStyles>
    <p:title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Arial" panose="020B0604020202020204" pitchFamily="34" charset="0"/>
        </a:defRPr>
      </a:lvl2pPr>
      <a:lvl3pPr algn="l" rtl="0" eaLnBrk="1" fontAlgn="base" hangingPunct="1">
        <a:lnSpc>
          <a:spcPct val="90000"/>
        </a:lnSpc>
        <a:spcBef>
          <a:spcPct val="0"/>
        </a:spcBef>
        <a:spcAft>
          <a:spcPct val="0"/>
        </a:spcAft>
        <a:defRPr sz="4400">
          <a:solidFill>
            <a:schemeClr val="tx1"/>
          </a:solidFill>
          <a:latin typeface="Arial" panose="020B0604020202020204" pitchFamily="34" charset="0"/>
        </a:defRPr>
      </a:lvl3pPr>
      <a:lvl4pPr algn="l" rtl="0" eaLnBrk="1" fontAlgn="base" hangingPunct="1">
        <a:lnSpc>
          <a:spcPct val="90000"/>
        </a:lnSpc>
        <a:spcBef>
          <a:spcPct val="0"/>
        </a:spcBef>
        <a:spcAft>
          <a:spcPct val="0"/>
        </a:spcAft>
        <a:defRPr sz="4400">
          <a:solidFill>
            <a:schemeClr val="tx1"/>
          </a:solidFill>
          <a:latin typeface="Arial" panose="020B0604020202020204" pitchFamily="34" charset="0"/>
        </a:defRPr>
      </a:lvl4pPr>
      <a:lvl5pPr algn="l" rtl="0" eaLnBrk="1" fontAlgn="base" hangingPunct="1">
        <a:lnSpc>
          <a:spcPct val="90000"/>
        </a:lnSpc>
        <a:spcBef>
          <a:spcPct val="0"/>
        </a:spcBef>
        <a:spcAft>
          <a:spcPct val="0"/>
        </a:spcAft>
        <a:defRPr sz="4400">
          <a:solidFill>
            <a:schemeClr val="tx1"/>
          </a:solidFill>
          <a:latin typeface="Arial" panose="020B0604020202020204" pitchFamily="34" charset="0"/>
        </a:defRPr>
      </a:lvl5pPr>
      <a:lvl6pPr marL="457200" algn="l" rtl="0" eaLnBrk="1" fontAlgn="base" hangingPunct="1">
        <a:lnSpc>
          <a:spcPct val="90000"/>
        </a:lnSpc>
        <a:spcBef>
          <a:spcPct val="0"/>
        </a:spcBef>
        <a:spcAft>
          <a:spcPct val="0"/>
        </a:spcAft>
        <a:defRPr sz="4400">
          <a:solidFill>
            <a:schemeClr val="tx1"/>
          </a:solidFill>
          <a:latin typeface="Arial" panose="020B0604020202020204" pitchFamily="34" charset="0"/>
        </a:defRPr>
      </a:lvl6pPr>
      <a:lvl7pPr marL="914400" algn="l" rtl="0" eaLnBrk="1" fontAlgn="base" hangingPunct="1">
        <a:lnSpc>
          <a:spcPct val="90000"/>
        </a:lnSpc>
        <a:spcBef>
          <a:spcPct val="0"/>
        </a:spcBef>
        <a:spcAft>
          <a:spcPct val="0"/>
        </a:spcAft>
        <a:defRPr sz="4400">
          <a:solidFill>
            <a:schemeClr val="tx1"/>
          </a:solidFill>
          <a:latin typeface="Arial" panose="020B0604020202020204" pitchFamily="34" charset="0"/>
        </a:defRPr>
      </a:lvl7pPr>
      <a:lvl8pPr marL="1371600" algn="l" rtl="0" eaLnBrk="1" fontAlgn="base" hangingPunct="1">
        <a:lnSpc>
          <a:spcPct val="90000"/>
        </a:lnSpc>
        <a:spcBef>
          <a:spcPct val="0"/>
        </a:spcBef>
        <a:spcAft>
          <a:spcPct val="0"/>
        </a:spcAft>
        <a:defRPr sz="4400">
          <a:solidFill>
            <a:schemeClr val="tx1"/>
          </a:solidFill>
          <a:latin typeface="Arial" panose="020B0604020202020204" pitchFamily="34" charset="0"/>
        </a:defRPr>
      </a:lvl8pPr>
      <a:lvl9pPr marL="1828800" algn="l" rtl="0" eaLnBrk="1" fontAlgn="base" hangingPunct="1">
        <a:lnSpc>
          <a:spcPct val="90000"/>
        </a:lnSpc>
        <a:spcBef>
          <a:spcPct val="0"/>
        </a:spcBef>
        <a:spcAft>
          <a:spcPct val="0"/>
        </a:spcAft>
        <a:defRPr sz="4400">
          <a:solidFill>
            <a:schemeClr val="tx1"/>
          </a:solidFill>
          <a:latin typeface="Arial" panose="020B0604020202020204" pitchFamily="34" charset="0"/>
        </a:defRPr>
      </a:lvl9pPr>
    </p:titleStyle>
    <p:bodyStyle>
      <a:lvl1pPr marL="228600" indent="-228600" algn="l" rtl="0" eaLnBrk="1" fontAlgn="base" hangingPunct="1">
        <a:lnSpc>
          <a:spcPct val="90000"/>
        </a:lnSpc>
        <a:spcBef>
          <a:spcPts val="1000"/>
        </a:spcBef>
        <a:spcAft>
          <a:spcPct val="0"/>
        </a:spcAft>
        <a:buFont typeface="Arial" panose="020B0604020202020204" pitchFamily="34" charset="0"/>
        <a:buChar char="•"/>
        <a:defRPr sz="2800" kern="1200">
          <a:solidFill>
            <a:schemeClr val="tx1"/>
          </a:solidFill>
          <a:latin typeface="+mn-lt"/>
          <a:ea typeface="+mn-ea"/>
          <a:cs typeface="+mn-cs"/>
        </a:defRPr>
      </a:lvl1pPr>
      <a:lvl2pPr marL="685800" indent="-228600" algn="l" rtl="0" eaLnBrk="1" fontAlgn="base" hangingPunct="1">
        <a:lnSpc>
          <a:spcPct val="90000"/>
        </a:lnSpc>
        <a:spcBef>
          <a:spcPts val="500"/>
        </a:spcBef>
        <a:spcAft>
          <a:spcPct val="0"/>
        </a:spcAft>
        <a:buFont typeface="Arial" panose="020B0604020202020204" pitchFamily="34" charset="0"/>
        <a:buChar char="•"/>
        <a:defRPr sz="2400" kern="1200">
          <a:solidFill>
            <a:schemeClr val="tx1"/>
          </a:solidFill>
          <a:latin typeface="+mn-lt"/>
          <a:ea typeface="+mn-ea"/>
          <a:cs typeface="+mn-cs"/>
        </a:defRPr>
      </a:lvl2pPr>
      <a:lvl3pPr marL="1143000" indent="-228600" algn="l" rtl="0" eaLnBrk="1" fontAlgn="base" hangingPunct="1">
        <a:lnSpc>
          <a:spcPct val="90000"/>
        </a:lnSpc>
        <a:spcBef>
          <a:spcPts val="500"/>
        </a:spcBef>
        <a:spcAft>
          <a:spcPct val="0"/>
        </a:spcAft>
        <a:buFont typeface="Arial" panose="020B0604020202020204" pitchFamily="34" charset="0"/>
        <a:buChar char="•"/>
        <a:defRPr sz="2000" kern="1200">
          <a:solidFill>
            <a:schemeClr val="tx1"/>
          </a:solidFill>
          <a:latin typeface="+mn-lt"/>
          <a:ea typeface="+mn-ea"/>
          <a:cs typeface="+mn-cs"/>
        </a:defRPr>
      </a:lvl3pPr>
      <a:lvl4pPr marL="16002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4pPr>
      <a:lvl5pPr marL="2057400" indent="-228600" algn="l" rtl="0" eaLnBrk="1" fontAlgn="base" hangingPunct="1">
        <a:lnSpc>
          <a:spcPct val="90000"/>
        </a:lnSpc>
        <a:spcBef>
          <a:spcPts val="500"/>
        </a:spcBef>
        <a:spcAft>
          <a:spcPct val="0"/>
        </a:spcAft>
        <a:buFont typeface="Arial" panose="020B0604020202020204" pitchFamily="34" charset="0"/>
        <a:buChar char="•"/>
        <a:defRPr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400" b="1" kern="1200">
          <a:solidFill>
            <a:schemeClr val="tx1"/>
          </a:solidFill>
          <a:latin typeface="+mn-lt"/>
          <a:ea typeface="+mn-ea"/>
          <a:cs typeface="+mn-cs"/>
        </a:defRPr>
      </a:lvl1pPr>
      <a:lvl2pPr marL="0" algn="l" defTabSz="914400" rtl="0" eaLnBrk="1" latinLnBrk="0" hangingPunct="1">
        <a:defRPr sz="1200" kern="1200">
          <a:solidFill>
            <a:schemeClr val="tx1"/>
          </a:solidFill>
          <a:latin typeface="+mn-lt"/>
          <a:ea typeface="+mn-ea"/>
          <a:cs typeface="+mn-cs"/>
        </a:defRPr>
      </a:lvl2pPr>
      <a:lvl3pPr marL="0" algn="l" defTabSz="914400" rtl="0" eaLnBrk="1" latinLnBrk="0" hangingPunct="1">
        <a:defRPr sz="1200" kern="1200">
          <a:solidFill>
            <a:schemeClr val="tx1"/>
          </a:solidFill>
          <a:latin typeface="+mn-lt"/>
          <a:ea typeface="+mn-ea"/>
          <a:cs typeface="+mn-cs"/>
        </a:defRPr>
      </a:lvl3pPr>
      <a:lvl4pPr marL="0" algn="l" defTabSz="914400" rtl="0" eaLnBrk="1" latinLnBrk="0" hangingPunct="1">
        <a:defRPr sz="1200" kern="1200">
          <a:solidFill>
            <a:schemeClr val="tx1"/>
          </a:solidFill>
          <a:latin typeface="+mn-lt"/>
          <a:ea typeface="+mn-ea"/>
          <a:cs typeface="+mn-cs"/>
        </a:defRPr>
      </a:lvl4pPr>
      <a:lvl5pPr marL="0" algn="l" defTabSz="914400" rtl="0" eaLnBrk="1" latinLnBrk="0" hangingPunct="1">
        <a:defRPr sz="1200" kern="1200">
          <a:solidFill>
            <a:schemeClr val="tx1"/>
          </a:solidFill>
          <a:latin typeface="+mn-lt"/>
          <a:ea typeface="+mn-ea"/>
          <a:cs typeface="+mn-cs"/>
        </a:defRPr>
      </a:lvl5pPr>
      <a:lvl6pPr marL="0" algn="l" defTabSz="914400" rtl="0" eaLnBrk="1" latinLnBrk="0" hangingPunct="1">
        <a:defRPr sz="1200" kern="1200">
          <a:solidFill>
            <a:schemeClr val="tx1"/>
          </a:solidFill>
          <a:latin typeface="+mn-lt"/>
          <a:ea typeface="+mn-ea"/>
          <a:cs typeface="+mn-cs"/>
        </a:defRPr>
      </a:lvl6pPr>
      <a:lvl7pPr marL="0" algn="l" defTabSz="914400" rtl="0" eaLnBrk="1" latinLnBrk="0" hangingPunct="1">
        <a:defRPr sz="1200" kern="1200">
          <a:solidFill>
            <a:schemeClr val="tx1"/>
          </a:solidFill>
          <a:latin typeface="+mn-lt"/>
          <a:ea typeface="+mn-ea"/>
          <a:cs typeface="+mn-cs"/>
        </a:defRPr>
      </a:lvl7pPr>
      <a:lvl8pPr marL="0" algn="l" defTabSz="914400" rtl="0" eaLnBrk="1" latinLnBrk="0" hangingPunct="1">
        <a:defRPr sz="1200" kern="1200">
          <a:solidFill>
            <a:schemeClr val="tx1"/>
          </a:solidFill>
          <a:latin typeface="+mn-lt"/>
          <a:ea typeface="+mn-ea"/>
          <a:cs typeface="+mn-cs"/>
        </a:defRPr>
      </a:lvl8pPr>
      <a:lvl9pPr marL="0" algn="l" defTabSz="914400" rtl="0" eaLnBrk="1" latinLnBrk="0" hangingPunct="1">
        <a:defRPr sz="12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gradFill>
          <a:gsLst>
            <a:gs pos="45000">
              <a:srgbClr val="001C22"/>
            </a:gs>
            <a:gs pos="99000">
              <a:schemeClr val="accent1">
                <a:lumMod val="75000"/>
              </a:schemeClr>
            </a:gs>
          </a:gsLst>
          <a:lin ang="2700000" scaled="1"/>
        </a:gradFill>
        <a:effectLst/>
      </p:bgPr>
    </p:bg>
    <p:spTree>
      <p:nvGrpSpPr>
        <p:cNvPr id="1" name=""/>
        <p:cNvGrpSpPr/>
        <p:nvPr/>
      </p:nvGrpSpPr>
      <p:grpSpPr>
        <a:xfrm>
          <a:off x="0" y="0"/>
          <a:ext cx="0" cy="0"/>
          <a:chOff x="0" y="0"/>
          <a:chExt cx="0" cy="0"/>
        </a:xfrm>
      </p:grpSpPr>
      <p:pic>
        <p:nvPicPr>
          <p:cNvPr id="7" name="Picture 6" descr="Shape, background pattern&#10;&#10;Description automatically generated">
            <a:extLst>
              <a:ext uri="{FF2B5EF4-FFF2-40B4-BE49-F238E27FC236}">
                <a16:creationId xmlns:a16="http://schemas.microsoft.com/office/drawing/2014/main" id="{C73B6481-F26A-4BF0-BD6F-60DA25F8D6A6}"/>
              </a:ext>
            </a:extLst>
          </p:cNvPr>
          <p:cNvPicPr>
            <a:picLocks noChangeAspect="1"/>
          </p:cNvPicPr>
          <p:nvPr userDrawn="1"/>
        </p:nvPicPr>
        <p:blipFill>
          <a:blip r:embed="rId31"/>
          <a:stretch>
            <a:fillRect/>
          </a:stretch>
        </p:blipFill>
        <p:spPr>
          <a:xfrm>
            <a:off x="0" y="0"/>
            <a:ext cx="12192000" cy="6858000"/>
          </a:xfrm>
          <a:prstGeom prst="rect">
            <a:avLst/>
          </a:prstGeom>
        </p:spPr>
      </p:pic>
      <p:sp>
        <p:nvSpPr>
          <p:cNvPr id="2" name="Title Placeholder 1">
            <a:extLst>
              <a:ext uri="{FF2B5EF4-FFF2-40B4-BE49-F238E27FC236}">
                <a16:creationId xmlns:a16="http://schemas.microsoft.com/office/drawing/2014/main" id="{C3A40DFC-6164-4249-9741-F16D60FC3BA6}"/>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7FEDA61-6CAD-9744-898F-69295E425A8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0BA3DB48-3707-844A-A15C-32F4BED44C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913432E2-86F1-6548-8EE5-85CFBC38A01D}" type="datetimeFigureOut">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12B05977-20C4-C54C-9786-9BD3EF25C11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C35CF67C-724E-D548-B1B8-D83F0E0C2F70}"/>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9EDA0391-7BC8-5447-BC6C-2B5F34388BC0}" type="slidenum">
              <a:rPr kumimoji="0" lang="en-US" sz="1200" b="0" i="0" u="none" strike="noStrike" kern="1200" cap="none" spc="0" normalizeH="0" baseline="0" noProof="0" smtClean="0">
                <a:ln>
                  <a:noFill/>
                </a:ln>
                <a:solidFill>
                  <a:srgbClr val="FFFFFF">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FFFFFF">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610911877"/>
      </p:ext>
    </p:extLst>
  </p:cSld>
  <p:clrMap bg1="dk1" tx1="lt1" bg2="dk2" tx2="lt2" accent1="accent1" accent2="accent2" accent3="accent3" accent4="accent4" accent5="accent5" accent6="accent6" hlink="hlink" folHlink="folHlink"/>
  <p:sldLayoutIdLst>
    <p:sldLayoutId id="2147483912" r:id="rId1"/>
    <p:sldLayoutId id="2147483913" r:id="rId2"/>
    <p:sldLayoutId id="2147483914" r:id="rId3"/>
    <p:sldLayoutId id="2147483915" r:id="rId4"/>
    <p:sldLayoutId id="2147483916" r:id="rId5"/>
    <p:sldLayoutId id="2147483917" r:id="rId6"/>
    <p:sldLayoutId id="2147483918" r:id="rId7"/>
    <p:sldLayoutId id="2147483919" r:id="rId8"/>
    <p:sldLayoutId id="2147483920" r:id="rId9"/>
    <p:sldLayoutId id="2147483921" r:id="rId10"/>
    <p:sldLayoutId id="2147483922" r:id="rId11"/>
    <p:sldLayoutId id="2147483923" r:id="rId12"/>
    <p:sldLayoutId id="2147483924" r:id="rId13"/>
    <p:sldLayoutId id="2147483925" r:id="rId14"/>
    <p:sldLayoutId id="2147483926" r:id="rId15"/>
    <p:sldLayoutId id="2147483927" r:id="rId16"/>
    <p:sldLayoutId id="2147483928" r:id="rId17"/>
    <p:sldLayoutId id="2147483929" r:id="rId18"/>
    <p:sldLayoutId id="2147483930" r:id="rId19"/>
    <p:sldLayoutId id="2147483931" r:id="rId20"/>
    <p:sldLayoutId id="2147483932" r:id="rId21"/>
    <p:sldLayoutId id="2147483933" r:id="rId22"/>
    <p:sldLayoutId id="2147483934" r:id="rId23"/>
    <p:sldLayoutId id="2147483935" r:id="rId24"/>
    <p:sldLayoutId id="2147483936" r:id="rId25"/>
    <p:sldLayoutId id="2147483937" r:id="rId26"/>
    <p:sldLayoutId id="2147483938" r:id="rId27"/>
    <p:sldLayoutId id="2147483939" r:id="rId28"/>
    <p:sldLayoutId id="2147483940" r:id="rId2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80">
          <p15:clr>
            <a:srgbClr val="F26B43"/>
          </p15:clr>
        </p15:guide>
        <p15:guide id="3">
          <p15:clr>
            <a:srgbClr val="F26B43"/>
          </p15:clr>
        </p15:guide>
        <p15:guide id="4" orient="horz">
          <p15:clr>
            <a:srgbClr val="F26B43"/>
          </p15:clr>
        </p15:guide>
        <p15:guide id="5" orient="horz" pos="4320">
          <p15:clr>
            <a:srgbClr val="F26B43"/>
          </p15:clr>
        </p15:guide>
        <p15:guide id="6" pos="192">
          <p15:clr>
            <a:srgbClr val="F26B43"/>
          </p15:clr>
        </p15:guide>
        <p15:guide id="7" pos="7488">
          <p15:clr>
            <a:srgbClr val="F26B43"/>
          </p15:clr>
        </p15:guide>
        <p15:guide id="8" orient="horz" pos="192">
          <p15:clr>
            <a:srgbClr val="F26B43"/>
          </p15:clr>
        </p15:guide>
        <p15:guide id="9" orient="horz" pos="410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5773F24-D85D-AB4E-ABD9-4DD3E6FEF6F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7E95900-03D9-204E-A78A-6E1E1D052D4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7C51AFDA-AE7B-094E-AA3E-255049C44463}"/>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fld id="{6BEBCB08-B0D9-BA46-B8F6-A495C24EC1E0}" type="datetimeFigureOut">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24/2023</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5" name="Footer Placeholder 4">
            <a:extLst>
              <a:ext uri="{FF2B5EF4-FFF2-40B4-BE49-F238E27FC236}">
                <a16:creationId xmlns:a16="http://schemas.microsoft.com/office/drawing/2014/main" id="{A5B8827B-B207-174C-A8B8-7F3273F1892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
        <p:nvSpPr>
          <p:cNvPr id="6" name="Slide Number Placeholder 5">
            <a:extLst>
              <a:ext uri="{FF2B5EF4-FFF2-40B4-BE49-F238E27FC236}">
                <a16:creationId xmlns:a16="http://schemas.microsoft.com/office/drawing/2014/main" id="{5E929697-3B05-4F46-8B36-8DCE044EACE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pPr marL="0" marR="0" lvl="0" indent="0" algn="r" defTabSz="914400" rtl="0" eaLnBrk="1" fontAlgn="auto" latinLnBrk="0" hangingPunct="1">
              <a:lnSpc>
                <a:spcPct val="100000"/>
              </a:lnSpc>
              <a:spcBef>
                <a:spcPts val="0"/>
              </a:spcBef>
              <a:spcAft>
                <a:spcPts val="0"/>
              </a:spcAft>
              <a:buClrTx/>
              <a:buSzTx/>
              <a:buFontTx/>
              <a:buNone/>
              <a:tabLst/>
              <a:defRPr/>
            </a:pPr>
            <a:fld id="{5E7C71B2-A19B-8345-A72F-513C00C09FC0}" type="slidenum">
              <a:rPr kumimoji="0" lang="en-US" sz="1200" b="0" i="0" u="none" strike="noStrike" kern="1200" cap="none" spc="0" normalizeH="0" baseline="0" noProof="0" smtClean="0">
                <a:ln>
                  <a:noFill/>
                </a:ln>
                <a:solidFill>
                  <a:srgbClr val="000000">
                    <a:tint val="75000"/>
                  </a:srgbClr>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1200" b="0" i="0" u="none" strike="noStrike" kern="1200" cap="none" spc="0" normalizeH="0" baseline="0" noProof="0">
              <a:ln>
                <a:noFill/>
              </a:ln>
              <a:solidFill>
                <a:srgbClr val="000000">
                  <a:tint val="75000"/>
                </a:srgbClr>
              </a:solidFill>
              <a:effectLst/>
              <a:uLnTx/>
              <a:uFillTx/>
              <a:latin typeface="Arial" panose="020B0604020202020204"/>
              <a:ea typeface="+mn-ea"/>
              <a:cs typeface="+mn-cs"/>
            </a:endParaRPr>
          </a:p>
        </p:txBody>
      </p:sp>
    </p:spTree>
    <p:extLst>
      <p:ext uri="{BB962C8B-B14F-4D97-AF65-F5344CB8AC3E}">
        <p14:creationId xmlns:p14="http://schemas.microsoft.com/office/powerpoint/2010/main" val="3780364270"/>
      </p:ext>
    </p:extLst>
  </p:cSld>
  <p:clrMap bg1="lt1" tx1="dk1" bg2="lt2" tx2="dk2" accent1="accent1" accent2="accent2" accent3="accent3" accent4="accent4" accent5="accent5" accent6="accent6" hlink="hlink" folHlink="folHlink"/>
  <p:sldLayoutIdLst>
    <p:sldLayoutId id="2147483942" r:id="rId1"/>
    <p:sldLayoutId id="2147483943" r:id="rId2"/>
    <p:sldLayoutId id="2147483944" r:id="rId3"/>
    <p:sldLayoutId id="2147483945" r:id="rId4"/>
    <p:sldLayoutId id="2147483946" r:id="rId5"/>
    <p:sldLayoutId id="2147483947" r:id="rId6"/>
    <p:sldLayoutId id="2147483948" r:id="rId7"/>
    <p:sldLayoutId id="2147483949" r:id="rId8"/>
    <p:sldLayoutId id="2147483950" r:id="rId9"/>
    <p:sldLayoutId id="2147483951" r:id="rId10"/>
    <p:sldLayoutId id="2147483952" r:id="rId11"/>
    <p:sldLayoutId id="2147483953" r:id="rId12"/>
    <p:sldLayoutId id="2147483954" r:id="rId13"/>
    <p:sldLayoutId id="2147483955" r:id="rId14"/>
    <p:sldLayoutId id="2147483956" r:id="rId15"/>
    <p:sldLayoutId id="2147483957" r:id="rId16"/>
    <p:sldLayoutId id="2147483958" r:id="rId17"/>
    <p:sldLayoutId id="2147483959" r:id="rId18"/>
    <p:sldLayoutId id="2147483960" r:id="rId19"/>
    <p:sldLayoutId id="2147483961" r:id="rId20"/>
    <p:sldLayoutId id="2147483962" r:id="rId21"/>
    <p:sldLayoutId id="2147483963" r:id="rId22"/>
    <p:sldLayoutId id="2147483964" r:id="rId23"/>
    <p:sldLayoutId id="2147483965" r:id="rId24"/>
    <p:sldLayoutId id="2147483966" r:id="rId25"/>
    <p:sldLayoutId id="2147483967" r:id="rId26"/>
    <p:sldLayoutId id="2147483968" r:id="rId27"/>
    <p:sldLayoutId id="2147483969" r:id="rId28"/>
    <p:sldLayoutId id="2147483970" r:id="rId29"/>
    <p:sldLayoutId id="2147483971" r:id="rId30"/>
    <p:sldLayoutId id="2147483972" r:id="rId31"/>
    <p:sldLayoutId id="2147483973" r:id="rId32"/>
    <p:sldLayoutId id="2147483974" r:id="rId33"/>
    <p:sldLayoutId id="2147483975" r:id="rId34"/>
    <p:sldLayoutId id="2147483976" r:id="rId35"/>
    <p:sldLayoutId id="2147483977" r:id="rId36"/>
    <p:sldLayoutId id="2147483978" r:id="rId37"/>
    <p:sldLayoutId id="2147483979" r:id="rId3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15:clr>
            <a:srgbClr val="F26B43"/>
          </p15:clr>
        </p15:guide>
        <p15:guide id="4" pos="7680">
          <p15:clr>
            <a:srgbClr val="F26B43"/>
          </p15:clr>
        </p15:guide>
        <p15:guide id="6" orient="horz" pos="4320">
          <p15:clr>
            <a:srgbClr val="F26B43"/>
          </p15:clr>
        </p15:guide>
        <p15:guide id="9" pos="192">
          <p15:clr>
            <a:srgbClr val="F26B43"/>
          </p15:clr>
        </p15:guide>
        <p15:guide id="11" pos="7488">
          <p15:clr>
            <a:srgbClr val="F26B43"/>
          </p15:clr>
        </p15:guide>
        <p15:guide id="12" orient="horz" pos="216">
          <p15:clr>
            <a:srgbClr val="F26B43"/>
          </p15:clr>
        </p15:guide>
        <p15:guide id="13" orient="horz" pos="4104">
          <p15:clr>
            <a:srgbClr val="F26B43"/>
          </p15:clr>
        </p15:guide>
        <p15:guide id="14" orient="horz">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0.xml"/><Relationship Id="rId1" Type="http://schemas.openxmlformats.org/officeDocument/2006/relationships/slideLayout" Target="../slideLayouts/slideLayout22.xml"/><Relationship Id="rId4" Type="http://schemas.openxmlformats.org/officeDocument/2006/relationships/image" Target="../media/image49.png"/></Relationships>
</file>

<file path=ppt/slides/_rels/slide12.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notesSlide" Target="../notesSlides/notesSlide11.xml"/><Relationship Id="rId1" Type="http://schemas.openxmlformats.org/officeDocument/2006/relationships/slideLayout" Target="../slideLayouts/slideLayout22.xml"/><Relationship Id="rId5" Type="http://schemas.openxmlformats.org/officeDocument/2006/relationships/image" Target="../media/image52.png"/><Relationship Id="rId4" Type="http://schemas.openxmlformats.org/officeDocument/2006/relationships/image" Target="../media/image51.png"/></Relationships>
</file>

<file path=ppt/slides/_rels/slide13.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12.xml"/><Relationship Id="rId1" Type="http://schemas.openxmlformats.org/officeDocument/2006/relationships/slideLayout" Target="../slideLayouts/slideLayout22.xml"/><Relationship Id="rId6" Type="http://schemas.openxmlformats.org/officeDocument/2006/relationships/image" Target="../media/image56.png"/><Relationship Id="rId5" Type="http://schemas.openxmlformats.org/officeDocument/2006/relationships/image" Target="../media/image55.png"/><Relationship Id="rId4" Type="http://schemas.openxmlformats.org/officeDocument/2006/relationships/image" Target="../media/image54.png"/></Relationships>
</file>

<file path=ppt/slides/_rels/slide14.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13.xml"/><Relationship Id="rId1" Type="http://schemas.openxmlformats.org/officeDocument/2006/relationships/slideLayout" Target="../slideLayouts/slideLayout35.xml"/><Relationship Id="rId4" Type="http://schemas.openxmlformats.org/officeDocument/2006/relationships/image" Target="../media/image49.png"/></Relationships>
</file>

<file path=ppt/slides/_rels/slide15.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4.xml"/><Relationship Id="rId1" Type="http://schemas.openxmlformats.org/officeDocument/2006/relationships/slideLayout" Target="../slideLayouts/slideLayout27.xml"/></Relationships>
</file>

<file path=ppt/slides/_rels/slide16.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15.xml"/><Relationship Id="rId1" Type="http://schemas.openxmlformats.org/officeDocument/2006/relationships/slideLayout" Target="../slideLayouts/slideLayout28.xml"/></Relationships>
</file>

<file path=ppt/slides/_rels/slide17.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16.xml"/><Relationship Id="rId1" Type="http://schemas.openxmlformats.org/officeDocument/2006/relationships/slideLayout" Target="../slideLayouts/slideLayout28.xml"/></Relationships>
</file>

<file path=ppt/slides/_rels/slide18.xml.rels><?xml version="1.0" encoding="UTF-8" standalone="yes"?>
<Relationships xmlns="http://schemas.openxmlformats.org/package/2006/relationships"><Relationship Id="rId3" Type="http://schemas.openxmlformats.org/officeDocument/2006/relationships/image" Target="../media/image61.jpeg"/><Relationship Id="rId2" Type="http://schemas.openxmlformats.org/officeDocument/2006/relationships/notesSlide" Target="../notesSlides/notesSlide17.xml"/><Relationship Id="rId1" Type="http://schemas.openxmlformats.org/officeDocument/2006/relationships/slideLayout" Target="../slideLayouts/slideLayout22.xml"/><Relationship Id="rId5" Type="http://schemas.openxmlformats.org/officeDocument/2006/relationships/image" Target="../media/image63.png"/><Relationship Id="rId4" Type="http://schemas.openxmlformats.org/officeDocument/2006/relationships/image" Target="../media/image62.png"/></Relationships>
</file>

<file path=ppt/slides/_rels/slide19.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notesSlide" Target="../notesSlides/notesSlide18.xml"/><Relationship Id="rId1" Type="http://schemas.openxmlformats.org/officeDocument/2006/relationships/slideLayout" Target="../slideLayouts/slideLayout27.xml"/></Relationships>
</file>

<file path=ppt/slides/_rels/slide2.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image" Target="../media/image65.jpeg"/><Relationship Id="rId2" Type="http://schemas.openxmlformats.org/officeDocument/2006/relationships/notesSlide" Target="../notesSlides/notesSlide19.xml"/><Relationship Id="rId1" Type="http://schemas.openxmlformats.org/officeDocument/2006/relationships/slideLayout" Target="../slideLayouts/slideLayout24.xml"/><Relationship Id="rId5" Type="http://schemas.openxmlformats.org/officeDocument/2006/relationships/image" Target="../media/image67.png"/><Relationship Id="rId4" Type="http://schemas.openxmlformats.org/officeDocument/2006/relationships/image" Target="../media/image66.png"/></Relationships>
</file>

<file path=ppt/slides/_rels/slide21.xml.rels><?xml version="1.0" encoding="UTF-8" standalone="yes"?>
<Relationships xmlns="http://schemas.openxmlformats.org/package/2006/relationships"><Relationship Id="rId3" Type="http://schemas.openxmlformats.org/officeDocument/2006/relationships/image" Target="../media/image68.png"/><Relationship Id="rId2" Type="http://schemas.openxmlformats.org/officeDocument/2006/relationships/notesSlide" Target="../notesSlides/notesSlide20.xml"/><Relationship Id="rId1" Type="http://schemas.openxmlformats.org/officeDocument/2006/relationships/slideLayout" Target="../slideLayouts/slideLayout22.xml"/></Relationships>
</file>

<file path=ppt/slides/_rels/slide22.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notesSlide" Target="../notesSlides/notesSlide21.xml"/><Relationship Id="rId1" Type="http://schemas.openxmlformats.org/officeDocument/2006/relationships/slideLayout" Target="../slideLayouts/slideLayout22.xml"/></Relationships>
</file>

<file path=ppt/slides/_rels/slide23.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notesSlide" Target="../notesSlides/notesSlide22.xml"/><Relationship Id="rId1" Type="http://schemas.openxmlformats.org/officeDocument/2006/relationships/slideLayout" Target="../slideLayouts/slideLayout20.xml"/></Relationships>
</file>

<file path=ppt/slides/_rels/slide24.xml.rels><?xml version="1.0" encoding="UTF-8" standalone="yes"?>
<Relationships xmlns="http://schemas.openxmlformats.org/package/2006/relationships"><Relationship Id="rId3" Type="http://schemas.openxmlformats.org/officeDocument/2006/relationships/image" Target="../media/image71.png"/><Relationship Id="rId2" Type="http://schemas.openxmlformats.org/officeDocument/2006/relationships/notesSlide" Target="../notesSlides/notesSlide23.xml"/><Relationship Id="rId1" Type="http://schemas.openxmlformats.org/officeDocument/2006/relationships/slideLayout" Target="../slideLayouts/slideLayout20.xml"/></Relationships>
</file>

<file path=ppt/slides/_rels/slide25.xml.rels><?xml version="1.0" encoding="UTF-8" standalone="yes"?>
<Relationships xmlns="http://schemas.openxmlformats.org/package/2006/relationships"><Relationship Id="rId3" Type="http://schemas.openxmlformats.org/officeDocument/2006/relationships/image" Target="../media/image72.png"/><Relationship Id="rId2" Type="http://schemas.openxmlformats.org/officeDocument/2006/relationships/notesSlide" Target="../notesSlides/notesSlide24.xml"/><Relationship Id="rId1" Type="http://schemas.openxmlformats.org/officeDocument/2006/relationships/slideLayout" Target="../slideLayouts/slideLayout20.xml"/></Relationships>
</file>

<file path=ppt/slides/_rels/slide26.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notesSlide" Target="../notesSlides/notesSlide25.xml"/><Relationship Id="rId1" Type="http://schemas.openxmlformats.org/officeDocument/2006/relationships/slideLayout" Target="../slideLayouts/slideLayout20.xml"/></Relationships>
</file>

<file path=ppt/slides/_rels/slide27.xml.rels><?xml version="1.0" encoding="UTF-8" standalone="yes"?>
<Relationships xmlns="http://schemas.openxmlformats.org/package/2006/relationships"><Relationship Id="rId3" Type="http://schemas.openxmlformats.org/officeDocument/2006/relationships/image" Target="../media/image74.png"/><Relationship Id="rId2" Type="http://schemas.openxmlformats.org/officeDocument/2006/relationships/notesSlide" Target="../notesSlides/notesSlide26.xml"/><Relationship Id="rId1" Type="http://schemas.openxmlformats.org/officeDocument/2006/relationships/slideLayout" Target="../slideLayouts/slideLayout20.xml"/></Relationships>
</file>

<file path=ppt/slides/_rels/slide28.xml.rels><?xml version="1.0" encoding="UTF-8" standalone="yes"?>
<Relationships xmlns="http://schemas.openxmlformats.org/package/2006/relationships"><Relationship Id="rId3" Type="http://schemas.openxmlformats.org/officeDocument/2006/relationships/image" Target="../media/image75.png"/><Relationship Id="rId2" Type="http://schemas.openxmlformats.org/officeDocument/2006/relationships/notesSlide" Target="../notesSlides/notesSlide27.xml"/><Relationship Id="rId1" Type="http://schemas.openxmlformats.org/officeDocument/2006/relationships/slideLayout" Target="../slideLayouts/slideLayout20.xml"/></Relationships>
</file>

<file path=ppt/slides/_rels/slide29.xml.rels><?xml version="1.0" encoding="UTF-8" standalone="yes"?>
<Relationships xmlns="http://schemas.openxmlformats.org/package/2006/relationships"><Relationship Id="rId3" Type="http://schemas.openxmlformats.org/officeDocument/2006/relationships/image" Target="../media/image76.png"/><Relationship Id="rId2" Type="http://schemas.openxmlformats.org/officeDocument/2006/relationships/notesSlide" Target="../notesSlides/notesSlide28.xml"/><Relationship Id="rId1" Type="http://schemas.openxmlformats.org/officeDocument/2006/relationships/slideLayout" Target="../slideLayouts/slideLayout20.xml"/></Relationships>
</file>

<file path=ppt/slides/_rels/slide3.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2.xml"/><Relationship Id="rId1" Type="http://schemas.openxmlformats.org/officeDocument/2006/relationships/slideLayout" Target="../slideLayouts/slideLayout22.xml"/></Relationships>
</file>

<file path=ppt/slides/_rels/slide30.xml.rels><?xml version="1.0" encoding="UTF-8" standalone="yes"?>
<Relationships xmlns="http://schemas.openxmlformats.org/package/2006/relationships"><Relationship Id="rId3" Type="http://schemas.openxmlformats.org/officeDocument/2006/relationships/image" Target="../media/image77.png"/><Relationship Id="rId2" Type="http://schemas.openxmlformats.org/officeDocument/2006/relationships/notesSlide" Target="../notesSlides/notesSlide29.xml"/><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3" Type="http://schemas.openxmlformats.org/officeDocument/2006/relationships/image" Target="../media/image78.png"/><Relationship Id="rId2" Type="http://schemas.openxmlformats.org/officeDocument/2006/relationships/notesSlide" Target="../notesSlides/notesSlide30.xml"/><Relationship Id="rId1" Type="http://schemas.openxmlformats.org/officeDocument/2006/relationships/slideLayout" Target="../slideLayouts/slideLayout22.xml"/></Relationships>
</file>

<file path=ppt/slides/_rels/slide32.xml.rels><?xml version="1.0" encoding="UTF-8" standalone="yes"?>
<Relationships xmlns="http://schemas.openxmlformats.org/package/2006/relationships"><Relationship Id="rId3" Type="http://schemas.openxmlformats.org/officeDocument/2006/relationships/image" Target="../media/image79.png"/><Relationship Id="rId2" Type="http://schemas.openxmlformats.org/officeDocument/2006/relationships/notesSlide" Target="../notesSlides/notesSlide31.xml"/><Relationship Id="rId1" Type="http://schemas.openxmlformats.org/officeDocument/2006/relationships/slideLayout" Target="../slideLayouts/slideLayout22.xml"/></Relationships>
</file>

<file path=ppt/slides/_rels/slide33.xml.rels><?xml version="1.0" encoding="UTF-8" standalone="yes"?>
<Relationships xmlns="http://schemas.openxmlformats.org/package/2006/relationships"><Relationship Id="rId3" Type="http://schemas.openxmlformats.org/officeDocument/2006/relationships/image" Target="../media/image80.png"/><Relationship Id="rId2" Type="http://schemas.openxmlformats.org/officeDocument/2006/relationships/notesSlide" Target="../notesSlides/notesSlide32.xml"/><Relationship Id="rId1" Type="http://schemas.openxmlformats.org/officeDocument/2006/relationships/slideLayout" Target="../slideLayouts/slideLayout22.xml"/></Relationships>
</file>

<file path=ppt/slides/_rels/slide34.xml.rels><?xml version="1.0" encoding="UTF-8" standalone="yes"?>
<Relationships xmlns="http://schemas.openxmlformats.org/package/2006/relationships"><Relationship Id="rId3" Type="http://schemas.openxmlformats.org/officeDocument/2006/relationships/image" Target="../media/image81.png"/><Relationship Id="rId2" Type="http://schemas.openxmlformats.org/officeDocument/2006/relationships/notesSlide" Target="../notesSlides/notesSlide33.xml"/><Relationship Id="rId1" Type="http://schemas.openxmlformats.org/officeDocument/2006/relationships/slideLayout" Target="../slideLayouts/slideLayout22.xml"/></Relationships>
</file>

<file path=ppt/slides/_rels/slide35.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notesSlide" Target="../notesSlides/notesSlide34.xml"/><Relationship Id="rId1" Type="http://schemas.openxmlformats.org/officeDocument/2006/relationships/slideLayout" Target="../slideLayouts/slideLayout22.xml"/></Relationships>
</file>

<file path=ppt/slides/_rels/slide36.xml.rels><?xml version="1.0" encoding="UTF-8" standalone="yes"?>
<Relationships xmlns="http://schemas.openxmlformats.org/package/2006/relationships"><Relationship Id="rId3" Type="http://schemas.openxmlformats.org/officeDocument/2006/relationships/image" Target="../media/image82.png"/><Relationship Id="rId2" Type="http://schemas.openxmlformats.org/officeDocument/2006/relationships/notesSlide" Target="../notesSlides/notesSlide35.xml"/><Relationship Id="rId1" Type="http://schemas.openxmlformats.org/officeDocument/2006/relationships/slideLayout" Target="../slideLayouts/slideLayout22.xml"/></Relationships>
</file>

<file path=ppt/slides/_rels/slide37.xml.rels><?xml version="1.0" encoding="UTF-8" standalone="yes"?>
<Relationships xmlns="http://schemas.openxmlformats.org/package/2006/relationships"><Relationship Id="rId3" Type="http://schemas.openxmlformats.org/officeDocument/2006/relationships/image" Target="../media/image83.png"/><Relationship Id="rId2" Type="http://schemas.openxmlformats.org/officeDocument/2006/relationships/notesSlide" Target="../notesSlides/notesSlide36.xml"/><Relationship Id="rId1" Type="http://schemas.openxmlformats.org/officeDocument/2006/relationships/slideLayout" Target="../slideLayouts/slideLayout20.xml"/></Relationships>
</file>

<file path=ppt/slides/_rels/slide38.xml.rels><?xml version="1.0" encoding="UTF-8" standalone="yes"?>
<Relationships xmlns="http://schemas.openxmlformats.org/package/2006/relationships"><Relationship Id="rId3" Type="http://schemas.openxmlformats.org/officeDocument/2006/relationships/image" Target="../media/image84.png"/><Relationship Id="rId2" Type="http://schemas.openxmlformats.org/officeDocument/2006/relationships/notesSlide" Target="../notesSlides/notesSlide37.xml"/><Relationship Id="rId1" Type="http://schemas.openxmlformats.org/officeDocument/2006/relationships/slideLayout" Target="../slideLayouts/slideLayout20.xml"/></Relationships>
</file>

<file path=ppt/slides/_rels/slide39.xml.rels><?xml version="1.0" encoding="UTF-8" standalone="yes"?>
<Relationships xmlns="http://schemas.openxmlformats.org/package/2006/relationships"><Relationship Id="rId3" Type="http://schemas.openxmlformats.org/officeDocument/2006/relationships/image" Target="../media/image85.png"/><Relationship Id="rId2" Type="http://schemas.openxmlformats.org/officeDocument/2006/relationships/notesSlide" Target="../notesSlides/notesSlide38.xml"/><Relationship Id="rId1" Type="http://schemas.openxmlformats.org/officeDocument/2006/relationships/slideLayout" Target="../slideLayouts/slideLayout20.xml"/></Relationships>
</file>

<file path=ppt/slides/_rels/slide4.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3.xml"/><Relationship Id="rId1" Type="http://schemas.openxmlformats.org/officeDocument/2006/relationships/slideLayout" Target="../slideLayouts/slideLayout22.xml"/></Relationships>
</file>

<file path=ppt/slides/_rels/slide40.xml.rels><?xml version="1.0" encoding="UTF-8" standalone="yes"?>
<Relationships xmlns="http://schemas.openxmlformats.org/package/2006/relationships"><Relationship Id="rId3" Type="http://schemas.openxmlformats.org/officeDocument/2006/relationships/image" Target="../media/image78.png"/><Relationship Id="rId2" Type="http://schemas.openxmlformats.org/officeDocument/2006/relationships/notesSlide" Target="../notesSlides/notesSlide39.xml"/><Relationship Id="rId1" Type="http://schemas.openxmlformats.org/officeDocument/2006/relationships/slideLayout" Target="../slideLayouts/slideLayout22.xml"/></Relationships>
</file>

<file path=ppt/slides/_rels/slide41.xml.rels><?xml version="1.0" encoding="UTF-8" standalone="yes"?>
<Relationships xmlns="http://schemas.openxmlformats.org/package/2006/relationships"><Relationship Id="rId3" Type="http://schemas.openxmlformats.org/officeDocument/2006/relationships/image" Target="../media/image81.png"/><Relationship Id="rId2" Type="http://schemas.openxmlformats.org/officeDocument/2006/relationships/notesSlide" Target="../notesSlides/notesSlide40.xml"/><Relationship Id="rId1" Type="http://schemas.openxmlformats.org/officeDocument/2006/relationships/slideLayout" Target="../slideLayouts/slideLayout22.xml"/></Relationships>
</file>

<file path=ppt/slides/_rels/slide42.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41.xml"/><Relationship Id="rId1" Type="http://schemas.openxmlformats.org/officeDocument/2006/relationships/slideLayout" Target="../slideLayouts/slideLayout22.xml"/></Relationships>
</file>

<file path=ppt/slides/_rels/slide43.xml.rels><?xml version="1.0" encoding="UTF-8" standalone="yes"?>
<Relationships xmlns="http://schemas.openxmlformats.org/package/2006/relationships"><Relationship Id="rId3" Type="http://schemas.openxmlformats.org/officeDocument/2006/relationships/image" Target="../media/image87.png"/><Relationship Id="rId2" Type="http://schemas.openxmlformats.org/officeDocument/2006/relationships/notesSlide" Target="../notesSlides/notesSlide42.xml"/><Relationship Id="rId1" Type="http://schemas.openxmlformats.org/officeDocument/2006/relationships/slideLayout" Target="../slideLayouts/slideLayout22.xml"/></Relationships>
</file>

<file path=ppt/slides/_rels/slide44.xml.rels><?xml version="1.0" encoding="UTF-8" standalone="yes"?>
<Relationships xmlns="http://schemas.openxmlformats.org/package/2006/relationships"><Relationship Id="rId3" Type="http://schemas.openxmlformats.org/officeDocument/2006/relationships/image" Target="../media/image88.png"/><Relationship Id="rId2" Type="http://schemas.openxmlformats.org/officeDocument/2006/relationships/notesSlide" Target="../notesSlides/notesSlide43.xml"/><Relationship Id="rId1" Type="http://schemas.openxmlformats.org/officeDocument/2006/relationships/slideLayout" Target="../slideLayouts/slideLayout26.xml"/><Relationship Id="rId5" Type="http://schemas.openxmlformats.org/officeDocument/2006/relationships/image" Target="../media/image90.png"/><Relationship Id="rId4" Type="http://schemas.openxmlformats.org/officeDocument/2006/relationships/image" Target="../media/image89.png"/></Relationships>
</file>

<file path=ppt/slides/_rels/slide45.xml.rels><?xml version="1.0" encoding="UTF-8" standalone="yes"?>
<Relationships xmlns="http://schemas.openxmlformats.org/package/2006/relationships"><Relationship Id="rId3" Type="http://schemas.openxmlformats.org/officeDocument/2006/relationships/image" Target="../media/image91.png"/><Relationship Id="rId2" Type="http://schemas.openxmlformats.org/officeDocument/2006/relationships/notesSlide" Target="../notesSlides/notesSlide44.xml"/><Relationship Id="rId1" Type="http://schemas.openxmlformats.org/officeDocument/2006/relationships/slideLayout" Target="../slideLayouts/slideLayout26.xml"/></Relationships>
</file>

<file path=ppt/slides/_rels/slide46.xml.rels><?xml version="1.0" encoding="UTF-8" standalone="yes"?>
<Relationships xmlns="http://schemas.openxmlformats.org/package/2006/relationships"><Relationship Id="rId3" Type="http://schemas.openxmlformats.org/officeDocument/2006/relationships/image" Target="../media/image92.png"/><Relationship Id="rId2" Type="http://schemas.openxmlformats.org/officeDocument/2006/relationships/notesSlide" Target="../notesSlides/notesSlide45.xml"/><Relationship Id="rId1" Type="http://schemas.openxmlformats.org/officeDocument/2006/relationships/slideLayout" Target="../slideLayouts/slideLayout26.xml"/><Relationship Id="rId4" Type="http://schemas.openxmlformats.org/officeDocument/2006/relationships/image" Target="../media/image93.png"/></Relationships>
</file>

<file path=ppt/slides/_rels/slide47.xml.rels><?xml version="1.0" encoding="UTF-8" standalone="yes"?>
<Relationships xmlns="http://schemas.openxmlformats.org/package/2006/relationships"><Relationship Id="rId3" Type="http://schemas.openxmlformats.org/officeDocument/2006/relationships/image" Target="../media/image94.png"/><Relationship Id="rId2" Type="http://schemas.openxmlformats.org/officeDocument/2006/relationships/notesSlide" Target="../notesSlides/notesSlide46.xml"/><Relationship Id="rId1" Type="http://schemas.openxmlformats.org/officeDocument/2006/relationships/slideLayout" Target="../slideLayouts/slideLayout22.xml"/></Relationships>
</file>

<file path=ppt/slides/_rels/slide48.xml.rels><?xml version="1.0" encoding="UTF-8" standalone="yes"?>
<Relationships xmlns="http://schemas.openxmlformats.org/package/2006/relationships"><Relationship Id="rId3" Type="http://schemas.openxmlformats.org/officeDocument/2006/relationships/image" Target="../media/image95.png"/><Relationship Id="rId2" Type="http://schemas.openxmlformats.org/officeDocument/2006/relationships/notesSlide" Target="../notesSlides/notesSlide47.xml"/><Relationship Id="rId1" Type="http://schemas.openxmlformats.org/officeDocument/2006/relationships/slideLayout" Target="../slideLayouts/slideLayout26.xml"/></Relationships>
</file>

<file path=ppt/slides/_rels/slide49.xml.rels><?xml version="1.0" encoding="UTF-8" standalone="yes"?>
<Relationships xmlns="http://schemas.openxmlformats.org/package/2006/relationships"><Relationship Id="rId3" Type="http://schemas.openxmlformats.org/officeDocument/2006/relationships/image" Target="../media/image96.png"/><Relationship Id="rId2" Type="http://schemas.openxmlformats.org/officeDocument/2006/relationships/notesSlide" Target="../notesSlides/notesSlide48.xml"/><Relationship Id="rId1" Type="http://schemas.openxmlformats.org/officeDocument/2006/relationships/slideLayout" Target="../slideLayouts/slideLayout26.xml"/></Relationships>
</file>

<file path=ppt/slides/_rels/slide5.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50.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notesSlide" Target="../notesSlides/notesSlide49.xml"/><Relationship Id="rId1" Type="http://schemas.openxmlformats.org/officeDocument/2006/relationships/slideLayout" Target="../slideLayouts/slideLayout26.xml"/></Relationships>
</file>

<file path=ppt/slides/_rels/slide51.xml.rels><?xml version="1.0" encoding="UTF-8" standalone="yes"?>
<Relationships xmlns="http://schemas.openxmlformats.org/package/2006/relationships"><Relationship Id="rId3" Type="http://schemas.openxmlformats.org/officeDocument/2006/relationships/image" Target="../media/image98.png"/><Relationship Id="rId2" Type="http://schemas.openxmlformats.org/officeDocument/2006/relationships/notesSlide" Target="../notesSlides/notesSlide50.xml"/><Relationship Id="rId1" Type="http://schemas.openxmlformats.org/officeDocument/2006/relationships/slideLayout" Target="../slideLayouts/slideLayout20.xml"/></Relationships>
</file>

<file path=ppt/slides/_rels/slide52.xml.rels><?xml version="1.0" encoding="UTF-8" standalone="yes"?>
<Relationships xmlns="http://schemas.openxmlformats.org/package/2006/relationships"><Relationship Id="rId3" Type="http://schemas.openxmlformats.org/officeDocument/2006/relationships/image" Target="../media/image99.png"/><Relationship Id="rId2" Type="http://schemas.openxmlformats.org/officeDocument/2006/relationships/notesSlide" Target="../notesSlides/notesSlide51.xml"/><Relationship Id="rId1" Type="http://schemas.openxmlformats.org/officeDocument/2006/relationships/slideLayout" Target="../slideLayouts/slideLayout20.xml"/></Relationships>
</file>

<file path=ppt/slides/_rels/slide53.xml.rels><?xml version="1.0" encoding="UTF-8" standalone="yes"?>
<Relationships xmlns="http://schemas.openxmlformats.org/package/2006/relationships"><Relationship Id="rId3" Type="http://schemas.openxmlformats.org/officeDocument/2006/relationships/image" Target="../media/image100.png"/><Relationship Id="rId2" Type="http://schemas.openxmlformats.org/officeDocument/2006/relationships/notesSlide" Target="../notesSlides/notesSlide52.xml"/><Relationship Id="rId1" Type="http://schemas.openxmlformats.org/officeDocument/2006/relationships/slideLayout" Target="../slideLayouts/slideLayout20.xml"/></Relationships>
</file>

<file path=ppt/slides/_rels/slide54.xml.rels><?xml version="1.0" encoding="UTF-8" standalone="yes"?>
<Relationships xmlns="http://schemas.openxmlformats.org/package/2006/relationships"><Relationship Id="rId3" Type="http://schemas.openxmlformats.org/officeDocument/2006/relationships/image" Target="../media/image101.png"/><Relationship Id="rId2" Type="http://schemas.openxmlformats.org/officeDocument/2006/relationships/notesSlide" Target="../notesSlides/notesSlide53.xml"/><Relationship Id="rId1" Type="http://schemas.openxmlformats.org/officeDocument/2006/relationships/slideLayout" Target="../slideLayouts/slideLayout20.xml"/></Relationships>
</file>

<file path=ppt/slides/_rels/slide55.xml.rels><?xml version="1.0" encoding="UTF-8" standalone="yes"?>
<Relationships xmlns="http://schemas.openxmlformats.org/package/2006/relationships"><Relationship Id="rId3" Type="http://schemas.openxmlformats.org/officeDocument/2006/relationships/image" Target="../media/image102.png"/><Relationship Id="rId2" Type="http://schemas.openxmlformats.org/officeDocument/2006/relationships/notesSlide" Target="../notesSlides/notesSlide54.xml"/><Relationship Id="rId1" Type="http://schemas.openxmlformats.org/officeDocument/2006/relationships/slideLayout" Target="../slideLayouts/slideLayout20.xml"/></Relationships>
</file>

<file path=ppt/slides/_rels/slide56.xml.rels><?xml version="1.0" encoding="UTF-8" standalone="yes"?>
<Relationships xmlns="http://schemas.openxmlformats.org/package/2006/relationships"><Relationship Id="rId3" Type="http://schemas.openxmlformats.org/officeDocument/2006/relationships/image" Target="../media/image103.png"/><Relationship Id="rId2" Type="http://schemas.openxmlformats.org/officeDocument/2006/relationships/notesSlide" Target="../notesSlides/notesSlide55.xml"/><Relationship Id="rId1" Type="http://schemas.openxmlformats.org/officeDocument/2006/relationships/slideLayout" Target="../slideLayouts/slideLayout26.xml"/></Relationships>
</file>

<file path=ppt/slides/_rels/slide57.xml.rels><?xml version="1.0" encoding="UTF-8" standalone="yes"?>
<Relationships xmlns="http://schemas.openxmlformats.org/package/2006/relationships"><Relationship Id="rId3" Type="http://schemas.openxmlformats.org/officeDocument/2006/relationships/image" Target="../media/image104.png"/><Relationship Id="rId2" Type="http://schemas.openxmlformats.org/officeDocument/2006/relationships/notesSlide" Target="../notesSlides/notesSlide56.xml"/><Relationship Id="rId1" Type="http://schemas.openxmlformats.org/officeDocument/2006/relationships/slideLayout" Target="../slideLayouts/slideLayout24.xml"/><Relationship Id="rId4" Type="http://schemas.openxmlformats.org/officeDocument/2006/relationships/image" Target="../media/image105.png"/></Relationships>
</file>

<file path=ppt/slides/_rels/slide58.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59.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6.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38.xml"/><Relationship Id="rId2" Type="http://schemas.openxmlformats.org/officeDocument/2006/relationships/customXml" Target="../../customXml/item2.xml"/><Relationship Id="rId1" Type="http://schemas.openxmlformats.org/officeDocument/2006/relationships/customXml" Target="../../customXml/item5.xml"/><Relationship Id="rId6" Type="http://schemas.openxmlformats.org/officeDocument/2006/relationships/image" Target="../media/image107.png"/><Relationship Id="rId5" Type="http://schemas.openxmlformats.org/officeDocument/2006/relationships/image" Target="../media/image106.jpeg"/><Relationship Id="rId4" Type="http://schemas.openxmlformats.org/officeDocument/2006/relationships/notesSlide" Target="../notesSlides/notesSlide57.xml"/></Relationships>
</file>

<file path=ppt/slides/_rels/slide7.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0A5D0080-C6E4-40EB-8B65-78482413B928}"/>
              </a:ext>
            </a:extLst>
          </p:cNvPr>
          <p:cNvCxnSpPr>
            <a:cxnSpLocks/>
          </p:cNvCxnSpPr>
          <p:nvPr/>
        </p:nvCxnSpPr>
        <p:spPr>
          <a:xfrm flipH="1">
            <a:off x="6905294" y="4978882"/>
            <a:ext cx="4727007" cy="0"/>
          </a:xfrm>
          <a:prstGeom prst="line">
            <a:avLst/>
          </a:prstGeom>
        </p:spPr>
        <p:style>
          <a:lnRef idx="1">
            <a:schemeClr val="accent1"/>
          </a:lnRef>
          <a:fillRef idx="0">
            <a:schemeClr val="accent1"/>
          </a:fillRef>
          <a:effectRef idx="0">
            <a:schemeClr val="accent1"/>
          </a:effectRef>
          <a:fontRef idx="minor">
            <a:schemeClr val="tx1"/>
          </a:fontRef>
        </p:style>
      </p:cxnSp>
      <p:sp>
        <p:nvSpPr>
          <p:cNvPr id="6" name="Title 5">
            <a:extLst>
              <a:ext uri="{FF2B5EF4-FFF2-40B4-BE49-F238E27FC236}">
                <a16:creationId xmlns:a16="http://schemas.microsoft.com/office/drawing/2014/main" id="{77F36DD4-F6F7-4BE2-B024-AB2860329BFC}"/>
              </a:ext>
            </a:extLst>
          </p:cNvPr>
          <p:cNvSpPr txBox="1">
            <a:spLocks/>
          </p:cNvSpPr>
          <p:nvPr/>
        </p:nvSpPr>
        <p:spPr>
          <a:xfrm>
            <a:off x="6905294" y="2790800"/>
            <a:ext cx="5073346" cy="1980281"/>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Program  </a:t>
            </a:r>
          </a:p>
          <a:p>
            <a:pPr algn="ctr"/>
            <a:r>
              <a:rPr lang="en-US" sz="2000" b="1"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ineOperate Technical Level 1</a:t>
            </a:r>
          </a:p>
          <a:p>
            <a:pPr algn="ctr"/>
            <a:endPar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endParaRP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Machine Guidance</a:t>
            </a:r>
          </a:p>
          <a:p>
            <a:pPr algn="ctr"/>
            <a:r>
              <a:rPr lang="en-US" sz="3200" dirty="0">
                <a:solidFill>
                  <a:schemeClr val="tx2">
                    <a:lumMod val="50000"/>
                  </a:schemeClr>
                </a:solidFill>
                <a:latin typeface="Open Sans Light" panose="020B0306030504020204" pitchFamily="34" charset="0"/>
                <a:ea typeface="Open Sans Light" panose="020B0306030504020204" pitchFamily="34" charset="0"/>
                <a:cs typeface="Open Sans Light" panose="020B0306030504020204" pitchFamily="34" charset="0"/>
              </a:rPr>
              <a:t>HP Dozer</a:t>
            </a:r>
            <a:endParaRPr lang="en-US" sz="3200" b="1" dirty="0">
              <a:solidFill>
                <a:schemeClr val="tx2">
                  <a:lumMod val="50000"/>
                </a:schemeClr>
              </a:solidFill>
              <a:latin typeface="Open Sans" panose="020B0606030504020204" pitchFamily="34" charset="0"/>
              <a:ea typeface="Open Sans" panose="020B0606030504020204" pitchFamily="34" charset="0"/>
              <a:cs typeface="Open Sans" panose="020B0606030504020204" pitchFamily="34" charset="0"/>
            </a:endParaRPr>
          </a:p>
        </p:txBody>
      </p:sp>
      <p:sp>
        <p:nvSpPr>
          <p:cNvPr id="7" name="Subtitle 6">
            <a:extLst>
              <a:ext uri="{FF2B5EF4-FFF2-40B4-BE49-F238E27FC236}">
                <a16:creationId xmlns:a16="http://schemas.microsoft.com/office/drawing/2014/main" id="{AFE2F511-0A2D-4B02-BEAD-E0698B1A6BA1}"/>
              </a:ext>
            </a:extLst>
          </p:cNvPr>
          <p:cNvSpPr>
            <a:spLocks noGrp="1"/>
          </p:cNvSpPr>
          <p:nvPr>
            <p:ph type="body" sz="quarter" idx="11"/>
          </p:nvPr>
        </p:nvSpPr>
        <p:spPr>
          <a:xfrm>
            <a:off x="7886700" y="5186682"/>
            <a:ext cx="3778557" cy="1477008"/>
          </a:xfrm>
        </p:spPr>
        <p:txBody>
          <a:bodyPr>
            <a:normAutofit/>
          </a:bodyPr>
          <a:lstStyle/>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Edgar Sepulveda</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Global Technical Manager, MineOperate</a:t>
            </a:r>
          </a:p>
          <a:p>
            <a:pPr algn="r"/>
            <a:r>
              <a:rPr lang="en-US" sz="1600" b="0" dirty="0">
                <a:latin typeface="Open Sans Light" panose="020B0306030504020204" pitchFamily="34" charset="0"/>
                <a:ea typeface="Open Sans Light" panose="020B0306030504020204" pitchFamily="34" charset="0"/>
                <a:cs typeface="Open Sans Light" panose="020B0306030504020204" pitchFamily="34" charset="0"/>
              </a:rPr>
              <a:t>Date 02/24/2023</a:t>
            </a:r>
          </a:p>
          <a:p>
            <a:pPr algn="r"/>
            <a:r>
              <a:rPr lang="en-US" sz="1600" dirty="0">
                <a:latin typeface="Open Sans Light" panose="020B0306030504020204" pitchFamily="34" charset="0"/>
                <a:ea typeface="Open Sans Light" panose="020B0306030504020204" pitchFamily="34" charset="0"/>
                <a:cs typeface="Open Sans Light" panose="020B0306030504020204" pitchFamily="34" charset="0"/>
              </a:rPr>
              <a:t>Version 1.6</a:t>
            </a:r>
          </a:p>
        </p:txBody>
      </p:sp>
    </p:spTree>
    <p:extLst>
      <p:ext uri="{BB962C8B-B14F-4D97-AF65-F5344CB8AC3E}">
        <p14:creationId xmlns:p14="http://schemas.microsoft.com/office/powerpoint/2010/main" val="1306561173"/>
      </p:ext>
    </p:extLst>
  </p:cSld>
  <p:clrMapOvr>
    <a:masterClrMapping/>
  </p:clrMapOvr>
  <mc:AlternateContent xmlns:mc="http://schemas.openxmlformats.org/markup-compatibility/2006" xmlns:p14="http://schemas.microsoft.com/office/powerpoint/2010/main">
    <mc:Choice Requires="p14">
      <p:transition spd="slow" p14:dur="2000" advTm="3888"/>
    </mc:Choice>
    <mc:Fallback xmlns="">
      <p:transition spd="slow" advTm="3888"/>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47411"/>
          </a:xfrm>
        </p:spPr>
        <p:txBody>
          <a:bodyPr/>
          <a:lstStyle/>
          <a:p>
            <a:r>
              <a:rPr lang="en-US" sz="1200" dirty="0"/>
              <a:t>Configuration</a:t>
            </a:r>
          </a:p>
          <a:p>
            <a:r>
              <a:rPr lang="en-US" sz="1200" dirty="0"/>
              <a:t>Add group configuration to JSPanel application for the new device name.</a:t>
            </a:r>
          </a:p>
          <a:p>
            <a:r>
              <a:rPr lang="en-US" sz="1200" dirty="0"/>
              <a:t>Update </a:t>
            </a:r>
            <a:r>
              <a:rPr lang="en-US" sz="1200" dirty="0" err="1"/>
              <a:t>high_precision_groups</a:t>
            </a:r>
            <a:r>
              <a:rPr lang="en-US" sz="1200" dirty="0"/>
              <a:t> configuration for the new device name, Value must be equal to Device nam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endParaRPr lang="en-AU" sz="1300" dirty="0"/>
          </a:p>
        </p:txBody>
      </p:sp>
      <p:pic>
        <p:nvPicPr>
          <p:cNvPr id="5" name="Picture 4">
            <a:extLst>
              <a:ext uri="{FF2B5EF4-FFF2-40B4-BE49-F238E27FC236}">
                <a16:creationId xmlns:a16="http://schemas.microsoft.com/office/drawing/2014/main" id="{764585C1-CAFF-E777-1549-D73DEBB61831}"/>
              </a:ext>
            </a:extLst>
          </p:cNvPr>
          <p:cNvPicPr>
            <a:picLocks noChangeAspect="1"/>
          </p:cNvPicPr>
          <p:nvPr/>
        </p:nvPicPr>
        <p:blipFill>
          <a:blip r:embed="rId3"/>
          <a:stretch>
            <a:fillRect/>
          </a:stretch>
        </p:blipFill>
        <p:spPr>
          <a:xfrm>
            <a:off x="1559953" y="2307040"/>
            <a:ext cx="9072094" cy="3330362"/>
          </a:xfrm>
          <a:prstGeom prst="rect">
            <a:avLst/>
          </a:prstGeom>
        </p:spPr>
      </p:pic>
    </p:spTree>
    <p:extLst>
      <p:ext uri="{BB962C8B-B14F-4D97-AF65-F5344CB8AC3E}">
        <p14:creationId xmlns:p14="http://schemas.microsoft.com/office/powerpoint/2010/main" val="13514058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74563"/>
          </a:xfrm>
        </p:spPr>
        <p:txBody>
          <a:bodyPr wrap="square">
            <a:normAutofit/>
          </a:bodyPr>
          <a:lstStyle/>
          <a:p>
            <a:r>
              <a:rPr lang="en-US" dirty="0"/>
              <a:t>Configuration</a:t>
            </a:r>
          </a:p>
          <a:p>
            <a:r>
              <a:rPr lang="en-US" dirty="0"/>
              <a:t>Add </a:t>
            </a:r>
            <a:r>
              <a:rPr lang="en-US" dirty="0" err="1"/>
              <a:t>enable_nav_tab</a:t>
            </a:r>
            <a:r>
              <a:rPr lang="en-US" dirty="0"/>
              <a:t> configu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4A8120DA-CF7F-7C00-5129-782655D33966}"/>
              </a:ext>
            </a:extLst>
          </p:cNvPr>
          <p:cNvPicPr>
            <a:picLocks noChangeAspect="1"/>
          </p:cNvPicPr>
          <p:nvPr/>
        </p:nvPicPr>
        <p:blipFill>
          <a:blip r:embed="rId3"/>
          <a:stretch>
            <a:fillRect/>
          </a:stretch>
        </p:blipFill>
        <p:spPr>
          <a:xfrm>
            <a:off x="609601" y="2842306"/>
            <a:ext cx="4414999" cy="1173387"/>
          </a:xfrm>
          <a:prstGeom prst="rect">
            <a:avLst/>
          </a:prstGeom>
        </p:spPr>
      </p:pic>
      <p:pic>
        <p:nvPicPr>
          <p:cNvPr id="6" name="Picture 5">
            <a:extLst>
              <a:ext uri="{FF2B5EF4-FFF2-40B4-BE49-F238E27FC236}">
                <a16:creationId xmlns:a16="http://schemas.microsoft.com/office/drawing/2014/main" id="{FA629FE1-89E1-737C-FA3B-1B569EE59B32}"/>
              </a:ext>
            </a:extLst>
          </p:cNvPr>
          <p:cNvPicPr>
            <a:picLocks noChangeAspect="1"/>
          </p:cNvPicPr>
          <p:nvPr/>
        </p:nvPicPr>
        <p:blipFill>
          <a:blip r:embed="rId4"/>
          <a:stretch>
            <a:fillRect/>
          </a:stretch>
        </p:blipFill>
        <p:spPr>
          <a:xfrm>
            <a:off x="5227054" y="1978025"/>
            <a:ext cx="6355347" cy="4075335"/>
          </a:xfrm>
          <a:prstGeom prst="rect">
            <a:avLst/>
          </a:prstGeom>
        </p:spPr>
      </p:pic>
    </p:spTree>
    <p:extLst>
      <p:ext uri="{BB962C8B-B14F-4D97-AF65-F5344CB8AC3E}">
        <p14:creationId xmlns:p14="http://schemas.microsoft.com/office/powerpoint/2010/main" val="349268996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74563"/>
          </a:xfrm>
        </p:spPr>
        <p:txBody>
          <a:bodyPr wrap="square">
            <a:normAutofit/>
          </a:bodyPr>
          <a:lstStyle/>
          <a:p>
            <a:r>
              <a:rPr lang="en-US" dirty="0"/>
              <a:t>Configuration</a:t>
            </a:r>
          </a:p>
          <a:p>
            <a:r>
              <a:rPr lang="en-US" dirty="0"/>
              <a:t>Delete </a:t>
            </a:r>
            <a:r>
              <a:rPr lang="en-US" dirty="0" err="1"/>
              <a:t>enable_xnav</a:t>
            </a:r>
            <a:r>
              <a:rPr lang="en-US" dirty="0"/>
              <a:t> configuration if it exist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15" name="Picture 14">
            <a:extLst>
              <a:ext uri="{FF2B5EF4-FFF2-40B4-BE49-F238E27FC236}">
                <a16:creationId xmlns:a16="http://schemas.microsoft.com/office/drawing/2014/main" id="{EDCA0A1B-1D38-419B-F44A-96AD923AF8FE}"/>
              </a:ext>
            </a:extLst>
          </p:cNvPr>
          <p:cNvPicPr>
            <a:picLocks noChangeAspect="1"/>
          </p:cNvPicPr>
          <p:nvPr/>
        </p:nvPicPr>
        <p:blipFill>
          <a:blip r:embed="rId3"/>
          <a:stretch>
            <a:fillRect/>
          </a:stretch>
        </p:blipFill>
        <p:spPr>
          <a:xfrm>
            <a:off x="609601" y="2019103"/>
            <a:ext cx="4589434" cy="3648564"/>
          </a:xfrm>
          <a:prstGeom prst="rect">
            <a:avLst/>
          </a:prstGeom>
        </p:spPr>
      </p:pic>
      <p:pic>
        <p:nvPicPr>
          <p:cNvPr id="20" name="Picture 19">
            <a:extLst>
              <a:ext uri="{FF2B5EF4-FFF2-40B4-BE49-F238E27FC236}">
                <a16:creationId xmlns:a16="http://schemas.microsoft.com/office/drawing/2014/main" id="{64E6CE75-D9CE-5A61-0E43-91D666625216}"/>
              </a:ext>
            </a:extLst>
          </p:cNvPr>
          <p:cNvPicPr>
            <a:picLocks noChangeAspect="1"/>
          </p:cNvPicPr>
          <p:nvPr/>
        </p:nvPicPr>
        <p:blipFill>
          <a:blip r:embed="rId4"/>
          <a:stretch>
            <a:fillRect/>
          </a:stretch>
        </p:blipFill>
        <p:spPr>
          <a:xfrm>
            <a:off x="5841629" y="2019103"/>
            <a:ext cx="5434771" cy="1409897"/>
          </a:xfrm>
          <a:prstGeom prst="rect">
            <a:avLst/>
          </a:prstGeom>
        </p:spPr>
      </p:pic>
      <p:pic>
        <p:nvPicPr>
          <p:cNvPr id="22" name="Picture 21">
            <a:extLst>
              <a:ext uri="{FF2B5EF4-FFF2-40B4-BE49-F238E27FC236}">
                <a16:creationId xmlns:a16="http://schemas.microsoft.com/office/drawing/2014/main" id="{54150DC8-CB39-9443-AB63-945875209737}"/>
              </a:ext>
            </a:extLst>
          </p:cNvPr>
          <p:cNvPicPr>
            <a:picLocks noChangeAspect="1"/>
          </p:cNvPicPr>
          <p:nvPr/>
        </p:nvPicPr>
        <p:blipFill>
          <a:blip r:embed="rId5"/>
          <a:stretch>
            <a:fillRect/>
          </a:stretch>
        </p:blipFill>
        <p:spPr>
          <a:xfrm>
            <a:off x="5825411" y="3553708"/>
            <a:ext cx="5450989" cy="2284460"/>
          </a:xfrm>
          <a:prstGeom prst="rect">
            <a:avLst/>
          </a:prstGeom>
        </p:spPr>
      </p:pic>
    </p:spTree>
    <p:extLst>
      <p:ext uri="{BB962C8B-B14F-4D97-AF65-F5344CB8AC3E}">
        <p14:creationId xmlns:p14="http://schemas.microsoft.com/office/powerpoint/2010/main" val="322882425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410233"/>
          </a:xfrm>
        </p:spPr>
        <p:txBody>
          <a:bodyPr wrap="square">
            <a:normAutofit/>
          </a:bodyPr>
          <a:lstStyle/>
          <a:p>
            <a:r>
              <a:rPr lang="en-US" dirty="0"/>
              <a:t>Configura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DEB1F16F-5CA0-021F-C721-57015897364E}"/>
              </a:ext>
            </a:extLst>
          </p:cNvPr>
          <p:cNvPicPr>
            <a:picLocks noChangeAspect="1"/>
          </p:cNvPicPr>
          <p:nvPr/>
        </p:nvPicPr>
        <p:blipFill>
          <a:blip r:embed="rId3"/>
          <a:stretch>
            <a:fillRect/>
          </a:stretch>
        </p:blipFill>
        <p:spPr>
          <a:xfrm>
            <a:off x="6629400" y="1019833"/>
            <a:ext cx="4308837" cy="1276123"/>
          </a:xfrm>
          <a:prstGeom prst="rect">
            <a:avLst/>
          </a:prstGeom>
        </p:spPr>
      </p:pic>
      <p:pic>
        <p:nvPicPr>
          <p:cNvPr id="7" name="Picture 6">
            <a:extLst>
              <a:ext uri="{FF2B5EF4-FFF2-40B4-BE49-F238E27FC236}">
                <a16:creationId xmlns:a16="http://schemas.microsoft.com/office/drawing/2014/main" id="{8F1C01FC-7DD4-7FD8-F032-143D8CA2AAC7}"/>
              </a:ext>
            </a:extLst>
          </p:cNvPr>
          <p:cNvPicPr>
            <a:picLocks noChangeAspect="1"/>
          </p:cNvPicPr>
          <p:nvPr/>
        </p:nvPicPr>
        <p:blipFill>
          <a:blip r:embed="rId4"/>
          <a:stretch>
            <a:fillRect/>
          </a:stretch>
        </p:blipFill>
        <p:spPr>
          <a:xfrm>
            <a:off x="6629400" y="2405391"/>
            <a:ext cx="4318001" cy="3432776"/>
          </a:xfrm>
          <a:prstGeom prst="rect">
            <a:avLst/>
          </a:prstGeom>
        </p:spPr>
      </p:pic>
      <p:pic>
        <p:nvPicPr>
          <p:cNvPr id="9" name="Picture 8">
            <a:extLst>
              <a:ext uri="{FF2B5EF4-FFF2-40B4-BE49-F238E27FC236}">
                <a16:creationId xmlns:a16="http://schemas.microsoft.com/office/drawing/2014/main" id="{AEDC1145-ECDA-5041-B1AC-C0B49936D9BE}"/>
              </a:ext>
            </a:extLst>
          </p:cNvPr>
          <p:cNvPicPr>
            <a:picLocks noChangeAspect="1"/>
          </p:cNvPicPr>
          <p:nvPr/>
        </p:nvPicPr>
        <p:blipFill>
          <a:blip r:embed="rId5"/>
          <a:stretch>
            <a:fillRect/>
          </a:stretch>
        </p:blipFill>
        <p:spPr>
          <a:xfrm>
            <a:off x="1244599" y="1430065"/>
            <a:ext cx="4318000" cy="1276123"/>
          </a:xfrm>
          <a:prstGeom prst="rect">
            <a:avLst/>
          </a:prstGeom>
        </p:spPr>
      </p:pic>
      <p:pic>
        <p:nvPicPr>
          <p:cNvPr id="13" name="Picture 12">
            <a:extLst>
              <a:ext uri="{FF2B5EF4-FFF2-40B4-BE49-F238E27FC236}">
                <a16:creationId xmlns:a16="http://schemas.microsoft.com/office/drawing/2014/main" id="{0177325C-E724-8D08-8AAB-43697B02214D}"/>
              </a:ext>
            </a:extLst>
          </p:cNvPr>
          <p:cNvPicPr>
            <a:picLocks noChangeAspect="1"/>
          </p:cNvPicPr>
          <p:nvPr/>
        </p:nvPicPr>
        <p:blipFill>
          <a:blip r:embed="rId6"/>
          <a:stretch>
            <a:fillRect/>
          </a:stretch>
        </p:blipFill>
        <p:spPr>
          <a:xfrm>
            <a:off x="1244600" y="2815624"/>
            <a:ext cx="4318000" cy="3432776"/>
          </a:xfrm>
          <a:prstGeom prst="rect">
            <a:avLst/>
          </a:prstGeom>
        </p:spPr>
      </p:pic>
    </p:spTree>
    <p:extLst>
      <p:ext uri="{BB962C8B-B14F-4D97-AF65-F5344CB8AC3E}">
        <p14:creationId xmlns:p14="http://schemas.microsoft.com/office/powerpoint/2010/main" val="153172048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7" name="Picture 6">
            <a:extLst>
              <a:ext uri="{FF2B5EF4-FFF2-40B4-BE49-F238E27FC236}">
                <a16:creationId xmlns:a16="http://schemas.microsoft.com/office/drawing/2014/main" id="{D07B8AD1-9BBA-0481-1FAE-5D092690944C}"/>
              </a:ext>
            </a:extLst>
          </p:cNvPr>
          <p:cNvPicPr>
            <a:picLocks noChangeAspect="1"/>
          </p:cNvPicPr>
          <p:nvPr/>
        </p:nvPicPr>
        <p:blipFill>
          <a:blip r:embed="rId3"/>
          <a:stretch>
            <a:fillRect/>
          </a:stretch>
        </p:blipFill>
        <p:spPr>
          <a:xfrm>
            <a:off x="609599" y="1524001"/>
            <a:ext cx="5250783" cy="3383110"/>
          </a:xfrm>
          <a:prstGeom prst="rect">
            <a:avLst/>
          </a:prstGeom>
        </p:spPr>
      </p:pic>
      <p:pic>
        <p:nvPicPr>
          <p:cNvPr id="8" name="Picture 7">
            <a:extLst>
              <a:ext uri="{FF2B5EF4-FFF2-40B4-BE49-F238E27FC236}">
                <a16:creationId xmlns:a16="http://schemas.microsoft.com/office/drawing/2014/main" id="{1872AB56-63FF-A1FF-1E6F-9029CEDDF41F}"/>
              </a:ext>
            </a:extLst>
          </p:cNvPr>
          <p:cNvPicPr>
            <a:picLocks noChangeAspect="1"/>
          </p:cNvPicPr>
          <p:nvPr/>
        </p:nvPicPr>
        <p:blipFill>
          <a:blip r:embed="rId4"/>
          <a:stretch>
            <a:fillRect/>
          </a:stretch>
        </p:blipFill>
        <p:spPr>
          <a:xfrm>
            <a:off x="6306554" y="1524002"/>
            <a:ext cx="5275846" cy="3383110"/>
          </a:xfrm>
          <a:prstGeom prst="rect">
            <a:avLst/>
          </a:prstGeom>
        </p:spPr>
      </p:pic>
    </p:spTree>
    <p:extLst>
      <p:ext uri="{BB962C8B-B14F-4D97-AF65-F5344CB8AC3E}">
        <p14:creationId xmlns:p14="http://schemas.microsoft.com/office/powerpoint/2010/main" val="257685422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Copy </a:t>
            </a:r>
            <a:r>
              <a:rPr lang="en-US" dirty="0" err="1"/>
              <a:t>gpsLeica</a:t>
            </a:r>
            <a:r>
              <a:rPr lang="en-US" dirty="0"/>
              <a:t> configurations and update device.</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8" name="Picture 7">
            <a:extLst>
              <a:ext uri="{FF2B5EF4-FFF2-40B4-BE49-F238E27FC236}">
                <a16:creationId xmlns:a16="http://schemas.microsoft.com/office/drawing/2014/main" id="{5EADF7E4-E31A-40B7-A1BB-D6CBE01FCA5B}"/>
              </a:ext>
            </a:extLst>
          </p:cNvPr>
          <p:cNvPicPr>
            <a:picLocks noChangeAspect="1"/>
          </p:cNvPicPr>
          <p:nvPr/>
        </p:nvPicPr>
        <p:blipFill>
          <a:blip r:embed="rId3"/>
          <a:stretch>
            <a:fillRect/>
          </a:stretch>
        </p:blipFill>
        <p:spPr>
          <a:xfrm>
            <a:off x="1147187" y="2134163"/>
            <a:ext cx="9897626" cy="2589674"/>
          </a:xfrm>
          <a:prstGeom prst="rect">
            <a:avLst/>
          </a:prstGeom>
        </p:spPr>
      </p:pic>
    </p:spTree>
    <p:extLst>
      <p:ext uri="{BB962C8B-B14F-4D97-AF65-F5344CB8AC3E}">
        <p14:creationId xmlns:p14="http://schemas.microsoft.com/office/powerpoint/2010/main" val="428395191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GPS antennas measurements in </a:t>
            </a:r>
            <a:r>
              <a:rPr lang="en-US" dirty="0" err="1"/>
              <a:t>gpsLeica</a:t>
            </a:r>
            <a:r>
              <a:rPr lang="en-US" dirty="0"/>
              <a:t> configurations for each HP Dozer.</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96AB8AB3-CECE-4EDE-95DF-B26A57A2B02E}"/>
              </a:ext>
            </a:extLst>
          </p:cNvPr>
          <p:cNvPicPr>
            <a:picLocks noChangeAspect="1"/>
          </p:cNvPicPr>
          <p:nvPr/>
        </p:nvPicPr>
        <p:blipFill>
          <a:blip r:embed="rId3"/>
          <a:stretch>
            <a:fillRect/>
          </a:stretch>
        </p:blipFill>
        <p:spPr>
          <a:xfrm>
            <a:off x="1930958" y="2031235"/>
            <a:ext cx="8330083" cy="3806932"/>
          </a:xfrm>
          <a:prstGeom prst="rect">
            <a:avLst/>
          </a:prstGeom>
        </p:spPr>
      </p:pic>
    </p:spTree>
    <p:extLst>
      <p:ext uri="{BB962C8B-B14F-4D97-AF65-F5344CB8AC3E}">
        <p14:creationId xmlns:p14="http://schemas.microsoft.com/office/powerpoint/2010/main" val="29262684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839112"/>
          </a:xfrm>
        </p:spPr>
        <p:txBody>
          <a:bodyPr wrap="square">
            <a:normAutofit/>
          </a:bodyPr>
          <a:lstStyle/>
          <a:p>
            <a:r>
              <a:rPr lang="en-US" dirty="0"/>
              <a:t>Calibration</a:t>
            </a:r>
          </a:p>
          <a:p>
            <a:r>
              <a:rPr lang="en-US" dirty="0"/>
              <a:t>Add blade measurements for each HP Dozer.</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8D820A84-DA80-4B0E-A3BA-ED495FC8430C}"/>
              </a:ext>
            </a:extLst>
          </p:cNvPr>
          <p:cNvPicPr>
            <a:picLocks noChangeAspect="1"/>
          </p:cNvPicPr>
          <p:nvPr/>
        </p:nvPicPr>
        <p:blipFill>
          <a:blip r:embed="rId3"/>
          <a:stretch>
            <a:fillRect/>
          </a:stretch>
        </p:blipFill>
        <p:spPr>
          <a:xfrm>
            <a:off x="1930958" y="2100955"/>
            <a:ext cx="8330083" cy="3737212"/>
          </a:xfrm>
          <a:prstGeom prst="rect">
            <a:avLst/>
          </a:prstGeom>
        </p:spPr>
      </p:pic>
    </p:spTree>
    <p:extLst>
      <p:ext uri="{BB962C8B-B14F-4D97-AF65-F5344CB8AC3E}">
        <p14:creationId xmlns:p14="http://schemas.microsoft.com/office/powerpoint/2010/main" val="419156588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49976"/>
            <a:ext cx="10972800" cy="708483"/>
          </a:xfrm>
        </p:spPr>
        <p:txBody>
          <a:bodyPr wrap="square">
            <a:normAutofit lnSpcReduction="10000"/>
          </a:bodyPr>
          <a:lstStyle/>
          <a:p>
            <a:r>
              <a:rPr lang="en-US" dirty="0"/>
              <a:t>Calibration</a:t>
            </a:r>
          </a:p>
          <a:p>
            <a:r>
              <a:rPr lang="en-US" dirty="0"/>
              <a:t>X and Y measurement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1026" name="Picture 2">
            <a:extLst>
              <a:ext uri="{FF2B5EF4-FFF2-40B4-BE49-F238E27FC236}">
                <a16:creationId xmlns:a16="http://schemas.microsoft.com/office/drawing/2014/main" id="{26B15ACC-3D6E-4905-BA85-003B9957841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28468" y="2694738"/>
            <a:ext cx="1905000" cy="2181225"/>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4" descr="Diagram&#10;&#10;Description automatically generated">
            <a:extLst>
              <a:ext uri="{FF2B5EF4-FFF2-40B4-BE49-F238E27FC236}">
                <a16:creationId xmlns:a16="http://schemas.microsoft.com/office/drawing/2014/main" id="{E214EFC0-B608-439E-B7C3-C00921C99BAD}"/>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979952" y="2310753"/>
            <a:ext cx="5555461" cy="2949196"/>
          </a:xfrm>
          <a:prstGeom prst="rect">
            <a:avLst/>
          </a:prstGeom>
        </p:spPr>
      </p:pic>
      <p:pic>
        <p:nvPicPr>
          <p:cNvPr id="8" name="Picture 7">
            <a:extLst>
              <a:ext uri="{FF2B5EF4-FFF2-40B4-BE49-F238E27FC236}">
                <a16:creationId xmlns:a16="http://schemas.microsoft.com/office/drawing/2014/main" id="{865C1922-7378-40A6-8696-2CDFD93BF863}"/>
              </a:ext>
            </a:extLst>
          </p:cNvPr>
          <p:cNvPicPr>
            <a:picLocks noChangeAspect="1"/>
          </p:cNvPicPr>
          <p:nvPr/>
        </p:nvPicPr>
        <p:blipFill>
          <a:blip r:embed="rId5"/>
          <a:stretch>
            <a:fillRect/>
          </a:stretch>
        </p:blipFill>
        <p:spPr>
          <a:xfrm>
            <a:off x="8981897" y="2455483"/>
            <a:ext cx="2581635" cy="2715004"/>
          </a:xfrm>
          <a:prstGeom prst="rect">
            <a:avLst/>
          </a:prstGeom>
        </p:spPr>
      </p:pic>
    </p:spTree>
    <p:extLst>
      <p:ext uri="{BB962C8B-B14F-4D97-AF65-F5344CB8AC3E}">
        <p14:creationId xmlns:p14="http://schemas.microsoft.com/office/powerpoint/2010/main" val="281238155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08968"/>
          </a:xfrm>
        </p:spPr>
        <p:txBody>
          <a:bodyPr wrap="square">
            <a:normAutofit/>
          </a:bodyPr>
          <a:lstStyle/>
          <a:p>
            <a:r>
              <a:rPr lang="en-US" dirty="0"/>
              <a:t>Calibration </a:t>
            </a:r>
          </a:p>
          <a:p>
            <a:r>
              <a:rPr lang="en-US" dirty="0"/>
              <a:t>Add </a:t>
            </a:r>
            <a:r>
              <a:rPr lang="en-US" dirty="0" err="1"/>
              <a:t>gpsLeica</a:t>
            </a:r>
            <a:r>
              <a:rPr lang="en-US" dirty="0"/>
              <a:t> configurations for each HP Dozer.</a:t>
            </a:r>
          </a:p>
          <a:p>
            <a:endParaRPr lang="en-US" dirty="0"/>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599"/>
            <a:ext cx="10972800" cy="410233"/>
          </a:xfrm>
        </p:spPr>
        <p:txBody>
          <a:bodyPr anchor="t">
            <a:normAutofit/>
          </a:bodyPr>
          <a:lstStyle/>
          <a:p>
            <a:r>
              <a:rPr lang="en-AU" dirty="0"/>
              <a:t>Machine Guidance - HP Dozer</a:t>
            </a:r>
          </a:p>
        </p:txBody>
      </p:sp>
      <p:pic>
        <p:nvPicPr>
          <p:cNvPr id="6" name="Picture 5">
            <a:extLst>
              <a:ext uri="{FF2B5EF4-FFF2-40B4-BE49-F238E27FC236}">
                <a16:creationId xmlns:a16="http://schemas.microsoft.com/office/drawing/2014/main" id="{6FF6429B-07B5-4A79-93F3-FA85750CFA77}"/>
              </a:ext>
            </a:extLst>
          </p:cNvPr>
          <p:cNvPicPr>
            <a:picLocks noChangeAspect="1"/>
          </p:cNvPicPr>
          <p:nvPr/>
        </p:nvPicPr>
        <p:blipFill>
          <a:blip r:embed="rId3"/>
          <a:stretch>
            <a:fillRect/>
          </a:stretch>
        </p:blipFill>
        <p:spPr>
          <a:xfrm>
            <a:off x="1147187" y="2133773"/>
            <a:ext cx="9897626" cy="2590453"/>
          </a:xfrm>
          <a:prstGeom prst="rect">
            <a:avLst/>
          </a:prstGeom>
        </p:spPr>
      </p:pic>
    </p:spTree>
    <p:extLst>
      <p:ext uri="{BB962C8B-B14F-4D97-AF65-F5344CB8AC3E}">
        <p14:creationId xmlns:p14="http://schemas.microsoft.com/office/powerpoint/2010/main" val="45585068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D300D840-85EA-BDA0-1552-824D848F6CF1}"/>
              </a:ext>
            </a:extLst>
          </p:cNvPr>
          <p:cNvSpPr>
            <a:spLocks noGrp="1"/>
          </p:cNvSpPr>
          <p:nvPr>
            <p:ph type="body" sz="quarter" idx="20"/>
          </p:nvPr>
        </p:nvSpPr>
        <p:spPr>
          <a:xfrm>
            <a:off x="609601" y="1019833"/>
            <a:ext cx="10972800" cy="424732"/>
          </a:xfrm>
        </p:spPr>
        <p:txBody>
          <a:bodyPr vert="horz" wrap="square" lIns="0" tIns="45720" rIns="0" bIns="45720" rtlCol="0" anchor="t">
            <a:spAutoFit/>
          </a:bodyPr>
          <a:lstStyle/>
          <a:p>
            <a:r>
              <a:rPr lang="en-GB" sz="2400" dirty="0">
                <a:latin typeface="Arial"/>
                <a:cs typeface="Arial"/>
              </a:rPr>
              <a:t>This session shows …</a:t>
            </a:r>
          </a:p>
        </p:txBody>
      </p:sp>
      <p:sp>
        <p:nvSpPr>
          <p:cNvPr id="2" name="Title 1">
            <a:extLst>
              <a:ext uri="{FF2B5EF4-FFF2-40B4-BE49-F238E27FC236}">
                <a16:creationId xmlns:a16="http://schemas.microsoft.com/office/drawing/2014/main" id="{0A863E70-5EF4-417D-A56A-0C4730EA6886}"/>
              </a:ext>
            </a:extLst>
          </p:cNvPr>
          <p:cNvSpPr>
            <a:spLocks noGrp="1"/>
          </p:cNvSpPr>
          <p:nvPr>
            <p:ph type="title"/>
          </p:nvPr>
        </p:nvSpPr>
        <p:spPr/>
        <p:txBody>
          <a:bodyPr>
            <a:normAutofit/>
          </a:bodyPr>
          <a:lstStyle/>
          <a:p>
            <a:r>
              <a:rPr lang="en-GB"/>
              <a:t>Purpose</a:t>
            </a:r>
            <a:endParaRPr lang="en-AU"/>
          </a:p>
        </p:txBody>
      </p:sp>
      <p:sp>
        <p:nvSpPr>
          <p:cNvPr id="3" name="Content Placeholder 2">
            <a:extLst>
              <a:ext uri="{FF2B5EF4-FFF2-40B4-BE49-F238E27FC236}">
                <a16:creationId xmlns:a16="http://schemas.microsoft.com/office/drawing/2014/main" id="{24D91BD0-682D-4009-ACB0-EC9A4EB8F2EB}"/>
              </a:ext>
            </a:extLst>
          </p:cNvPr>
          <p:cNvSpPr>
            <a:spLocks noGrp="1"/>
          </p:cNvSpPr>
          <p:nvPr>
            <p:ph sz="quarter" idx="21"/>
          </p:nvPr>
        </p:nvSpPr>
        <p:spPr/>
        <p:txBody>
          <a:bodyPr vert="horz" lIns="0" tIns="0" rIns="0" bIns="0" rtlCol="0" anchor="t">
            <a:normAutofit/>
          </a:bodyPr>
          <a:lstStyle/>
          <a:p>
            <a:pPr marL="0" indent="0" rtl="0" fontAlgn="base">
              <a:lnSpc>
                <a:spcPct val="90000"/>
              </a:lnSpc>
              <a:buNone/>
            </a:pPr>
            <a:r>
              <a:rPr lang="en-GB" sz="2400" b="0" i="0" u="none" strike="noStrike" dirty="0">
                <a:effectLst/>
                <a:latin typeface="Arial"/>
                <a:cs typeface="Arial"/>
              </a:rPr>
              <a:t>At the end of this module, you will:</a:t>
            </a:r>
          </a:p>
          <a:p>
            <a:pPr marL="0" indent="0" rtl="0" fontAlgn="base">
              <a:lnSpc>
                <a:spcPct val="90000"/>
              </a:lnSpc>
              <a:buNone/>
            </a:pPr>
            <a:endParaRPr lang="en-GB" sz="2600" b="0" i="0" u="none" strike="noStrike" dirty="0">
              <a:effectLst/>
            </a:endParaRPr>
          </a:p>
          <a:p>
            <a:pPr fontAlgn="base"/>
            <a:endParaRPr lang="en-GB" sz="2000" dirty="0">
              <a:latin typeface="Arial"/>
              <a:cs typeface="Arial"/>
            </a:endParaRPr>
          </a:p>
          <a:p>
            <a:pPr rtl="0" fontAlgn="base">
              <a:lnSpc>
                <a:spcPct val="90000"/>
              </a:lnSpc>
              <a:buFontTx/>
              <a:buChar char="-"/>
            </a:pPr>
            <a:endParaRPr lang="en-GB" sz="1800" dirty="0"/>
          </a:p>
          <a:p>
            <a:pPr rtl="0" fontAlgn="base">
              <a:lnSpc>
                <a:spcPct val="90000"/>
              </a:lnSpc>
              <a:buFontTx/>
              <a:buChar char="-"/>
            </a:pPr>
            <a:endParaRPr lang="en-US" sz="2600" b="0" i="0" dirty="0">
              <a:effectLst/>
            </a:endParaRPr>
          </a:p>
        </p:txBody>
      </p:sp>
      <p:pic>
        <p:nvPicPr>
          <p:cNvPr id="13" name="Picture Placeholder 12">
            <a:extLst>
              <a:ext uri="{FF2B5EF4-FFF2-40B4-BE49-F238E27FC236}">
                <a16:creationId xmlns:a16="http://schemas.microsoft.com/office/drawing/2014/main" id="{BEEC9507-1C5F-41E0-BA68-D7B5CC24AEB6}"/>
              </a:ext>
            </a:extLst>
          </p:cNvPr>
          <p:cNvPicPr>
            <a:picLocks noGrp="1" noChangeAspect="1"/>
          </p:cNvPicPr>
          <p:nvPr>
            <p:ph type="pic" sz="quarter" idx="24"/>
          </p:nvPr>
        </p:nvPicPr>
        <p:blipFill>
          <a:blip r:embed="rId2" cstate="print">
            <a:extLst>
              <a:ext uri="{28A0092B-C50C-407E-A947-70E740481C1C}">
                <a14:useLocalDpi xmlns:a14="http://schemas.microsoft.com/office/drawing/2010/main" val="0"/>
              </a:ext>
            </a:extLst>
          </a:blip>
          <a:srcRect l="8996" r="8996"/>
          <a:stretch/>
        </p:blipFill>
        <p:spPr>
          <a:xfrm>
            <a:off x="6695484" y="1905204"/>
            <a:ext cx="4886916" cy="3969468"/>
          </a:xfrm>
        </p:spPr>
      </p:pic>
    </p:spTree>
    <p:extLst>
      <p:ext uri="{BB962C8B-B14F-4D97-AF65-F5344CB8AC3E}">
        <p14:creationId xmlns:p14="http://schemas.microsoft.com/office/powerpoint/2010/main" val="1453631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779566"/>
          </a:xfrm>
        </p:spPr>
        <p:txBody>
          <a:bodyPr wrap="square">
            <a:normAutofit/>
          </a:bodyPr>
          <a:lstStyle/>
          <a:p>
            <a:r>
              <a:rPr lang="en-US" dirty="0"/>
              <a:t>Accuracy Test</a:t>
            </a:r>
          </a:p>
          <a:p>
            <a:r>
              <a:rPr lang="en-US" dirty="0"/>
              <a:t>Tool position</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1026" name="Picture 2" descr="Image result for leica gps receiver">
            <a:extLst>
              <a:ext uri="{FF2B5EF4-FFF2-40B4-BE49-F238E27FC236}">
                <a16:creationId xmlns:a16="http://schemas.microsoft.com/office/drawing/2014/main" id="{0D0DFEE9-6E5B-49F7-BD5B-9B2AACF2003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475367" y="2533650"/>
            <a:ext cx="1790700" cy="1790700"/>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8">
            <a:extLst>
              <a:ext uri="{FF2B5EF4-FFF2-40B4-BE49-F238E27FC236}">
                <a16:creationId xmlns:a16="http://schemas.microsoft.com/office/drawing/2014/main" id="{9A66455B-12AB-4C9B-9968-77C987EABFC0}"/>
              </a:ext>
            </a:extLst>
          </p:cNvPr>
          <p:cNvPicPr>
            <a:picLocks noChangeAspect="1"/>
          </p:cNvPicPr>
          <p:nvPr/>
        </p:nvPicPr>
        <p:blipFill>
          <a:blip r:embed="rId4"/>
          <a:stretch>
            <a:fillRect/>
          </a:stretch>
        </p:blipFill>
        <p:spPr>
          <a:xfrm>
            <a:off x="2162391" y="2178278"/>
            <a:ext cx="2753109" cy="1200318"/>
          </a:xfrm>
          <a:prstGeom prst="rect">
            <a:avLst/>
          </a:prstGeom>
        </p:spPr>
      </p:pic>
      <p:pic>
        <p:nvPicPr>
          <p:cNvPr id="11" name="Picture 10">
            <a:extLst>
              <a:ext uri="{FF2B5EF4-FFF2-40B4-BE49-F238E27FC236}">
                <a16:creationId xmlns:a16="http://schemas.microsoft.com/office/drawing/2014/main" id="{D384B687-5173-4D8C-9928-8B036945F071}"/>
              </a:ext>
            </a:extLst>
          </p:cNvPr>
          <p:cNvPicPr>
            <a:picLocks noChangeAspect="1"/>
          </p:cNvPicPr>
          <p:nvPr/>
        </p:nvPicPr>
        <p:blipFill>
          <a:blip r:embed="rId5"/>
          <a:stretch>
            <a:fillRect/>
          </a:stretch>
        </p:blipFill>
        <p:spPr>
          <a:xfrm>
            <a:off x="609600" y="3757475"/>
            <a:ext cx="5858693" cy="1352739"/>
          </a:xfrm>
          <a:prstGeom prst="rect">
            <a:avLst/>
          </a:prstGeom>
        </p:spPr>
      </p:pic>
    </p:spTree>
    <p:extLst>
      <p:ext uri="{BB962C8B-B14F-4D97-AF65-F5344CB8AC3E}">
        <p14:creationId xmlns:p14="http://schemas.microsoft.com/office/powerpoint/2010/main" val="378286553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369332"/>
          </a:xfrm>
        </p:spPr>
        <p:txBody>
          <a:bodyPr wrap="square">
            <a:normAutofit/>
          </a:bodyPr>
          <a:lstStyle/>
          <a:p>
            <a:r>
              <a:rPr lang="en-US" dirty="0"/>
              <a:t>Accuracy Test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7" name="Picture 6">
            <a:extLst>
              <a:ext uri="{FF2B5EF4-FFF2-40B4-BE49-F238E27FC236}">
                <a16:creationId xmlns:a16="http://schemas.microsoft.com/office/drawing/2014/main" id="{715A431D-D256-45B5-A4AA-A7D2697B2369}"/>
              </a:ext>
            </a:extLst>
          </p:cNvPr>
          <p:cNvPicPr>
            <a:picLocks noChangeAspect="1"/>
          </p:cNvPicPr>
          <p:nvPr/>
        </p:nvPicPr>
        <p:blipFill>
          <a:blip r:embed="rId3"/>
          <a:stretch>
            <a:fillRect/>
          </a:stretch>
        </p:blipFill>
        <p:spPr>
          <a:xfrm>
            <a:off x="3816150" y="1478295"/>
            <a:ext cx="4559699" cy="4359872"/>
          </a:xfrm>
          <a:prstGeom prst="rect">
            <a:avLst/>
          </a:prstGeom>
        </p:spPr>
      </p:pic>
    </p:spTree>
    <p:extLst>
      <p:ext uri="{BB962C8B-B14F-4D97-AF65-F5344CB8AC3E}">
        <p14:creationId xmlns:p14="http://schemas.microsoft.com/office/powerpoint/2010/main" val="128103390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8038862E-5C4E-42B6-810B-DC2E71F1243F}"/>
              </a:ext>
            </a:extLst>
          </p:cNvPr>
          <p:cNvPicPr>
            <a:picLocks noChangeAspect="1"/>
          </p:cNvPicPr>
          <p:nvPr/>
        </p:nvPicPr>
        <p:blipFill rotWithShape="1">
          <a:blip r:embed="rId3"/>
          <a:srcRect r="11205"/>
          <a:stretch/>
        </p:blipFill>
        <p:spPr>
          <a:xfrm>
            <a:off x="2573927" y="949939"/>
            <a:ext cx="7044146" cy="4958121"/>
          </a:xfrm>
          <a:prstGeom prst="rect">
            <a:avLst/>
          </a:prstGeom>
          <a:noFill/>
        </p:spPr>
      </p:pic>
    </p:spTree>
    <p:extLst>
      <p:ext uri="{BB962C8B-B14F-4D97-AF65-F5344CB8AC3E}">
        <p14:creationId xmlns:p14="http://schemas.microsoft.com/office/powerpoint/2010/main" val="225722158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8" name="Picture 7">
            <a:extLst>
              <a:ext uri="{FF2B5EF4-FFF2-40B4-BE49-F238E27FC236}">
                <a16:creationId xmlns:a16="http://schemas.microsoft.com/office/drawing/2014/main" id="{DBFD512F-3B08-43EC-8B07-A7622C9F63B3}"/>
              </a:ext>
            </a:extLst>
          </p:cNvPr>
          <p:cNvPicPr>
            <a:picLocks noChangeAspect="1"/>
          </p:cNvPicPr>
          <p:nvPr/>
        </p:nvPicPr>
        <p:blipFill>
          <a:blip r:embed="rId3"/>
          <a:stretch>
            <a:fillRect/>
          </a:stretch>
        </p:blipFill>
        <p:spPr>
          <a:xfrm>
            <a:off x="1955800" y="1477001"/>
            <a:ext cx="8280400" cy="4361166"/>
          </a:xfrm>
          <a:prstGeom prst="rect">
            <a:avLst/>
          </a:prstGeom>
        </p:spPr>
      </p:pic>
    </p:spTree>
    <p:extLst>
      <p:ext uri="{BB962C8B-B14F-4D97-AF65-F5344CB8AC3E}">
        <p14:creationId xmlns:p14="http://schemas.microsoft.com/office/powerpoint/2010/main" val="412286825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8" name="Picture 7">
            <a:extLst>
              <a:ext uri="{FF2B5EF4-FFF2-40B4-BE49-F238E27FC236}">
                <a16:creationId xmlns:a16="http://schemas.microsoft.com/office/drawing/2014/main" id="{8770B2C7-8E4B-455C-8ECF-5284DCD70608}"/>
              </a:ext>
            </a:extLst>
          </p:cNvPr>
          <p:cNvPicPr>
            <a:picLocks noChangeAspect="1"/>
          </p:cNvPicPr>
          <p:nvPr/>
        </p:nvPicPr>
        <p:blipFill>
          <a:blip r:embed="rId3"/>
          <a:stretch>
            <a:fillRect/>
          </a:stretch>
        </p:blipFill>
        <p:spPr>
          <a:xfrm>
            <a:off x="1911242" y="1430066"/>
            <a:ext cx="8369515" cy="4408101"/>
          </a:xfrm>
          <a:prstGeom prst="rect">
            <a:avLst/>
          </a:prstGeom>
        </p:spPr>
      </p:pic>
    </p:spTree>
    <p:extLst>
      <p:ext uri="{BB962C8B-B14F-4D97-AF65-F5344CB8AC3E}">
        <p14:creationId xmlns:p14="http://schemas.microsoft.com/office/powerpoint/2010/main" val="667345551"/>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C0BE7CD7-874A-431A-8B60-9D00C432AEE6}"/>
              </a:ext>
            </a:extLst>
          </p:cNvPr>
          <p:cNvPicPr>
            <a:picLocks noChangeAspect="1"/>
          </p:cNvPicPr>
          <p:nvPr/>
        </p:nvPicPr>
        <p:blipFill>
          <a:blip r:embed="rId3"/>
          <a:stretch>
            <a:fillRect/>
          </a:stretch>
        </p:blipFill>
        <p:spPr>
          <a:xfrm>
            <a:off x="1906587" y="1430066"/>
            <a:ext cx="8378825" cy="4413005"/>
          </a:xfrm>
          <a:prstGeom prst="rect">
            <a:avLst/>
          </a:prstGeom>
        </p:spPr>
      </p:pic>
    </p:spTree>
    <p:extLst>
      <p:ext uri="{BB962C8B-B14F-4D97-AF65-F5344CB8AC3E}">
        <p14:creationId xmlns:p14="http://schemas.microsoft.com/office/powerpoint/2010/main" val="315489132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8DE5472C-08B3-4009-BBF4-DEB25DC7E74F}"/>
              </a:ext>
            </a:extLst>
          </p:cNvPr>
          <p:cNvPicPr>
            <a:picLocks noChangeAspect="1"/>
          </p:cNvPicPr>
          <p:nvPr/>
        </p:nvPicPr>
        <p:blipFill>
          <a:blip r:embed="rId3"/>
          <a:stretch>
            <a:fillRect/>
          </a:stretch>
        </p:blipFill>
        <p:spPr>
          <a:xfrm>
            <a:off x="1905656" y="1430066"/>
            <a:ext cx="8380688" cy="4408101"/>
          </a:xfrm>
          <a:prstGeom prst="rect">
            <a:avLst/>
          </a:prstGeom>
        </p:spPr>
      </p:pic>
    </p:spTree>
    <p:extLst>
      <p:ext uri="{BB962C8B-B14F-4D97-AF65-F5344CB8AC3E}">
        <p14:creationId xmlns:p14="http://schemas.microsoft.com/office/powerpoint/2010/main" val="274752854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6453F311-4573-4C0A-92F8-6FB115E5E8DD}"/>
              </a:ext>
            </a:extLst>
          </p:cNvPr>
          <p:cNvPicPr>
            <a:picLocks noChangeAspect="1"/>
          </p:cNvPicPr>
          <p:nvPr/>
        </p:nvPicPr>
        <p:blipFill>
          <a:blip r:embed="rId3"/>
          <a:stretch>
            <a:fillRect/>
          </a:stretch>
        </p:blipFill>
        <p:spPr>
          <a:xfrm>
            <a:off x="2035251" y="1560693"/>
            <a:ext cx="8121498" cy="4277474"/>
          </a:xfrm>
          <a:prstGeom prst="rect">
            <a:avLst/>
          </a:prstGeom>
        </p:spPr>
      </p:pic>
    </p:spTree>
    <p:extLst>
      <p:ext uri="{BB962C8B-B14F-4D97-AF65-F5344CB8AC3E}">
        <p14:creationId xmlns:p14="http://schemas.microsoft.com/office/powerpoint/2010/main" val="3229343245"/>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BF08DCA8-80B2-4F51-95E2-14F3715A1B68}"/>
              </a:ext>
            </a:extLst>
          </p:cNvPr>
          <p:cNvPicPr>
            <a:picLocks noChangeAspect="1"/>
          </p:cNvPicPr>
          <p:nvPr/>
        </p:nvPicPr>
        <p:blipFill>
          <a:blip r:embed="rId3"/>
          <a:stretch>
            <a:fillRect/>
          </a:stretch>
        </p:blipFill>
        <p:spPr>
          <a:xfrm>
            <a:off x="1936750" y="1456935"/>
            <a:ext cx="8318500" cy="4381232"/>
          </a:xfrm>
          <a:prstGeom prst="rect">
            <a:avLst/>
          </a:prstGeom>
        </p:spPr>
      </p:pic>
    </p:spTree>
    <p:extLst>
      <p:ext uri="{BB962C8B-B14F-4D97-AF65-F5344CB8AC3E}">
        <p14:creationId xmlns:p14="http://schemas.microsoft.com/office/powerpoint/2010/main" val="55426946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10D67903-2C2C-4637-ACBB-7CA575A778E6}"/>
              </a:ext>
            </a:extLst>
          </p:cNvPr>
          <p:cNvPicPr>
            <a:picLocks noChangeAspect="1"/>
          </p:cNvPicPr>
          <p:nvPr/>
        </p:nvPicPr>
        <p:blipFill>
          <a:blip r:embed="rId3"/>
          <a:stretch>
            <a:fillRect/>
          </a:stretch>
        </p:blipFill>
        <p:spPr>
          <a:xfrm>
            <a:off x="2006600" y="1526033"/>
            <a:ext cx="8187304" cy="4312133"/>
          </a:xfrm>
          <a:prstGeom prst="rect">
            <a:avLst/>
          </a:prstGeom>
        </p:spPr>
      </p:pic>
    </p:spTree>
    <p:extLst>
      <p:ext uri="{BB962C8B-B14F-4D97-AF65-F5344CB8AC3E}">
        <p14:creationId xmlns:p14="http://schemas.microsoft.com/office/powerpoint/2010/main" val="81734153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3"/>
            <a:ext cx="10972800" cy="369332"/>
          </a:xfrm>
        </p:spPr>
        <p:txBody>
          <a:bodyPr wrap="square">
            <a:normAutofit/>
          </a:bodyPr>
          <a:lstStyle/>
          <a:p>
            <a:r>
              <a:rPr lang="en-US" dirty="0"/>
              <a:t>Hardware and sensors</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C5741186-E958-4806-B9C7-B2FE78B894EE}"/>
              </a:ext>
            </a:extLst>
          </p:cNvPr>
          <p:cNvPicPr>
            <a:picLocks noChangeAspect="1"/>
          </p:cNvPicPr>
          <p:nvPr/>
        </p:nvPicPr>
        <p:blipFill>
          <a:blip r:embed="rId3"/>
          <a:stretch>
            <a:fillRect/>
          </a:stretch>
        </p:blipFill>
        <p:spPr>
          <a:xfrm>
            <a:off x="4662041" y="1430066"/>
            <a:ext cx="6220733" cy="4354513"/>
          </a:xfrm>
          <a:prstGeom prst="rect">
            <a:avLst/>
          </a:prstGeom>
          <a:noFill/>
        </p:spPr>
      </p:pic>
      <p:sp>
        <p:nvSpPr>
          <p:cNvPr id="6" name="Text Placeholder 1">
            <a:extLst>
              <a:ext uri="{FF2B5EF4-FFF2-40B4-BE49-F238E27FC236}">
                <a16:creationId xmlns:a16="http://schemas.microsoft.com/office/drawing/2014/main" id="{E484D8F4-6AA7-4EB0-BAF9-125CE1B90623}"/>
              </a:ext>
            </a:extLst>
          </p:cNvPr>
          <p:cNvSpPr txBox="1">
            <a:spLocks/>
          </p:cNvSpPr>
          <p:nvPr/>
        </p:nvSpPr>
        <p:spPr>
          <a:xfrm>
            <a:off x="1309226" y="2356850"/>
            <a:ext cx="2632667" cy="1013611"/>
          </a:xfrm>
          <a:prstGeom prst="rect">
            <a:avLst/>
          </a:prstGeom>
        </p:spPr>
        <p:txBody>
          <a:bodyPr wrap="square" lIns="0" rIns="0">
            <a:spAutoFit/>
          </a:bodyPr>
          <a:lstStyle>
            <a:lvl1pPr marL="0" indent="0" algn="l" defTabSz="914400" rtl="0" eaLnBrk="1" latinLnBrk="0" hangingPunct="1">
              <a:lnSpc>
                <a:spcPct val="90000"/>
              </a:lnSpc>
              <a:spcBef>
                <a:spcPts val="1000"/>
              </a:spcBef>
              <a:buFont typeface="Arial" panose="020B0604020202020204" pitchFamily="34" charset="0"/>
              <a:buNone/>
              <a:defRPr sz="2000" kern="1200">
                <a:solidFill>
                  <a:srgbClr val="000000"/>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600" dirty="0"/>
              <a:t>2 Wi-Fi antennas</a:t>
            </a:r>
          </a:p>
          <a:p>
            <a:r>
              <a:rPr lang="en-US" sz="1600" dirty="0"/>
              <a:t>2 GPS antennas</a:t>
            </a:r>
          </a:p>
          <a:p>
            <a:endParaRPr lang="en-US" sz="1600" dirty="0"/>
          </a:p>
        </p:txBody>
      </p:sp>
    </p:spTree>
    <p:extLst>
      <p:ext uri="{BB962C8B-B14F-4D97-AF65-F5344CB8AC3E}">
        <p14:creationId xmlns:p14="http://schemas.microsoft.com/office/powerpoint/2010/main" val="311044163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22BD8175-2282-4EA3-BB65-B24A514A135C}"/>
              </a:ext>
            </a:extLst>
          </p:cNvPr>
          <p:cNvPicPr>
            <a:picLocks noChangeAspect="1"/>
          </p:cNvPicPr>
          <p:nvPr/>
        </p:nvPicPr>
        <p:blipFill>
          <a:blip r:embed="rId3"/>
          <a:stretch>
            <a:fillRect/>
          </a:stretch>
        </p:blipFill>
        <p:spPr>
          <a:xfrm>
            <a:off x="2261652" y="1366549"/>
            <a:ext cx="7668695" cy="4124901"/>
          </a:xfrm>
          <a:prstGeom prst="rect">
            <a:avLst/>
          </a:prstGeom>
        </p:spPr>
      </p:pic>
    </p:spTree>
    <p:extLst>
      <p:ext uri="{BB962C8B-B14F-4D97-AF65-F5344CB8AC3E}">
        <p14:creationId xmlns:p14="http://schemas.microsoft.com/office/powerpoint/2010/main" val="57029337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7" name="Picture 6">
            <a:extLst>
              <a:ext uri="{FF2B5EF4-FFF2-40B4-BE49-F238E27FC236}">
                <a16:creationId xmlns:a16="http://schemas.microsoft.com/office/drawing/2014/main" id="{130D27EA-007C-4CDF-8B6C-1ABC68399B1D}"/>
              </a:ext>
            </a:extLst>
          </p:cNvPr>
          <p:cNvPicPr>
            <a:picLocks noChangeAspect="1"/>
          </p:cNvPicPr>
          <p:nvPr/>
        </p:nvPicPr>
        <p:blipFill>
          <a:blip r:embed="rId3"/>
          <a:stretch>
            <a:fillRect/>
          </a:stretch>
        </p:blipFill>
        <p:spPr>
          <a:xfrm>
            <a:off x="1814776" y="1019866"/>
            <a:ext cx="8562447" cy="4818268"/>
          </a:xfrm>
          <a:prstGeom prst="rect">
            <a:avLst/>
          </a:prstGeom>
        </p:spPr>
      </p:pic>
    </p:spTree>
    <p:extLst>
      <p:ext uri="{BB962C8B-B14F-4D97-AF65-F5344CB8AC3E}">
        <p14:creationId xmlns:p14="http://schemas.microsoft.com/office/powerpoint/2010/main" val="3762750637"/>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37E8476E-F2E4-4995-8E18-A56B72264105}"/>
              </a:ext>
            </a:extLst>
          </p:cNvPr>
          <p:cNvPicPr>
            <a:picLocks noChangeAspect="1"/>
          </p:cNvPicPr>
          <p:nvPr/>
        </p:nvPicPr>
        <p:blipFill>
          <a:blip r:embed="rId3"/>
          <a:stretch>
            <a:fillRect/>
          </a:stretch>
        </p:blipFill>
        <p:spPr>
          <a:xfrm>
            <a:off x="1790099" y="1037891"/>
            <a:ext cx="8611802" cy="4782217"/>
          </a:xfrm>
          <a:prstGeom prst="rect">
            <a:avLst/>
          </a:prstGeom>
        </p:spPr>
      </p:pic>
    </p:spTree>
    <p:extLst>
      <p:ext uri="{BB962C8B-B14F-4D97-AF65-F5344CB8AC3E}">
        <p14:creationId xmlns:p14="http://schemas.microsoft.com/office/powerpoint/2010/main" val="245107284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7" name="Picture 6">
            <a:extLst>
              <a:ext uri="{FF2B5EF4-FFF2-40B4-BE49-F238E27FC236}">
                <a16:creationId xmlns:a16="http://schemas.microsoft.com/office/drawing/2014/main" id="{DC85614B-4DE4-4221-9EF2-348426A9360C}"/>
              </a:ext>
            </a:extLst>
          </p:cNvPr>
          <p:cNvPicPr>
            <a:picLocks noChangeAspect="1"/>
          </p:cNvPicPr>
          <p:nvPr/>
        </p:nvPicPr>
        <p:blipFill>
          <a:blip r:embed="rId3"/>
          <a:stretch>
            <a:fillRect/>
          </a:stretch>
        </p:blipFill>
        <p:spPr>
          <a:xfrm>
            <a:off x="2605352" y="1019833"/>
            <a:ext cx="6981295" cy="5035688"/>
          </a:xfrm>
          <a:prstGeom prst="rect">
            <a:avLst/>
          </a:prstGeom>
        </p:spPr>
      </p:pic>
    </p:spTree>
    <p:extLst>
      <p:ext uri="{BB962C8B-B14F-4D97-AF65-F5344CB8AC3E}">
        <p14:creationId xmlns:p14="http://schemas.microsoft.com/office/powerpoint/2010/main" val="2882135661"/>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6" name="Picture 5">
            <a:extLst>
              <a:ext uri="{FF2B5EF4-FFF2-40B4-BE49-F238E27FC236}">
                <a16:creationId xmlns:a16="http://schemas.microsoft.com/office/drawing/2014/main" id="{32F32FEA-00C4-49E9-A21E-3926AB7FC164}"/>
              </a:ext>
            </a:extLst>
          </p:cNvPr>
          <p:cNvPicPr>
            <a:picLocks noChangeAspect="1"/>
          </p:cNvPicPr>
          <p:nvPr/>
        </p:nvPicPr>
        <p:blipFill>
          <a:blip r:embed="rId3"/>
          <a:stretch>
            <a:fillRect/>
          </a:stretch>
        </p:blipFill>
        <p:spPr>
          <a:xfrm>
            <a:off x="1823441" y="1056944"/>
            <a:ext cx="8545118" cy="4744112"/>
          </a:xfrm>
          <a:prstGeom prst="rect">
            <a:avLst/>
          </a:prstGeom>
        </p:spPr>
      </p:pic>
    </p:spTree>
    <p:extLst>
      <p:ext uri="{BB962C8B-B14F-4D97-AF65-F5344CB8AC3E}">
        <p14:creationId xmlns:p14="http://schemas.microsoft.com/office/powerpoint/2010/main" val="1590689876"/>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8038862E-5C4E-42B6-810B-DC2E71F1243F}"/>
              </a:ext>
            </a:extLst>
          </p:cNvPr>
          <p:cNvPicPr>
            <a:picLocks noChangeAspect="1"/>
          </p:cNvPicPr>
          <p:nvPr/>
        </p:nvPicPr>
        <p:blipFill rotWithShape="1">
          <a:blip r:embed="rId3"/>
          <a:srcRect r="11205"/>
          <a:stretch/>
        </p:blipFill>
        <p:spPr>
          <a:xfrm>
            <a:off x="2573927" y="949939"/>
            <a:ext cx="7044146" cy="4958121"/>
          </a:xfrm>
          <a:prstGeom prst="rect">
            <a:avLst/>
          </a:prstGeom>
          <a:noFill/>
        </p:spPr>
      </p:pic>
    </p:spTree>
    <p:extLst>
      <p:ext uri="{BB962C8B-B14F-4D97-AF65-F5344CB8AC3E}">
        <p14:creationId xmlns:p14="http://schemas.microsoft.com/office/powerpoint/2010/main" val="91616934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EE038664-62A4-40A9-964F-06856E1DC448}"/>
              </a:ext>
            </a:extLst>
          </p:cNvPr>
          <p:cNvPicPr>
            <a:picLocks noChangeAspect="1"/>
          </p:cNvPicPr>
          <p:nvPr/>
        </p:nvPicPr>
        <p:blipFill>
          <a:blip r:embed="rId3"/>
          <a:stretch>
            <a:fillRect/>
          </a:stretch>
        </p:blipFill>
        <p:spPr>
          <a:xfrm>
            <a:off x="2272249" y="1041400"/>
            <a:ext cx="7647501" cy="4775200"/>
          </a:xfrm>
          <a:prstGeom prst="rect">
            <a:avLst/>
          </a:prstGeom>
        </p:spPr>
      </p:pic>
    </p:spTree>
    <p:extLst>
      <p:ext uri="{BB962C8B-B14F-4D97-AF65-F5344CB8AC3E}">
        <p14:creationId xmlns:p14="http://schemas.microsoft.com/office/powerpoint/2010/main" val="738256818"/>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588300C0-E7D8-4CF1-8DEA-1027FF4CC1E3}"/>
              </a:ext>
            </a:extLst>
          </p:cNvPr>
          <p:cNvPicPr>
            <a:picLocks noChangeAspect="1"/>
          </p:cNvPicPr>
          <p:nvPr/>
        </p:nvPicPr>
        <p:blipFill>
          <a:blip r:embed="rId3"/>
          <a:stretch>
            <a:fillRect/>
          </a:stretch>
        </p:blipFill>
        <p:spPr>
          <a:xfrm>
            <a:off x="2025179" y="1550084"/>
            <a:ext cx="8141642" cy="4288083"/>
          </a:xfrm>
          <a:prstGeom prst="rect">
            <a:avLst/>
          </a:prstGeom>
        </p:spPr>
      </p:pic>
    </p:spTree>
    <p:extLst>
      <p:ext uri="{BB962C8B-B14F-4D97-AF65-F5344CB8AC3E}">
        <p14:creationId xmlns:p14="http://schemas.microsoft.com/office/powerpoint/2010/main" val="310487095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477B430C-7EDA-44F0-8AF0-5A78E7A10210}"/>
              </a:ext>
            </a:extLst>
          </p:cNvPr>
          <p:cNvPicPr>
            <a:picLocks noChangeAspect="1"/>
          </p:cNvPicPr>
          <p:nvPr/>
        </p:nvPicPr>
        <p:blipFill>
          <a:blip r:embed="rId3"/>
          <a:stretch>
            <a:fillRect/>
          </a:stretch>
        </p:blipFill>
        <p:spPr>
          <a:xfrm>
            <a:off x="2071421" y="1598793"/>
            <a:ext cx="8049158" cy="4239374"/>
          </a:xfrm>
          <a:prstGeom prst="rect">
            <a:avLst/>
          </a:prstGeom>
        </p:spPr>
      </p:pic>
    </p:spTree>
    <p:extLst>
      <p:ext uri="{BB962C8B-B14F-4D97-AF65-F5344CB8AC3E}">
        <p14:creationId xmlns:p14="http://schemas.microsoft.com/office/powerpoint/2010/main" val="648442466"/>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65674739-7235-49D7-8D67-BB8C652B44BC}"/>
              </a:ext>
            </a:extLst>
          </p:cNvPr>
          <p:cNvPicPr>
            <a:picLocks noChangeAspect="1"/>
          </p:cNvPicPr>
          <p:nvPr/>
        </p:nvPicPr>
        <p:blipFill>
          <a:blip r:embed="rId3"/>
          <a:stretch>
            <a:fillRect/>
          </a:stretch>
        </p:blipFill>
        <p:spPr>
          <a:xfrm>
            <a:off x="1908962" y="1430066"/>
            <a:ext cx="8374076" cy="4410503"/>
          </a:xfrm>
          <a:prstGeom prst="rect">
            <a:avLst/>
          </a:prstGeom>
        </p:spPr>
      </p:pic>
    </p:spTree>
    <p:extLst>
      <p:ext uri="{BB962C8B-B14F-4D97-AF65-F5344CB8AC3E}">
        <p14:creationId xmlns:p14="http://schemas.microsoft.com/office/powerpoint/2010/main" val="188920962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sp>
        <p:nvSpPr>
          <p:cNvPr id="7" name="Content Placeholder 9">
            <a:extLst>
              <a:ext uri="{FF2B5EF4-FFF2-40B4-BE49-F238E27FC236}">
                <a16:creationId xmlns:a16="http://schemas.microsoft.com/office/drawing/2014/main" id="{D4614F7A-12E2-47E9-970E-9276EAC7776B}"/>
              </a:ext>
            </a:extLst>
          </p:cNvPr>
          <p:cNvSpPr>
            <a:spLocks noGrp="1"/>
          </p:cNvSpPr>
          <p:nvPr>
            <p:ph sz="quarter" idx="21"/>
          </p:nvPr>
        </p:nvSpPr>
        <p:spPr>
          <a:xfrm>
            <a:off x="625640" y="1029881"/>
            <a:ext cx="8999865" cy="1264477"/>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Find the HP Dozer product templates xml file in</a:t>
            </a:r>
          </a:p>
          <a:p>
            <a:pPr marL="450850" lvl="2" indent="0">
              <a:lnSpc>
                <a:spcPct val="100000"/>
              </a:lnSpc>
              <a:spcAft>
                <a:spcPts val="600"/>
              </a:spcAft>
              <a:buNone/>
            </a:pPr>
            <a:r>
              <a:rPr lang="en-GB" dirty="0"/>
              <a:t>/opt/Jigsaw/xml/</a:t>
            </a:r>
            <a:r>
              <a:rPr lang="en-GB" dirty="0" err="1"/>
              <a:t>product_templates</a:t>
            </a:r>
            <a:r>
              <a:rPr lang="en-GB" dirty="0"/>
              <a:t>/</a:t>
            </a:r>
          </a:p>
        </p:txBody>
      </p:sp>
      <p:pic>
        <p:nvPicPr>
          <p:cNvPr id="8" name="Picture 7">
            <a:extLst>
              <a:ext uri="{FF2B5EF4-FFF2-40B4-BE49-F238E27FC236}">
                <a16:creationId xmlns:a16="http://schemas.microsoft.com/office/drawing/2014/main" id="{C15DC888-AE9B-4705-AD04-6263C1F151C2}"/>
              </a:ext>
            </a:extLst>
          </p:cNvPr>
          <p:cNvPicPr>
            <a:picLocks noChangeAspect="1"/>
          </p:cNvPicPr>
          <p:nvPr/>
        </p:nvPicPr>
        <p:blipFill>
          <a:blip r:embed="rId3"/>
          <a:stretch>
            <a:fillRect/>
          </a:stretch>
        </p:blipFill>
        <p:spPr>
          <a:xfrm>
            <a:off x="2757021" y="2619261"/>
            <a:ext cx="6677957" cy="1619476"/>
          </a:xfrm>
          <a:prstGeom prst="rect">
            <a:avLst/>
          </a:prstGeom>
        </p:spPr>
      </p:pic>
    </p:spTree>
    <p:extLst>
      <p:ext uri="{BB962C8B-B14F-4D97-AF65-F5344CB8AC3E}">
        <p14:creationId xmlns:p14="http://schemas.microsoft.com/office/powerpoint/2010/main" val="218896626"/>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7" name="Picture 6">
            <a:extLst>
              <a:ext uri="{FF2B5EF4-FFF2-40B4-BE49-F238E27FC236}">
                <a16:creationId xmlns:a16="http://schemas.microsoft.com/office/drawing/2014/main" id="{130D27EA-007C-4CDF-8B6C-1ABC68399B1D}"/>
              </a:ext>
            </a:extLst>
          </p:cNvPr>
          <p:cNvPicPr>
            <a:picLocks noChangeAspect="1"/>
          </p:cNvPicPr>
          <p:nvPr/>
        </p:nvPicPr>
        <p:blipFill>
          <a:blip r:embed="rId3"/>
          <a:stretch>
            <a:fillRect/>
          </a:stretch>
        </p:blipFill>
        <p:spPr>
          <a:xfrm>
            <a:off x="1814776" y="1019866"/>
            <a:ext cx="8562447" cy="4818268"/>
          </a:xfrm>
          <a:prstGeom prst="rect">
            <a:avLst/>
          </a:prstGeom>
        </p:spPr>
      </p:pic>
    </p:spTree>
    <p:extLst>
      <p:ext uri="{BB962C8B-B14F-4D97-AF65-F5344CB8AC3E}">
        <p14:creationId xmlns:p14="http://schemas.microsoft.com/office/powerpoint/2010/main" val="2521950560"/>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6" name="Picture 5">
            <a:extLst>
              <a:ext uri="{FF2B5EF4-FFF2-40B4-BE49-F238E27FC236}">
                <a16:creationId xmlns:a16="http://schemas.microsoft.com/office/drawing/2014/main" id="{32F32FEA-00C4-49E9-A21E-3926AB7FC164}"/>
              </a:ext>
            </a:extLst>
          </p:cNvPr>
          <p:cNvPicPr>
            <a:picLocks noChangeAspect="1"/>
          </p:cNvPicPr>
          <p:nvPr/>
        </p:nvPicPr>
        <p:blipFill>
          <a:blip r:embed="rId3"/>
          <a:stretch>
            <a:fillRect/>
          </a:stretch>
        </p:blipFill>
        <p:spPr>
          <a:xfrm>
            <a:off x="1823441" y="1056944"/>
            <a:ext cx="8545118" cy="4744112"/>
          </a:xfrm>
          <a:prstGeom prst="rect">
            <a:avLst/>
          </a:prstGeom>
        </p:spPr>
      </p:pic>
    </p:spTree>
    <p:extLst>
      <p:ext uri="{BB962C8B-B14F-4D97-AF65-F5344CB8AC3E}">
        <p14:creationId xmlns:p14="http://schemas.microsoft.com/office/powerpoint/2010/main" val="3052401123"/>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35EB4277-66D0-4ECA-8584-96F10302DDE2}"/>
              </a:ext>
            </a:extLst>
          </p:cNvPr>
          <p:cNvPicPr>
            <a:picLocks noChangeAspect="1"/>
          </p:cNvPicPr>
          <p:nvPr/>
        </p:nvPicPr>
        <p:blipFill>
          <a:blip r:embed="rId3"/>
          <a:stretch>
            <a:fillRect/>
          </a:stretch>
        </p:blipFill>
        <p:spPr>
          <a:xfrm>
            <a:off x="2014835" y="1019833"/>
            <a:ext cx="8162329" cy="5096666"/>
          </a:xfrm>
          <a:prstGeom prst="rect">
            <a:avLst/>
          </a:prstGeom>
        </p:spPr>
      </p:pic>
    </p:spTree>
    <p:extLst>
      <p:ext uri="{BB962C8B-B14F-4D97-AF65-F5344CB8AC3E}">
        <p14:creationId xmlns:p14="http://schemas.microsoft.com/office/powerpoint/2010/main" val="2853990494"/>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27732071-D95F-44BF-A63C-1AD51565CAAC}"/>
              </a:ext>
            </a:extLst>
          </p:cNvPr>
          <p:cNvPicPr>
            <a:picLocks noChangeAspect="1"/>
          </p:cNvPicPr>
          <p:nvPr/>
        </p:nvPicPr>
        <p:blipFill>
          <a:blip r:embed="rId3"/>
          <a:stretch>
            <a:fillRect/>
          </a:stretch>
        </p:blipFill>
        <p:spPr>
          <a:xfrm>
            <a:off x="2073899" y="1019833"/>
            <a:ext cx="8044202" cy="5029200"/>
          </a:xfrm>
          <a:prstGeom prst="rect">
            <a:avLst/>
          </a:prstGeom>
        </p:spPr>
      </p:pic>
    </p:spTree>
    <p:extLst>
      <p:ext uri="{BB962C8B-B14F-4D97-AF65-F5344CB8AC3E}">
        <p14:creationId xmlns:p14="http://schemas.microsoft.com/office/powerpoint/2010/main" val="2739272310"/>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7" name="Picture 6">
            <a:extLst>
              <a:ext uri="{FF2B5EF4-FFF2-40B4-BE49-F238E27FC236}">
                <a16:creationId xmlns:a16="http://schemas.microsoft.com/office/drawing/2014/main" id="{C4BD8978-9FDB-44D6-AE5C-2D0E98E93DBF}"/>
              </a:ext>
            </a:extLst>
          </p:cNvPr>
          <p:cNvPicPr>
            <a:picLocks noChangeAspect="1"/>
          </p:cNvPicPr>
          <p:nvPr/>
        </p:nvPicPr>
        <p:blipFill rotWithShape="1">
          <a:blip r:embed="rId3"/>
          <a:srcRect l="23074" r="33734" b="-3"/>
          <a:stretch/>
        </p:blipFill>
        <p:spPr>
          <a:xfrm>
            <a:off x="4348264" y="1019833"/>
            <a:ext cx="3495471" cy="5038067"/>
          </a:xfrm>
          <a:prstGeom prst="rect">
            <a:avLst/>
          </a:prstGeom>
          <a:noFill/>
        </p:spPr>
      </p:pic>
      <p:pic>
        <p:nvPicPr>
          <p:cNvPr id="9" name="Picture 8">
            <a:extLst>
              <a:ext uri="{FF2B5EF4-FFF2-40B4-BE49-F238E27FC236}">
                <a16:creationId xmlns:a16="http://schemas.microsoft.com/office/drawing/2014/main" id="{333EAC04-774F-4303-915F-F1DFECBB46B2}"/>
              </a:ext>
            </a:extLst>
          </p:cNvPr>
          <p:cNvPicPr>
            <a:picLocks noChangeAspect="1"/>
          </p:cNvPicPr>
          <p:nvPr/>
        </p:nvPicPr>
        <p:blipFill rotWithShape="1">
          <a:blip r:embed="rId4"/>
          <a:srcRect l="23922" r="32715"/>
          <a:stretch/>
        </p:blipFill>
        <p:spPr>
          <a:xfrm>
            <a:off x="8086928" y="1007133"/>
            <a:ext cx="3495471" cy="5038067"/>
          </a:xfrm>
          <a:prstGeom prst="rect">
            <a:avLst/>
          </a:prstGeom>
          <a:noFill/>
        </p:spPr>
      </p:pic>
      <p:pic>
        <p:nvPicPr>
          <p:cNvPr id="5" name="Picture 4">
            <a:extLst>
              <a:ext uri="{FF2B5EF4-FFF2-40B4-BE49-F238E27FC236}">
                <a16:creationId xmlns:a16="http://schemas.microsoft.com/office/drawing/2014/main" id="{4FF2D123-28AB-4296-A621-472A7058BD60}"/>
              </a:ext>
            </a:extLst>
          </p:cNvPr>
          <p:cNvPicPr>
            <a:picLocks noChangeAspect="1"/>
          </p:cNvPicPr>
          <p:nvPr/>
        </p:nvPicPr>
        <p:blipFill rotWithShape="1">
          <a:blip r:embed="rId5"/>
          <a:srcRect l="20997" r="35640"/>
          <a:stretch/>
        </p:blipFill>
        <p:spPr>
          <a:xfrm>
            <a:off x="609600" y="1019833"/>
            <a:ext cx="3495471" cy="5038067"/>
          </a:xfrm>
          <a:prstGeom prst="rect">
            <a:avLst/>
          </a:prstGeom>
          <a:noFill/>
        </p:spPr>
      </p:pic>
    </p:spTree>
    <p:extLst>
      <p:ext uri="{BB962C8B-B14F-4D97-AF65-F5344CB8AC3E}">
        <p14:creationId xmlns:p14="http://schemas.microsoft.com/office/powerpoint/2010/main" val="1465666661"/>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B4C24BD6-05AF-4385-87BB-8D855362ACAC}"/>
              </a:ext>
            </a:extLst>
          </p:cNvPr>
          <p:cNvPicPr>
            <a:picLocks noChangeAspect="1"/>
          </p:cNvPicPr>
          <p:nvPr/>
        </p:nvPicPr>
        <p:blipFill>
          <a:blip r:embed="rId3"/>
          <a:stretch>
            <a:fillRect/>
          </a:stretch>
        </p:blipFill>
        <p:spPr>
          <a:xfrm>
            <a:off x="2194521" y="1019834"/>
            <a:ext cx="7952779" cy="4965820"/>
          </a:xfrm>
          <a:prstGeom prst="rect">
            <a:avLst/>
          </a:prstGeom>
        </p:spPr>
      </p:pic>
    </p:spTree>
    <p:extLst>
      <p:ext uri="{BB962C8B-B14F-4D97-AF65-F5344CB8AC3E}">
        <p14:creationId xmlns:p14="http://schemas.microsoft.com/office/powerpoint/2010/main" val="2967117017"/>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869D46C1-541C-4A41-A70C-C6C0809B4716}"/>
              </a:ext>
            </a:extLst>
          </p:cNvPr>
          <p:cNvPicPr>
            <a:picLocks noChangeAspect="1"/>
          </p:cNvPicPr>
          <p:nvPr/>
        </p:nvPicPr>
        <p:blipFill>
          <a:blip r:embed="rId3"/>
          <a:stretch>
            <a:fillRect/>
          </a:stretch>
        </p:blipFill>
        <p:spPr>
          <a:xfrm>
            <a:off x="6111084" y="1619249"/>
            <a:ext cx="5471316" cy="3416361"/>
          </a:xfrm>
          <a:prstGeom prst="rect">
            <a:avLst/>
          </a:prstGeom>
        </p:spPr>
      </p:pic>
      <p:pic>
        <p:nvPicPr>
          <p:cNvPr id="7" name="Picture 6">
            <a:extLst>
              <a:ext uri="{FF2B5EF4-FFF2-40B4-BE49-F238E27FC236}">
                <a16:creationId xmlns:a16="http://schemas.microsoft.com/office/drawing/2014/main" id="{6336725A-C26F-48ED-AE20-F733C6C935B9}"/>
              </a:ext>
            </a:extLst>
          </p:cNvPr>
          <p:cNvPicPr>
            <a:picLocks noChangeAspect="1"/>
          </p:cNvPicPr>
          <p:nvPr/>
        </p:nvPicPr>
        <p:blipFill>
          <a:blip r:embed="rId4"/>
          <a:stretch>
            <a:fillRect/>
          </a:stretch>
        </p:blipFill>
        <p:spPr>
          <a:xfrm>
            <a:off x="452043" y="1619250"/>
            <a:ext cx="5471316" cy="3416362"/>
          </a:xfrm>
          <a:prstGeom prst="rect">
            <a:avLst/>
          </a:prstGeom>
        </p:spPr>
      </p:pic>
    </p:spTree>
    <p:extLst>
      <p:ext uri="{BB962C8B-B14F-4D97-AF65-F5344CB8AC3E}">
        <p14:creationId xmlns:p14="http://schemas.microsoft.com/office/powerpoint/2010/main" val="341119901"/>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E851A51A-4854-4EA6-A912-A3145B445E85}"/>
              </a:ext>
            </a:extLst>
          </p:cNvPr>
          <p:cNvPicPr>
            <a:picLocks noChangeAspect="1"/>
          </p:cNvPicPr>
          <p:nvPr/>
        </p:nvPicPr>
        <p:blipFill>
          <a:blip r:embed="rId3"/>
          <a:stretch>
            <a:fillRect/>
          </a:stretch>
        </p:blipFill>
        <p:spPr>
          <a:xfrm>
            <a:off x="2683405" y="1019833"/>
            <a:ext cx="6825190" cy="4923088"/>
          </a:xfrm>
          <a:prstGeom prst="rect">
            <a:avLst/>
          </a:prstGeom>
        </p:spPr>
      </p:pic>
    </p:spTree>
    <p:extLst>
      <p:ext uri="{BB962C8B-B14F-4D97-AF65-F5344CB8AC3E}">
        <p14:creationId xmlns:p14="http://schemas.microsoft.com/office/powerpoint/2010/main" val="420487093"/>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6DDEE4EB-287B-4C8A-94AE-31C488C5F6E0}"/>
              </a:ext>
            </a:extLst>
          </p:cNvPr>
          <p:cNvPicPr>
            <a:picLocks noChangeAspect="1"/>
          </p:cNvPicPr>
          <p:nvPr/>
        </p:nvPicPr>
        <p:blipFill>
          <a:blip r:embed="rId3"/>
          <a:stretch>
            <a:fillRect/>
          </a:stretch>
        </p:blipFill>
        <p:spPr>
          <a:xfrm>
            <a:off x="3423020" y="1525138"/>
            <a:ext cx="5345959" cy="4546752"/>
          </a:xfrm>
          <a:prstGeom prst="rect">
            <a:avLst/>
          </a:prstGeom>
        </p:spPr>
      </p:pic>
      <p:sp>
        <p:nvSpPr>
          <p:cNvPr id="8" name="Text Placeholder 1">
            <a:extLst>
              <a:ext uri="{FF2B5EF4-FFF2-40B4-BE49-F238E27FC236}">
                <a16:creationId xmlns:a16="http://schemas.microsoft.com/office/drawing/2014/main" id="{B07BD7A5-DF5F-4D9C-90EC-9F786B616DBB}"/>
              </a:ext>
            </a:extLst>
          </p:cNvPr>
          <p:cNvSpPr>
            <a:spLocks noGrp="1"/>
          </p:cNvSpPr>
          <p:nvPr>
            <p:ph type="body" sz="quarter" idx="20"/>
          </p:nvPr>
        </p:nvSpPr>
        <p:spPr>
          <a:xfrm>
            <a:off x="609601" y="1019833"/>
            <a:ext cx="10972800" cy="369332"/>
          </a:xfrm>
        </p:spPr>
        <p:txBody>
          <a:bodyPr wrap="square">
            <a:normAutofit/>
          </a:bodyPr>
          <a:lstStyle/>
          <a:p>
            <a:r>
              <a:rPr lang="en-US" dirty="0"/>
              <a:t>bbm03:~$ vi /</a:t>
            </a:r>
            <a:r>
              <a:rPr lang="en-US" dirty="0" err="1"/>
              <a:t>etc</a:t>
            </a:r>
            <a:r>
              <a:rPr lang="en-US" dirty="0"/>
              <a:t>/</a:t>
            </a:r>
            <a:r>
              <a:rPr lang="en-US" dirty="0" err="1"/>
              <a:t>rsyncd.conf</a:t>
            </a:r>
            <a:r>
              <a:rPr lang="en-US" dirty="0"/>
              <a:t> </a:t>
            </a:r>
          </a:p>
        </p:txBody>
      </p:sp>
    </p:spTree>
    <p:extLst>
      <p:ext uri="{BB962C8B-B14F-4D97-AF65-F5344CB8AC3E}">
        <p14:creationId xmlns:p14="http://schemas.microsoft.com/office/powerpoint/2010/main" val="1998837802"/>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sp>
        <p:nvSpPr>
          <p:cNvPr id="8" name="Text Placeholder 1">
            <a:extLst>
              <a:ext uri="{FF2B5EF4-FFF2-40B4-BE49-F238E27FC236}">
                <a16:creationId xmlns:a16="http://schemas.microsoft.com/office/drawing/2014/main" id="{B07BD7A5-DF5F-4D9C-90EC-9F786B616DBB}"/>
              </a:ext>
            </a:extLst>
          </p:cNvPr>
          <p:cNvSpPr>
            <a:spLocks noGrp="1"/>
          </p:cNvSpPr>
          <p:nvPr>
            <p:ph type="body" sz="quarter" idx="20"/>
          </p:nvPr>
        </p:nvSpPr>
        <p:spPr>
          <a:xfrm>
            <a:off x="609601" y="1019833"/>
            <a:ext cx="10972800" cy="369332"/>
          </a:xfrm>
        </p:spPr>
        <p:txBody>
          <a:bodyPr wrap="square">
            <a:normAutofit/>
          </a:bodyPr>
          <a:lstStyle/>
          <a:p>
            <a:r>
              <a:rPr lang="en-US" dirty="0"/>
              <a:t>bbm03:~$ ls -l /opt/Jigsaw/Clients/</a:t>
            </a:r>
            <a:r>
              <a:rPr lang="en-US" dirty="0" err="1"/>
              <a:t>bbm</a:t>
            </a:r>
            <a:r>
              <a:rPr lang="en-US" dirty="0"/>
              <a:t>/transfer/</a:t>
            </a:r>
            <a:r>
              <a:rPr lang="en-US" dirty="0" err="1"/>
              <a:t>nav_projects</a:t>
            </a:r>
            <a:r>
              <a:rPr lang="en-US" dirty="0"/>
              <a:t>/</a:t>
            </a:r>
          </a:p>
        </p:txBody>
      </p:sp>
      <p:pic>
        <p:nvPicPr>
          <p:cNvPr id="5" name="Picture 4">
            <a:extLst>
              <a:ext uri="{FF2B5EF4-FFF2-40B4-BE49-F238E27FC236}">
                <a16:creationId xmlns:a16="http://schemas.microsoft.com/office/drawing/2014/main" id="{A08F829C-ADC2-44D9-B02E-52F4FC3781C6}"/>
              </a:ext>
            </a:extLst>
          </p:cNvPr>
          <p:cNvPicPr>
            <a:picLocks noChangeAspect="1"/>
          </p:cNvPicPr>
          <p:nvPr/>
        </p:nvPicPr>
        <p:blipFill>
          <a:blip r:embed="rId3"/>
          <a:stretch>
            <a:fillRect/>
          </a:stretch>
        </p:blipFill>
        <p:spPr>
          <a:xfrm>
            <a:off x="2290231" y="1433234"/>
            <a:ext cx="7611537" cy="3991532"/>
          </a:xfrm>
          <a:prstGeom prst="rect">
            <a:avLst/>
          </a:prstGeom>
        </p:spPr>
      </p:pic>
    </p:spTree>
    <p:extLst>
      <p:ext uri="{BB962C8B-B14F-4D97-AF65-F5344CB8AC3E}">
        <p14:creationId xmlns:p14="http://schemas.microsoft.com/office/powerpoint/2010/main" val="253593883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AF6195A-4A5F-26B0-5CEF-8731783D22E9}"/>
              </a:ext>
            </a:extLst>
          </p:cNvPr>
          <p:cNvSpPr>
            <a:spLocks noGrp="1"/>
          </p:cNvSpPr>
          <p:nvPr>
            <p:ph type="title"/>
          </p:nvPr>
        </p:nvSpPr>
        <p:spPr/>
        <p:txBody>
          <a:bodyPr/>
          <a:lstStyle/>
          <a:p>
            <a:r>
              <a:rPr lang="en-AU" dirty="0"/>
              <a:t>Machine Guidance - HP Dozer</a:t>
            </a:r>
          </a:p>
        </p:txBody>
      </p:sp>
      <p:sp>
        <p:nvSpPr>
          <p:cNvPr id="10" name="Content Placeholder 9">
            <a:extLst>
              <a:ext uri="{FF2B5EF4-FFF2-40B4-BE49-F238E27FC236}">
                <a16:creationId xmlns:a16="http://schemas.microsoft.com/office/drawing/2014/main" id="{07C97B1C-05E7-D258-1174-968CC884117B}"/>
              </a:ext>
            </a:extLst>
          </p:cNvPr>
          <p:cNvSpPr>
            <a:spLocks noGrp="1"/>
          </p:cNvSpPr>
          <p:nvPr>
            <p:ph sz="quarter" idx="21"/>
          </p:nvPr>
        </p:nvSpPr>
        <p:spPr>
          <a:xfrm>
            <a:off x="625642" y="1029881"/>
            <a:ext cx="9726675" cy="1281240"/>
          </a:xfrm>
        </p:spPr>
        <p:txBody>
          <a:bodyPr/>
          <a:lstStyle/>
          <a:p>
            <a:pPr marL="0" indent="0">
              <a:lnSpc>
                <a:spcPct val="100000"/>
              </a:lnSpc>
              <a:spcAft>
                <a:spcPts val="600"/>
              </a:spcAft>
              <a:buNone/>
            </a:pPr>
            <a:r>
              <a:rPr lang="en-GB" sz="2000" dirty="0"/>
              <a:t>Configuration</a:t>
            </a:r>
          </a:p>
          <a:p>
            <a:pPr>
              <a:lnSpc>
                <a:spcPct val="100000"/>
              </a:lnSpc>
              <a:spcAft>
                <a:spcPts val="600"/>
              </a:spcAft>
            </a:pPr>
            <a:r>
              <a:rPr lang="en-GB" sz="2000" dirty="0"/>
              <a:t>Load HP Dozer product templates using xml file running </a:t>
            </a:r>
            <a:r>
              <a:rPr lang="en-GB" sz="2000" dirty="0" err="1"/>
              <a:t>xml_loader</a:t>
            </a:r>
            <a:r>
              <a:rPr lang="en-GB" sz="2000" dirty="0"/>
              <a:t> Tool</a:t>
            </a:r>
          </a:p>
          <a:p>
            <a:pPr marL="450850" lvl="2" indent="0">
              <a:lnSpc>
                <a:spcPct val="100000"/>
              </a:lnSpc>
              <a:spcAft>
                <a:spcPts val="600"/>
              </a:spcAft>
              <a:buNone/>
            </a:pPr>
            <a:r>
              <a:rPr lang="en-GB" dirty="0"/>
              <a:t>/opt/Jigsaw/Tools/</a:t>
            </a:r>
            <a:r>
              <a:rPr lang="en-GB" dirty="0" err="1"/>
              <a:t>xml_loader</a:t>
            </a:r>
            <a:r>
              <a:rPr lang="en-GB" dirty="0"/>
              <a:t> -database </a:t>
            </a:r>
            <a:r>
              <a:rPr lang="en-GB" dirty="0" err="1"/>
              <a:t>jmineops</a:t>
            </a:r>
            <a:r>
              <a:rPr lang="en-GB" dirty="0"/>
              <a:t> /opt/Jigsaw/xml/</a:t>
            </a:r>
            <a:r>
              <a:rPr lang="en-GB" dirty="0" err="1"/>
              <a:t>product_templates</a:t>
            </a:r>
            <a:r>
              <a:rPr lang="en-GB" dirty="0"/>
              <a:t>/ lgs.j2drill_deck.core+smart.xml</a:t>
            </a:r>
          </a:p>
          <a:p>
            <a:pPr>
              <a:lnSpc>
                <a:spcPct val="100000"/>
              </a:lnSpc>
              <a:spcAft>
                <a:spcPts val="600"/>
              </a:spcAft>
            </a:pPr>
            <a:endParaRPr lang="en-AU" dirty="0"/>
          </a:p>
        </p:txBody>
      </p:sp>
      <p:pic>
        <p:nvPicPr>
          <p:cNvPr id="7" name="Picture 6">
            <a:extLst>
              <a:ext uri="{FF2B5EF4-FFF2-40B4-BE49-F238E27FC236}">
                <a16:creationId xmlns:a16="http://schemas.microsoft.com/office/drawing/2014/main" id="{5C8B4543-2524-4113-A84F-06CD25669ABF}"/>
              </a:ext>
            </a:extLst>
          </p:cNvPr>
          <p:cNvPicPr>
            <a:picLocks noChangeAspect="1"/>
          </p:cNvPicPr>
          <p:nvPr/>
        </p:nvPicPr>
        <p:blipFill>
          <a:blip r:embed="rId3"/>
          <a:stretch>
            <a:fillRect/>
          </a:stretch>
        </p:blipFill>
        <p:spPr>
          <a:xfrm>
            <a:off x="2019708" y="2440923"/>
            <a:ext cx="8199807" cy="3387196"/>
          </a:xfrm>
          <a:prstGeom prst="rect">
            <a:avLst/>
          </a:prstGeom>
        </p:spPr>
      </p:pic>
    </p:spTree>
    <p:extLst>
      <p:ext uri="{BB962C8B-B14F-4D97-AF65-F5344CB8AC3E}">
        <p14:creationId xmlns:p14="http://schemas.microsoft.com/office/powerpoint/2010/main" val="3792431669"/>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sp>
        <p:nvSpPr>
          <p:cNvPr id="8" name="Text Placeholder 1">
            <a:extLst>
              <a:ext uri="{FF2B5EF4-FFF2-40B4-BE49-F238E27FC236}">
                <a16:creationId xmlns:a16="http://schemas.microsoft.com/office/drawing/2014/main" id="{B07BD7A5-DF5F-4D9C-90EC-9F786B616DBB}"/>
              </a:ext>
            </a:extLst>
          </p:cNvPr>
          <p:cNvSpPr>
            <a:spLocks noGrp="1"/>
          </p:cNvSpPr>
          <p:nvPr>
            <p:ph type="body" sz="quarter" idx="20"/>
          </p:nvPr>
        </p:nvSpPr>
        <p:spPr>
          <a:xfrm>
            <a:off x="609601" y="1019833"/>
            <a:ext cx="10972800" cy="369332"/>
          </a:xfrm>
        </p:spPr>
        <p:txBody>
          <a:bodyPr wrap="square">
            <a:normAutofit/>
          </a:bodyPr>
          <a:lstStyle/>
          <a:p>
            <a:r>
              <a:rPr lang="en-US" dirty="0"/>
              <a:t>bbm03:~$ ls -l /opt/Jigsaw/Clients/</a:t>
            </a:r>
            <a:r>
              <a:rPr lang="en-US" dirty="0" err="1"/>
              <a:t>bbm</a:t>
            </a:r>
            <a:r>
              <a:rPr lang="en-US" dirty="0"/>
              <a:t>/transfer/</a:t>
            </a:r>
            <a:r>
              <a:rPr lang="en-US" dirty="0" err="1"/>
              <a:t>nav_projects</a:t>
            </a:r>
            <a:r>
              <a:rPr lang="en-US" dirty="0"/>
              <a:t>/</a:t>
            </a:r>
            <a:r>
              <a:rPr lang="en-US" dirty="0" err="1"/>
              <a:t>Asbuilt</a:t>
            </a:r>
            <a:r>
              <a:rPr lang="en-US" dirty="0"/>
              <a:t>/ | grep DZ471</a:t>
            </a:r>
          </a:p>
        </p:txBody>
      </p:sp>
      <p:pic>
        <p:nvPicPr>
          <p:cNvPr id="5" name="Picture 4">
            <a:extLst>
              <a:ext uri="{FF2B5EF4-FFF2-40B4-BE49-F238E27FC236}">
                <a16:creationId xmlns:a16="http://schemas.microsoft.com/office/drawing/2014/main" id="{233F4534-B0FD-42C3-A43A-1A290A9BD994}"/>
              </a:ext>
            </a:extLst>
          </p:cNvPr>
          <p:cNvPicPr>
            <a:picLocks noChangeAspect="1"/>
          </p:cNvPicPr>
          <p:nvPr/>
        </p:nvPicPr>
        <p:blipFill>
          <a:blip r:embed="rId3"/>
          <a:stretch>
            <a:fillRect/>
          </a:stretch>
        </p:blipFill>
        <p:spPr>
          <a:xfrm>
            <a:off x="2366579" y="1445544"/>
            <a:ext cx="7458841" cy="4802856"/>
          </a:xfrm>
          <a:prstGeom prst="rect">
            <a:avLst/>
          </a:prstGeom>
        </p:spPr>
      </p:pic>
    </p:spTree>
    <p:extLst>
      <p:ext uri="{BB962C8B-B14F-4D97-AF65-F5344CB8AC3E}">
        <p14:creationId xmlns:p14="http://schemas.microsoft.com/office/powerpoint/2010/main" val="3726974217"/>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0D16F083-98B6-4575-8447-9855C104B8E7}"/>
              </a:ext>
            </a:extLst>
          </p:cNvPr>
          <p:cNvPicPr>
            <a:picLocks noChangeAspect="1"/>
          </p:cNvPicPr>
          <p:nvPr/>
        </p:nvPicPr>
        <p:blipFill>
          <a:blip r:embed="rId3"/>
          <a:stretch>
            <a:fillRect/>
          </a:stretch>
        </p:blipFill>
        <p:spPr>
          <a:xfrm>
            <a:off x="1841500" y="1430066"/>
            <a:ext cx="8369516" cy="4408101"/>
          </a:xfrm>
          <a:prstGeom prst="rect">
            <a:avLst/>
          </a:prstGeom>
        </p:spPr>
      </p:pic>
    </p:spTree>
    <p:extLst>
      <p:ext uri="{BB962C8B-B14F-4D97-AF65-F5344CB8AC3E}">
        <p14:creationId xmlns:p14="http://schemas.microsoft.com/office/powerpoint/2010/main" val="3658798259"/>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E60E630E-9B2D-4919-9874-D193749C1251}"/>
              </a:ext>
            </a:extLst>
          </p:cNvPr>
          <p:cNvPicPr>
            <a:picLocks noChangeAspect="1"/>
          </p:cNvPicPr>
          <p:nvPr/>
        </p:nvPicPr>
        <p:blipFill>
          <a:blip r:embed="rId3"/>
          <a:stretch>
            <a:fillRect/>
          </a:stretch>
        </p:blipFill>
        <p:spPr>
          <a:xfrm>
            <a:off x="1911242" y="1389165"/>
            <a:ext cx="8369515" cy="4408101"/>
          </a:xfrm>
          <a:prstGeom prst="rect">
            <a:avLst/>
          </a:prstGeom>
        </p:spPr>
      </p:pic>
    </p:spTree>
    <p:extLst>
      <p:ext uri="{BB962C8B-B14F-4D97-AF65-F5344CB8AC3E}">
        <p14:creationId xmlns:p14="http://schemas.microsoft.com/office/powerpoint/2010/main" val="297158799"/>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04B68C31-3184-46BE-BEDD-BE414CD5FB15}"/>
              </a:ext>
            </a:extLst>
          </p:cNvPr>
          <p:cNvPicPr>
            <a:picLocks noChangeAspect="1"/>
          </p:cNvPicPr>
          <p:nvPr/>
        </p:nvPicPr>
        <p:blipFill>
          <a:blip r:embed="rId3"/>
          <a:stretch>
            <a:fillRect/>
          </a:stretch>
        </p:blipFill>
        <p:spPr>
          <a:xfrm>
            <a:off x="1911242" y="1430066"/>
            <a:ext cx="8369515" cy="4408101"/>
          </a:xfrm>
          <a:prstGeom prst="rect">
            <a:avLst/>
          </a:prstGeom>
        </p:spPr>
      </p:pic>
    </p:spTree>
    <p:extLst>
      <p:ext uri="{BB962C8B-B14F-4D97-AF65-F5344CB8AC3E}">
        <p14:creationId xmlns:p14="http://schemas.microsoft.com/office/powerpoint/2010/main" val="2757592053"/>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909EEE06-8441-4891-B16D-915F30F6642F}"/>
              </a:ext>
            </a:extLst>
          </p:cNvPr>
          <p:cNvPicPr>
            <a:picLocks noChangeAspect="1"/>
          </p:cNvPicPr>
          <p:nvPr/>
        </p:nvPicPr>
        <p:blipFill>
          <a:blip r:embed="rId3"/>
          <a:stretch>
            <a:fillRect/>
          </a:stretch>
        </p:blipFill>
        <p:spPr>
          <a:xfrm>
            <a:off x="1907506" y="1430067"/>
            <a:ext cx="8376988" cy="4412037"/>
          </a:xfrm>
          <a:prstGeom prst="rect">
            <a:avLst/>
          </a:prstGeom>
        </p:spPr>
      </p:pic>
    </p:spTree>
    <p:extLst>
      <p:ext uri="{BB962C8B-B14F-4D97-AF65-F5344CB8AC3E}">
        <p14:creationId xmlns:p14="http://schemas.microsoft.com/office/powerpoint/2010/main" val="2056076687"/>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1">
            <a:extLst>
              <a:ext uri="{FF2B5EF4-FFF2-40B4-BE49-F238E27FC236}">
                <a16:creationId xmlns:a16="http://schemas.microsoft.com/office/drawing/2014/main" id="{875FC3FC-DCDF-4150-AAC3-D0C168087E35}"/>
              </a:ext>
            </a:extLst>
          </p:cNvPr>
          <p:cNvSpPr>
            <a:spLocks noGrp="1"/>
          </p:cNvSpPr>
          <p:nvPr>
            <p:ph type="body" sz="quarter" idx="20"/>
          </p:nvPr>
        </p:nvSpPr>
        <p:spPr>
          <a:xfrm>
            <a:off x="609601" y="1019833"/>
            <a:ext cx="10972800" cy="369332"/>
          </a:xfrm>
        </p:spPr>
        <p:txBody>
          <a:bodyPr wrap="square">
            <a:normAutofit/>
          </a:bodyPr>
          <a:lstStyle/>
          <a:p>
            <a:r>
              <a:rPr lang="en-US" dirty="0"/>
              <a:t>Leica Translator application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BC3BF4E5-DD25-4873-92BF-A325EFA8C521}"/>
              </a:ext>
            </a:extLst>
          </p:cNvPr>
          <p:cNvPicPr>
            <a:picLocks noChangeAspect="1"/>
          </p:cNvPicPr>
          <p:nvPr/>
        </p:nvPicPr>
        <p:blipFill>
          <a:blip r:embed="rId3"/>
          <a:stretch>
            <a:fillRect/>
          </a:stretch>
        </p:blipFill>
        <p:spPr>
          <a:xfrm>
            <a:off x="1765300" y="1455780"/>
            <a:ext cx="8323580" cy="4386988"/>
          </a:xfrm>
          <a:prstGeom prst="rect">
            <a:avLst/>
          </a:prstGeom>
        </p:spPr>
      </p:pic>
    </p:spTree>
    <p:extLst>
      <p:ext uri="{BB962C8B-B14F-4D97-AF65-F5344CB8AC3E}">
        <p14:creationId xmlns:p14="http://schemas.microsoft.com/office/powerpoint/2010/main" val="865303767"/>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sp>
        <p:nvSpPr>
          <p:cNvPr id="8" name="Text Placeholder 1">
            <a:extLst>
              <a:ext uri="{FF2B5EF4-FFF2-40B4-BE49-F238E27FC236}">
                <a16:creationId xmlns:a16="http://schemas.microsoft.com/office/drawing/2014/main" id="{B07BD7A5-DF5F-4D9C-90EC-9F786B616DBB}"/>
              </a:ext>
            </a:extLst>
          </p:cNvPr>
          <p:cNvSpPr>
            <a:spLocks noGrp="1"/>
          </p:cNvSpPr>
          <p:nvPr>
            <p:ph type="body" sz="quarter" idx="20"/>
          </p:nvPr>
        </p:nvSpPr>
        <p:spPr>
          <a:xfrm>
            <a:off x="609601" y="1019833"/>
            <a:ext cx="10972800" cy="369332"/>
          </a:xfrm>
        </p:spPr>
        <p:txBody>
          <a:bodyPr wrap="square">
            <a:normAutofit/>
          </a:bodyPr>
          <a:lstStyle/>
          <a:p>
            <a:r>
              <a:rPr lang="en-US" dirty="0"/>
              <a:t>\LMNY4G-7225-4\DZ413_20220914-044419_lmny4g-7225-4Actual.csv</a:t>
            </a:r>
          </a:p>
          <a:p>
            <a:endParaRPr lang="en-US" dirty="0"/>
          </a:p>
        </p:txBody>
      </p:sp>
      <p:pic>
        <p:nvPicPr>
          <p:cNvPr id="4" name="Picture 3">
            <a:extLst>
              <a:ext uri="{FF2B5EF4-FFF2-40B4-BE49-F238E27FC236}">
                <a16:creationId xmlns:a16="http://schemas.microsoft.com/office/drawing/2014/main" id="{9642A60F-AF03-4CC5-9831-8E381CE008C7}"/>
              </a:ext>
            </a:extLst>
          </p:cNvPr>
          <p:cNvPicPr>
            <a:picLocks noChangeAspect="1"/>
          </p:cNvPicPr>
          <p:nvPr/>
        </p:nvPicPr>
        <p:blipFill>
          <a:blip r:embed="rId3"/>
          <a:stretch>
            <a:fillRect/>
          </a:stretch>
        </p:blipFill>
        <p:spPr>
          <a:xfrm>
            <a:off x="4497976" y="1501186"/>
            <a:ext cx="3196047" cy="4922201"/>
          </a:xfrm>
          <a:prstGeom prst="rect">
            <a:avLst/>
          </a:prstGeom>
        </p:spPr>
      </p:pic>
    </p:spTree>
    <p:extLst>
      <p:ext uri="{BB962C8B-B14F-4D97-AF65-F5344CB8AC3E}">
        <p14:creationId xmlns:p14="http://schemas.microsoft.com/office/powerpoint/2010/main" val="2961111987"/>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8" name="Picture 7">
            <a:extLst>
              <a:ext uri="{FF2B5EF4-FFF2-40B4-BE49-F238E27FC236}">
                <a16:creationId xmlns:a16="http://schemas.microsoft.com/office/drawing/2014/main" id="{7ACF822B-B51B-4C48-9E13-A42E80B1146E}"/>
              </a:ext>
            </a:extLst>
          </p:cNvPr>
          <p:cNvPicPr>
            <a:picLocks noChangeAspect="1"/>
          </p:cNvPicPr>
          <p:nvPr/>
        </p:nvPicPr>
        <p:blipFill rotWithShape="1">
          <a:blip r:embed="rId3"/>
          <a:srcRect l="2947" r="8258"/>
          <a:stretch/>
        </p:blipFill>
        <p:spPr>
          <a:xfrm>
            <a:off x="609600" y="1608714"/>
            <a:ext cx="5355771" cy="3769735"/>
          </a:xfrm>
          <a:prstGeom prst="rect">
            <a:avLst/>
          </a:prstGeom>
          <a:noFill/>
        </p:spPr>
      </p:pic>
      <p:pic>
        <p:nvPicPr>
          <p:cNvPr id="5" name="Picture 4">
            <a:extLst>
              <a:ext uri="{FF2B5EF4-FFF2-40B4-BE49-F238E27FC236}">
                <a16:creationId xmlns:a16="http://schemas.microsoft.com/office/drawing/2014/main" id="{8ED289F7-2150-4F37-BCB5-5A84B1F6F7A3}"/>
              </a:ext>
            </a:extLst>
          </p:cNvPr>
          <p:cNvPicPr>
            <a:picLocks noChangeAspect="1"/>
          </p:cNvPicPr>
          <p:nvPr/>
        </p:nvPicPr>
        <p:blipFill>
          <a:blip r:embed="rId4"/>
          <a:stretch>
            <a:fillRect/>
          </a:stretch>
        </p:blipFill>
        <p:spPr>
          <a:xfrm>
            <a:off x="6226631" y="1821474"/>
            <a:ext cx="5355771" cy="3344214"/>
          </a:xfrm>
          <a:prstGeom prst="rect">
            <a:avLst/>
          </a:prstGeom>
        </p:spPr>
      </p:pic>
    </p:spTree>
    <p:extLst>
      <p:ext uri="{BB962C8B-B14F-4D97-AF65-F5344CB8AC3E}">
        <p14:creationId xmlns:p14="http://schemas.microsoft.com/office/powerpoint/2010/main" val="1298573463"/>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AU" dirty="0"/>
              <a:t>Machine Guidance</a:t>
            </a:r>
            <a:r>
              <a:rPr kumimoji="0" lang="en-AU" sz="2400" b="1" i="0" u="none" strike="noStrike" kern="1200" cap="none" spc="0" normalizeH="0" baseline="0" noProof="0" dirty="0">
                <a:ln>
                  <a:noFill/>
                </a:ln>
                <a:solidFill>
                  <a:srgbClr val="000000"/>
                </a:solidFill>
                <a:effectLst/>
                <a:uLnTx/>
                <a:uFillTx/>
                <a:latin typeface="Arial" panose="020B0604020202020204" pitchFamily="34" charset="0"/>
                <a:ea typeface="+mj-ea"/>
                <a:cs typeface="Arial" panose="020B0604020202020204" pitchFamily="34" charset="0"/>
              </a:rPr>
              <a:t> - HP Dozer - Question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tx1"/>
              </a:solidFill>
              <a:latin typeface="Arial"/>
              <a:cs typeface="Arial"/>
            </a:endParaRPr>
          </a:p>
        </p:txBody>
      </p:sp>
    </p:spTree>
    <p:extLst>
      <p:ext uri="{BB962C8B-B14F-4D97-AF65-F5344CB8AC3E}">
        <p14:creationId xmlns:p14="http://schemas.microsoft.com/office/powerpoint/2010/main" val="1458035860"/>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D1038A-91E9-431C-B600-DF97994D8F90}"/>
              </a:ext>
            </a:extLst>
          </p:cNvPr>
          <p:cNvSpPr>
            <a:spLocks noGrp="1"/>
          </p:cNvSpPr>
          <p:nvPr>
            <p:ph type="title"/>
          </p:nvPr>
        </p:nvSpPr>
        <p:spPr/>
        <p:txBody>
          <a:bodyPr/>
          <a:lstStyle/>
          <a:p>
            <a:r>
              <a:rPr lang="en-AU" dirty="0"/>
              <a:t>Machine Guidance - HP Dozer </a:t>
            </a:r>
            <a:r>
              <a:rPr lang="en-US" dirty="0">
                <a:latin typeface="Arial"/>
                <a:cs typeface="Arial"/>
              </a:rPr>
              <a:t>- Answers</a:t>
            </a:r>
            <a:endParaRPr lang="en-AU" dirty="0">
              <a:latin typeface="Arial"/>
              <a:cs typeface="Arial"/>
            </a:endParaRPr>
          </a:p>
        </p:txBody>
      </p:sp>
      <p:sp>
        <p:nvSpPr>
          <p:cNvPr id="3" name="Content Placeholder 2">
            <a:extLst>
              <a:ext uri="{FF2B5EF4-FFF2-40B4-BE49-F238E27FC236}">
                <a16:creationId xmlns:a16="http://schemas.microsoft.com/office/drawing/2014/main" id="{CB51D1D6-64F9-43E7-B917-F16F1DD12BF2}"/>
              </a:ext>
            </a:extLst>
          </p:cNvPr>
          <p:cNvSpPr>
            <a:spLocks noGrp="1"/>
          </p:cNvSpPr>
          <p:nvPr>
            <p:ph sz="quarter" idx="21"/>
          </p:nvPr>
        </p:nvSpPr>
        <p:spPr>
          <a:xfrm>
            <a:off x="609599" y="1371600"/>
            <a:ext cx="8870407" cy="4506913"/>
          </a:xfrm>
        </p:spPr>
        <p:txBody>
          <a:bodyPr lIns="0" tIns="0" rIns="0" bIns="0" anchor="t"/>
          <a:lstStyle/>
          <a:p>
            <a:pPr marL="342900" indent="-342900">
              <a:buFont typeface="+mj-lt"/>
              <a:buAutoNum type="arabicPeriod"/>
            </a:pPr>
            <a:endParaRPr lang="en-GB" dirty="0">
              <a:solidFill>
                <a:schemeClr val="accent5"/>
              </a:solidFill>
              <a:latin typeface="Arial"/>
              <a:cs typeface="Arial"/>
            </a:endParaRPr>
          </a:p>
        </p:txBody>
      </p:sp>
    </p:spTree>
    <p:extLst>
      <p:ext uri="{BB962C8B-B14F-4D97-AF65-F5344CB8AC3E}">
        <p14:creationId xmlns:p14="http://schemas.microsoft.com/office/powerpoint/2010/main" val="117558989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 Placeholder 1">
            <a:extLst>
              <a:ext uri="{FF2B5EF4-FFF2-40B4-BE49-F238E27FC236}">
                <a16:creationId xmlns:a16="http://schemas.microsoft.com/office/drawing/2014/main" id="{207CE4BE-64C4-7889-927A-D2515E393936}"/>
              </a:ext>
            </a:extLst>
          </p:cNvPr>
          <p:cNvSpPr>
            <a:spLocks noGrp="1"/>
          </p:cNvSpPr>
          <p:nvPr>
            <p:ph type="body" sz="quarter" idx="20"/>
          </p:nvPr>
        </p:nvSpPr>
        <p:spPr>
          <a:xfrm>
            <a:off x="625642" y="1016981"/>
            <a:ext cx="9503096" cy="774571"/>
          </a:xfrm>
        </p:spPr>
        <p:txBody>
          <a:bodyPr/>
          <a:lstStyle/>
          <a:p>
            <a:r>
              <a:rPr lang="en-US" dirty="0"/>
              <a:t>Configuration</a:t>
            </a:r>
          </a:p>
          <a:p>
            <a:r>
              <a:rPr lang="en-US" dirty="0"/>
              <a:t>Check product template groups.</a:t>
            </a:r>
          </a:p>
        </p:txBody>
      </p:sp>
      <p:sp>
        <p:nvSpPr>
          <p:cNvPr id="7" name="Content Placeholder 2">
            <a:extLst>
              <a:ext uri="{FF2B5EF4-FFF2-40B4-BE49-F238E27FC236}">
                <a16:creationId xmlns:a16="http://schemas.microsoft.com/office/drawing/2014/main" id="{146BBDF1-9BB5-403C-8C48-5379B183A3C8}"/>
              </a:ext>
            </a:extLst>
          </p:cNvPr>
          <p:cNvSpPr txBox="1">
            <a:spLocks/>
          </p:cNvSpPr>
          <p:nvPr/>
        </p:nvSpPr>
        <p:spPr>
          <a:xfrm>
            <a:off x="625642" y="1022685"/>
            <a:ext cx="10987941" cy="5041231"/>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b="0" i="0" u="none"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en-AU" sz="1800">
              <a:solidFill>
                <a:schemeClr val="tx2">
                  <a:lumMod val="75000"/>
                </a:schemeClr>
              </a:solidFill>
            </a:endParaRPr>
          </a:p>
        </p:txBody>
      </p:sp>
      <p:sp>
        <p:nvSpPr>
          <p:cNvPr id="8" name="Subtitle 2">
            <a:extLst>
              <a:ext uri="{FF2B5EF4-FFF2-40B4-BE49-F238E27FC236}">
                <a16:creationId xmlns:a16="http://schemas.microsoft.com/office/drawing/2014/main" id="{DC28EC55-9B81-43B1-B5A5-75F61437231C}"/>
              </a:ext>
            </a:extLst>
          </p:cNvPr>
          <p:cNvSpPr txBox="1">
            <a:spLocks/>
          </p:cNvSpPr>
          <p:nvPr/>
        </p:nvSpPr>
        <p:spPr>
          <a:xfrm>
            <a:off x="602030" y="247989"/>
            <a:ext cx="10987940" cy="595768"/>
          </a:xfrm>
          <a:prstGeom prst="rect">
            <a:avLst/>
          </a:prstGeom>
        </p:spPr>
        <p:txBody>
          <a:bodyPr vert="horz" lIns="91440" tIns="45720" rIns="91440" bIns="45720" rtlCol="0" anchor="ctr">
            <a:norm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base" latinLnBrk="0" hangingPunct="1">
              <a:lnSpc>
                <a:spcPct val="90000"/>
              </a:lnSpc>
              <a:spcBef>
                <a:spcPts val="1000"/>
              </a:spcBef>
              <a:spcAft>
                <a:spcPct val="0"/>
              </a:spcAft>
              <a:buClrTx/>
              <a:buSzTx/>
              <a:buFont typeface="Arial" panose="020B0604020202020204" pitchFamily="34" charset="0"/>
              <a:buNone/>
              <a:tabLst/>
              <a:defRPr/>
            </a:pPr>
            <a:endParaRPr kumimoji="0" lang="en-AU" sz="2400" b="0" i="1" u="none" strike="noStrike" kern="1200" cap="none" spc="0" normalizeH="0" baseline="0" noProof="0">
              <a:ln>
                <a:noFill/>
              </a:ln>
              <a:solidFill>
                <a:srgbClr val="0097BA">
                  <a:lumMod val="75000"/>
                </a:srgbClr>
              </a:solidFill>
              <a:effectLst/>
              <a:uLnTx/>
              <a:uFillTx/>
              <a:latin typeface="Arial"/>
              <a:ea typeface="+mn-ea"/>
              <a:cs typeface="+mn-cs"/>
            </a:endParaRPr>
          </a:p>
        </p:txBody>
      </p:sp>
      <p:sp>
        <p:nvSpPr>
          <p:cNvPr id="6" name="Title 5">
            <a:extLst>
              <a:ext uri="{FF2B5EF4-FFF2-40B4-BE49-F238E27FC236}">
                <a16:creationId xmlns:a16="http://schemas.microsoft.com/office/drawing/2014/main" id="{64C441F2-BAA1-4E40-8D33-FA67B504E9A1}"/>
              </a:ext>
            </a:extLst>
          </p:cNvPr>
          <p:cNvSpPr>
            <a:spLocks noGrp="1"/>
          </p:cNvSpPr>
          <p:nvPr>
            <p:ph type="title"/>
          </p:nvPr>
        </p:nvSpPr>
        <p:spPr/>
        <p:txBody>
          <a:bodyPr/>
          <a:lstStyle/>
          <a:p>
            <a:r>
              <a:rPr lang="en-AU" dirty="0"/>
              <a:t>Machine Guidance - HP Dozer</a:t>
            </a:r>
            <a:endParaRPr lang="en-US" dirty="0"/>
          </a:p>
        </p:txBody>
      </p:sp>
      <p:pic>
        <p:nvPicPr>
          <p:cNvPr id="4" name="Picture 3">
            <a:extLst>
              <a:ext uri="{FF2B5EF4-FFF2-40B4-BE49-F238E27FC236}">
                <a16:creationId xmlns:a16="http://schemas.microsoft.com/office/drawing/2014/main" id="{E7C04DEC-27DE-4158-BFEB-F00E0491493A}"/>
              </a:ext>
            </a:extLst>
          </p:cNvPr>
          <p:cNvPicPr>
            <a:picLocks noChangeAspect="1"/>
          </p:cNvPicPr>
          <p:nvPr/>
        </p:nvPicPr>
        <p:blipFill>
          <a:blip r:embed="rId3"/>
          <a:stretch>
            <a:fillRect/>
          </a:stretch>
        </p:blipFill>
        <p:spPr>
          <a:xfrm>
            <a:off x="1734828" y="1964776"/>
            <a:ext cx="8781805" cy="4099140"/>
          </a:xfrm>
          <a:prstGeom prst="rect">
            <a:avLst/>
          </a:prstGeom>
        </p:spPr>
      </p:pic>
    </p:spTree>
    <p:extLst>
      <p:ext uri="{BB962C8B-B14F-4D97-AF65-F5344CB8AC3E}">
        <p14:creationId xmlns:p14="http://schemas.microsoft.com/office/powerpoint/2010/main" val="287800078"/>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bg>
      <p:bgPr>
        <a:blipFill dpi="0" rotWithShape="1">
          <a:blip r:embed="rId5">
            <a:lum/>
          </a:blip>
          <a:srcRect/>
          <a:stretch>
            <a:fillRect l="-1000" r="-1000"/>
          </a:stretch>
        </a:blipFill>
        <a:effectLst/>
      </p:bgPr>
    </p:bg>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438D3BF0-AFCB-40CE-9AB2-697C1198D7DE}"/>
              </a:ext>
            </a:extLst>
          </p:cNvPr>
          <p:cNvSpPr txBox="1">
            <a:spLocks/>
          </p:cNvSpPr>
          <p:nvPr/>
        </p:nvSpPr>
        <p:spPr>
          <a:xfrm>
            <a:off x="3624053" y="1607410"/>
            <a:ext cx="2422008" cy="781050"/>
          </a:xfrm>
          <a:prstGeom prst="rect">
            <a:avLst/>
          </a:prstGeom>
        </p:spPr>
        <p:txBody>
          <a:bodyPr>
            <a:noAutofit/>
          </a:bodyPr>
          <a:lstStyle>
            <a:lvl1pPr algn="l" defTabSz="914400" rtl="0" eaLnBrk="1" latinLnBrk="0" hangingPunct="1">
              <a:lnSpc>
                <a:spcPct val="90000"/>
              </a:lnSpc>
              <a:spcBef>
                <a:spcPct val="0"/>
              </a:spcBef>
              <a:buNone/>
              <a:defRPr sz="4400" b="0" i="0" u="none"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0"/>
              </a:spcAft>
              <a:buClrTx/>
              <a:buSzTx/>
              <a:buFontTx/>
              <a:buNone/>
              <a:tabLst/>
              <a:defRPr/>
            </a:pPr>
            <a:r>
              <a:rPr kumimoji="0" lang="en-US" sz="3200" b="1" i="0" u="none" strike="noStrike" kern="1200" cap="none" spc="0" normalizeH="0" baseline="0" noProof="0" dirty="0">
                <a:ln>
                  <a:noFill/>
                </a:ln>
                <a:solidFill>
                  <a:srgbClr val="FFFFFF"/>
                </a:solidFill>
                <a:effectLst/>
                <a:uLnTx/>
                <a:uFillTx/>
                <a:latin typeface="Arial" panose="020B0604020202020204" pitchFamily="34" charset="0"/>
                <a:ea typeface="+mj-ea"/>
                <a:cs typeface="Arial" panose="020B0604020202020204" pitchFamily="34" charset="0"/>
              </a:rPr>
              <a:t>Thank you.</a:t>
            </a:r>
          </a:p>
        </p:txBody>
      </p:sp>
      <p:pic>
        <p:nvPicPr>
          <p:cNvPr id="6" name="Picture 5">
            <a:extLst>
              <a:ext uri="{FF2B5EF4-FFF2-40B4-BE49-F238E27FC236}">
                <a16:creationId xmlns:a16="http://schemas.microsoft.com/office/drawing/2014/main" id="{7BF9A009-159D-42E7-AEB2-A131F02BD4BB}"/>
              </a:ext>
            </a:extLst>
          </p:cNvPr>
          <p:cNvPicPr>
            <a:picLocks noChangeAspect="1"/>
          </p:cNvPicPr>
          <p:nvPr/>
        </p:nvPicPr>
        <p:blipFill>
          <a:blip r:embed="rId6"/>
          <a:srcRect/>
          <a:stretch/>
        </p:blipFill>
        <p:spPr>
          <a:xfrm>
            <a:off x="6203092" y="1344486"/>
            <a:ext cx="3852098" cy="1125998"/>
          </a:xfrm>
          <a:prstGeom prst="rect">
            <a:avLst/>
          </a:prstGeom>
        </p:spPr>
      </p:pic>
      <p:cxnSp>
        <p:nvCxnSpPr>
          <p:cNvPr id="7" name="Straight Connector 6">
            <a:extLst>
              <a:ext uri="{FF2B5EF4-FFF2-40B4-BE49-F238E27FC236}">
                <a16:creationId xmlns:a16="http://schemas.microsoft.com/office/drawing/2014/main" id="{A94362E8-1D21-483F-B4F3-FDF49F5A3731}"/>
              </a:ext>
            </a:extLst>
          </p:cNvPr>
          <p:cNvCxnSpPr>
            <a:cxnSpLocks/>
          </p:cNvCxnSpPr>
          <p:nvPr/>
        </p:nvCxnSpPr>
        <p:spPr>
          <a:xfrm flipV="1">
            <a:off x="6099108" y="1504907"/>
            <a:ext cx="0" cy="822960"/>
          </a:xfrm>
          <a:prstGeom prst="line">
            <a:avLst/>
          </a:prstGeom>
          <a:noFill/>
          <a:ln w="3175">
            <a:gradFill>
              <a:gsLst>
                <a:gs pos="12000">
                  <a:schemeClr val="accent1"/>
                </a:gs>
                <a:gs pos="99000">
                  <a:schemeClr val="accent3"/>
                </a:gs>
              </a:gsLst>
              <a:lin ang="5400000" scaled="1"/>
            </a:gradFill>
            <a:prstDash val="solid"/>
          </a:ln>
        </p:spPr>
        <p:style>
          <a:lnRef idx="2">
            <a:schemeClr val="accent1">
              <a:shade val="50000"/>
            </a:schemeClr>
          </a:lnRef>
          <a:fillRef idx="1">
            <a:schemeClr val="accent1"/>
          </a:fillRef>
          <a:effectRef idx="0">
            <a:schemeClr val="accent1"/>
          </a:effectRef>
          <a:fontRef idx="minor">
            <a:schemeClr val="lt1"/>
          </a:fontRef>
        </p:style>
      </p:cxnSp>
    </p:spTree>
    <p:custDataLst>
      <p:custData r:id="rId1"/>
      <p:custData r:id="rId2"/>
    </p:custDataLst>
    <p:extLst>
      <p:ext uri="{BB962C8B-B14F-4D97-AF65-F5344CB8AC3E}">
        <p14:creationId xmlns:p14="http://schemas.microsoft.com/office/powerpoint/2010/main" val="11429043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19648" y="1019833"/>
            <a:ext cx="10395857" cy="728581"/>
          </a:xfrm>
        </p:spPr>
        <p:txBody>
          <a:bodyPr wrap="square">
            <a:noAutofit/>
          </a:bodyPr>
          <a:lstStyle/>
          <a:p>
            <a:r>
              <a:rPr lang="en-US" dirty="0"/>
              <a:t>Configuration</a:t>
            </a:r>
          </a:p>
          <a:p>
            <a:r>
              <a:rPr lang="en-US" dirty="0"/>
              <a:t>Change device name to star with client initials. </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5" name="Picture 4">
            <a:extLst>
              <a:ext uri="{FF2B5EF4-FFF2-40B4-BE49-F238E27FC236}">
                <a16:creationId xmlns:a16="http://schemas.microsoft.com/office/drawing/2014/main" id="{3574F3A1-D865-4953-90BC-B8FD0069F9DE}"/>
              </a:ext>
            </a:extLst>
          </p:cNvPr>
          <p:cNvPicPr>
            <a:picLocks noChangeAspect="1"/>
          </p:cNvPicPr>
          <p:nvPr/>
        </p:nvPicPr>
        <p:blipFill>
          <a:blip r:embed="rId3"/>
          <a:stretch>
            <a:fillRect/>
          </a:stretch>
        </p:blipFill>
        <p:spPr>
          <a:xfrm>
            <a:off x="1888253" y="1996605"/>
            <a:ext cx="8415494" cy="3962142"/>
          </a:xfrm>
          <a:prstGeom prst="rect">
            <a:avLst/>
          </a:prstGeom>
        </p:spPr>
      </p:pic>
    </p:spTree>
    <p:extLst>
      <p:ext uri="{BB962C8B-B14F-4D97-AF65-F5344CB8AC3E}">
        <p14:creationId xmlns:p14="http://schemas.microsoft.com/office/powerpoint/2010/main" val="34931888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dozer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9" name="Picture 8">
            <a:extLst>
              <a:ext uri="{FF2B5EF4-FFF2-40B4-BE49-F238E27FC236}">
                <a16:creationId xmlns:a16="http://schemas.microsoft.com/office/drawing/2014/main" id="{9F735320-C7F5-7889-8CFB-18D7F8B0FF20}"/>
              </a:ext>
            </a:extLst>
          </p:cNvPr>
          <p:cNvPicPr>
            <a:picLocks noChangeAspect="1"/>
          </p:cNvPicPr>
          <p:nvPr/>
        </p:nvPicPr>
        <p:blipFill>
          <a:blip r:embed="rId3"/>
          <a:stretch>
            <a:fillRect/>
          </a:stretch>
        </p:blipFill>
        <p:spPr>
          <a:xfrm>
            <a:off x="1315796" y="1879041"/>
            <a:ext cx="9560408" cy="4176525"/>
          </a:xfrm>
          <a:prstGeom prst="rect">
            <a:avLst/>
          </a:prstGeom>
        </p:spPr>
      </p:pic>
    </p:spTree>
    <p:extLst>
      <p:ext uri="{BB962C8B-B14F-4D97-AF65-F5344CB8AC3E}">
        <p14:creationId xmlns:p14="http://schemas.microsoft.com/office/powerpoint/2010/main" val="343779412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 Placeholder 1">
            <a:extLst>
              <a:ext uri="{FF2B5EF4-FFF2-40B4-BE49-F238E27FC236}">
                <a16:creationId xmlns:a16="http://schemas.microsoft.com/office/drawing/2014/main" id="{4490F27A-8CCE-3ABA-3EF3-101C66B11659}"/>
              </a:ext>
            </a:extLst>
          </p:cNvPr>
          <p:cNvSpPr>
            <a:spLocks noGrp="1"/>
          </p:cNvSpPr>
          <p:nvPr>
            <p:ph type="body" sz="quarter" idx="20"/>
          </p:nvPr>
        </p:nvSpPr>
        <p:spPr>
          <a:xfrm>
            <a:off x="609601" y="1019832"/>
            <a:ext cx="10972800" cy="859210"/>
          </a:xfrm>
        </p:spPr>
        <p:txBody>
          <a:bodyPr wrap="square">
            <a:normAutofit/>
          </a:bodyPr>
          <a:lstStyle/>
          <a:p>
            <a:r>
              <a:rPr lang="en-US" dirty="0"/>
              <a:t>Configuration</a:t>
            </a:r>
          </a:p>
          <a:p>
            <a:r>
              <a:rPr lang="en-US" dirty="0"/>
              <a:t>Add new device group to each HP dozer using the same hardware.</a:t>
            </a:r>
          </a:p>
        </p:txBody>
      </p:sp>
      <p:sp>
        <p:nvSpPr>
          <p:cNvPr id="2" name="Title 1">
            <a:extLst>
              <a:ext uri="{FF2B5EF4-FFF2-40B4-BE49-F238E27FC236}">
                <a16:creationId xmlns:a16="http://schemas.microsoft.com/office/drawing/2014/main" id="{FCC3D7B0-BF21-E88D-71FE-15AFA931EA48}"/>
              </a:ext>
            </a:extLst>
          </p:cNvPr>
          <p:cNvSpPr>
            <a:spLocks noGrp="1"/>
          </p:cNvSpPr>
          <p:nvPr>
            <p:ph type="title"/>
          </p:nvPr>
        </p:nvSpPr>
        <p:spPr>
          <a:xfrm>
            <a:off x="609600" y="609600"/>
            <a:ext cx="10972800" cy="410233"/>
          </a:xfrm>
        </p:spPr>
        <p:txBody>
          <a:bodyPr anchor="t">
            <a:normAutofit/>
          </a:bodyPr>
          <a:lstStyle/>
          <a:p>
            <a:r>
              <a:rPr lang="en-AU" dirty="0"/>
              <a:t>Machine Guidance - HP Dozer</a:t>
            </a:r>
          </a:p>
        </p:txBody>
      </p:sp>
      <p:pic>
        <p:nvPicPr>
          <p:cNvPr id="4" name="Picture 3">
            <a:extLst>
              <a:ext uri="{FF2B5EF4-FFF2-40B4-BE49-F238E27FC236}">
                <a16:creationId xmlns:a16="http://schemas.microsoft.com/office/drawing/2014/main" id="{44CD484C-C044-4CC3-9C90-3EBB1B5FF175}"/>
              </a:ext>
            </a:extLst>
          </p:cNvPr>
          <p:cNvPicPr>
            <a:picLocks noChangeAspect="1"/>
          </p:cNvPicPr>
          <p:nvPr/>
        </p:nvPicPr>
        <p:blipFill>
          <a:blip r:embed="rId3"/>
          <a:stretch>
            <a:fillRect/>
          </a:stretch>
        </p:blipFill>
        <p:spPr>
          <a:xfrm>
            <a:off x="1773541" y="1879042"/>
            <a:ext cx="8644918" cy="4067917"/>
          </a:xfrm>
          <a:prstGeom prst="rect">
            <a:avLst/>
          </a:prstGeom>
        </p:spPr>
      </p:pic>
    </p:spTree>
    <p:extLst>
      <p:ext uri="{BB962C8B-B14F-4D97-AF65-F5344CB8AC3E}">
        <p14:creationId xmlns:p14="http://schemas.microsoft.com/office/powerpoint/2010/main" val="363597538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MPROD_UIDATA" val="&lt;database version=&quot;11.0&quot;&gt;&lt;object type=&quot;1&quot; unique_id=&quot;10001&quot;&gt;&lt;object type=&quot;2&quot; unique_id=&quot;10002&quot;&gt;&lt;object type=&quot;3&quot; unique_id=&quot;10003&quot;&gt;&lt;property id=&quot;20148&quot; value=&quot;5&quot;/&gt;&lt;property id=&quot;20300&quot; value=&quot;Slide 1&quot;/&gt;&lt;property id=&quot;20307&quot; value=&quot;260&quot;/&gt;&lt;/object&gt;&lt;object type=&quot;3&quot; unique_id=&quot;10004&quot;&gt;&lt;property id=&quot;20148&quot; value=&quot;5&quot;/&gt;&lt;property id=&quot;20300&quot; value=&quot;Slide 2&quot;/&gt;&lt;property id=&quot;20307&quot; value=&quot;261&quot;/&gt;&lt;/object&gt;&lt;object type=&quot;3&quot; unique_id=&quot;10005&quot;&gt;&lt;property id=&quot;20148&quot; value=&quot;5&quot;/&gt;&lt;property id=&quot;20300&quot; value=&quot;Slide 3&quot;/&gt;&lt;property id=&quot;20307&quot; value=&quot;262&quot;/&gt;&lt;/object&gt;&lt;object type=&quot;3&quot; unique_id=&quot;10006&quot;&gt;&lt;property id=&quot;20148&quot; value=&quot;5&quot;/&gt;&lt;property id=&quot;20300&quot; value=&quot;Slide 4&quot;/&gt;&lt;property id=&quot;20307&quot; value=&quot;299&quot;/&gt;&lt;/object&gt;&lt;object type=&quot;3&quot; unique_id=&quot;10007&quot;&gt;&lt;property id=&quot;20148&quot; value=&quot;5&quot;/&gt;&lt;property id=&quot;20300&quot; value=&quot;Slide 5&quot;/&gt;&lt;property id=&quot;20307&quot; value=&quot;269&quot;/&gt;&lt;/object&gt;&lt;object type=&quot;3&quot; unique_id=&quot;10008&quot;&gt;&lt;property id=&quot;20148&quot; value=&quot;5&quot;/&gt;&lt;property id=&quot;20300&quot; value=&quot;Slide 6&quot;/&gt;&lt;property id=&quot;20307&quot; value=&quot;300&quot;/&gt;&lt;/object&gt;&lt;object type=&quot;3&quot; unique_id=&quot;10009&quot;&gt;&lt;property id=&quot;20148&quot; value=&quot;5&quot;/&gt;&lt;property id=&quot;20300&quot; value=&quot;Slide 7&quot;/&gt;&lt;property id=&quot;20307&quot; value=&quot;271&quot;/&gt;&lt;/object&gt;&lt;object type=&quot;3&quot; unique_id=&quot;10010&quot;&gt;&lt;property id=&quot;20148&quot; value=&quot;5&quot;/&gt;&lt;property id=&quot;20300&quot; value=&quot;Slide 8&quot;/&gt;&lt;property id=&quot;20307&quot; value=&quot;301&quot;/&gt;&lt;/object&gt;&lt;object type=&quot;3&quot; unique_id=&quot;10011&quot;&gt;&lt;property id=&quot;20148&quot; value=&quot;5&quot;/&gt;&lt;property id=&quot;20300&quot; value=&quot;Slide 9 - &amp;quot;Agenda Slide Title&amp;quot;&quot;/&gt;&lt;property id=&quot;20307&quot; value=&quot;268&quot;/&gt;&lt;/object&gt;&lt;object type=&quot;3&quot; unique_id=&quot;10012&quot;&gt;&lt;property id=&quot;20148&quot; value=&quot;5&quot;/&gt;&lt;property id=&quot;20300&quot; value=&quot;Slide 10 - &amp;quot;Agenda Slide Title&amp;quot;&quot;/&gt;&lt;property id=&quot;20307&quot; value=&quot;274&quot;/&gt;&lt;/object&gt;&lt;object type=&quot;3&quot; unique_id=&quot;10013&quot;&gt;&lt;property id=&quot;20148&quot; value=&quot;5&quot;/&gt;&lt;property id=&quot;20300&quot; value=&quot;Slide 11 - &amp;quot;Slide Title, Bold, 24 pt.&amp;quot;&quot;/&gt;&lt;property id=&quot;20307&quot; value=&quot;272&quot;/&gt;&lt;/object&gt;&lt;object type=&quot;3&quot; unique_id=&quot;10014&quot;&gt;&lt;property id=&quot;20148&quot; value=&quot;5&quot;/&gt;&lt;property id=&quot;20300&quot; value=&quot;Slide 12 - &amp;quot;Slide Title, Bold, 24 pt. &amp;quot;&quot;/&gt;&lt;property id=&quot;20307&quot; value=&quot;273&quot;/&gt;&lt;/object&gt;&lt;object type=&quot;3&quot; unique_id=&quot;10015&quot;&gt;&lt;property id=&quot;20148&quot; value=&quot;5&quot;/&gt;&lt;property id=&quot;20300&quot; value=&quot;Slide 13 - &amp;quot;Slide Title, Bold, 24 pt. &amp;quot;&quot;/&gt;&lt;property id=&quot;20307&quot; value=&quot;275&quot;/&gt;&lt;/object&gt;&lt;object type=&quot;3&quot; unique_id=&quot;10016&quot;&gt;&lt;property id=&quot;20148&quot; value=&quot;5&quot;/&gt;&lt;property id=&quot;20300&quot; value=&quot;Slide 14 - &amp;quot;Slide Title, Bold, 24 pt.&amp;quot;&quot;/&gt;&lt;property id=&quot;20307&quot; value=&quot;277&quot;/&gt;&lt;/object&gt;&lt;object type=&quot;3&quot; unique_id=&quot;10017&quot;&gt;&lt;property id=&quot;20148&quot; value=&quot;5&quot;/&gt;&lt;property id=&quot;20300&quot; value=&quot;Slide 15 - &amp;quot;Slide Title, Bold, 24 pt.&amp;quot;&quot;/&gt;&lt;property id=&quot;20307&quot; value=&quot;278&quot;/&gt;&lt;/object&gt;&lt;object type=&quot;3&quot; unique_id=&quot;10018&quot;&gt;&lt;property id=&quot;20148&quot; value=&quot;5&quot;/&gt;&lt;property id=&quot;20300&quot; value=&quot;Slide 16 - &amp;quot;Slide Title, Bold, 24 pt.&amp;quot;&quot;/&gt;&lt;property id=&quot;20307&quot; value=&quot;279&quot;/&gt;&lt;/object&gt;&lt;object type=&quot;3&quot; unique_id=&quot;10019&quot;&gt;&lt;property id=&quot;20148&quot; value=&quot;5&quot;/&gt;&lt;property id=&quot;20300&quot; value=&quot;Slide 17 - &amp;quot;Slide Title, Bold, 24 pt.&amp;quot;&quot;/&gt;&lt;property id=&quot;20307&quot; value=&quot;280&quot;/&gt;&lt;/object&gt;&lt;object type=&quot;3&quot; unique_id=&quot;10020&quot;&gt;&lt;property id=&quot;20148&quot; value=&quot;5&quot;/&gt;&lt;property id=&quot;20300&quot; value=&quot;Slide 18 - &amp;quot;Slide Title, Bold, 24 pt.&amp;quot;&quot;/&gt;&lt;property id=&quot;20307&quot; value=&quot;281&quot;/&gt;&lt;/object&gt;&lt;object type=&quot;3&quot; unique_id=&quot;10021&quot;&gt;&lt;property id=&quot;20148&quot; value=&quot;5&quot;/&gt;&lt;property id=&quot;20300&quot; value=&quot;Slide 19 - &amp;quot;Slide Title, Bold, 24 pt.&amp;quot;&quot;/&gt;&lt;property id=&quot;20307&quot; value=&quot;282&quot;/&gt;&lt;/object&gt;&lt;object type=&quot;3&quot; unique_id=&quot;10022&quot;&gt;&lt;property id=&quot;20148&quot; value=&quot;5&quot;/&gt;&lt;property id=&quot;20300&quot; value=&quot;Slide 20 - &amp;quot;Slide Title, Bold, 24 pt.&amp;quot;&quot;/&gt;&lt;property id=&quot;20307&quot; value=&quot;283&quot;/&gt;&lt;/object&gt;&lt;object type=&quot;3&quot; unique_id=&quot;10023&quot;&gt;&lt;property id=&quot;20148&quot; value=&quot;5&quot;/&gt;&lt;property id=&quot;20300&quot; value=&quot;Slide 21 - &amp;quot;Slide Title, Bold, 24 pt.&amp;quot;&quot;/&gt;&lt;property id=&quot;20307&quot; value=&quot;284&quot;/&gt;&lt;/object&gt;&lt;object type=&quot;3&quot; unique_id=&quot;10024&quot;&gt;&lt;property id=&quot;20148&quot; value=&quot;5&quot;/&gt;&lt;property id=&quot;20300&quot; value=&quot;Slide 22 - &amp;quot;Slide Title, Bold, 24 pt.&amp;quot;&quot;/&gt;&lt;property id=&quot;20307&quot; value=&quot;285&quot;/&gt;&lt;/object&gt;&lt;object type=&quot;3&quot; unique_id=&quot;10025&quot;&gt;&lt;property id=&quot;20148&quot; value=&quot;5&quot;/&gt;&lt;property id=&quot;20300&quot; value=&quot;Slide 23 - &amp;quot;Slide Title, Bold, 24 pt.&amp;quot;&quot;/&gt;&lt;property id=&quot;20307&quot; value=&quot;287&quot;/&gt;&lt;/object&gt;&lt;object type=&quot;3&quot; unique_id=&quot;10026&quot;&gt;&lt;property id=&quot;20148&quot; value=&quot;5&quot;/&gt;&lt;property id=&quot;20300&quot; value=&quot;Slide 24 - &amp;quot;Slide Title, Bold, 24 pt.&amp;quot;&quot;/&gt;&lt;property id=&quot;20307&quot; value=&quot;292&quot;/&gt;&lt;/object&gt;&lt;object type=&quot;3&quot; unique_id=&quot;10027&quot;&gt;&lt;property id=&quot;20148&quot; value=&quot;5&quot;/&gt;&lt;property id=&quot;20300&quot; value=&quot;Slide 25 - &amp;quot;Slide Title, Bold, 24 pt.&amp;quot;&quot;/&gt;&lt;property id=&quot;20307&quot; value=&quot;298&quot;/&gt;&lt;/object&gt;&lt;object type=&quot;3&quot; unique_id=&quot;10028&quot;&gt;&lt;property id=&quot;20148&quot; value=&quot;5&quot;/&gt;&lt;property id=&quot;20300&quot; value=&quot;Slide 26 - &amp;quot;Slide Title, Bold, 24 pt.&amp;quot;&quot;/&gt;&lt;property id=&quot;20307&quot; value=&quot;296&quot;/&gt;&lt;/object&gt;&lt;object type=&quot;3&quot; unique_id=&quot;10029&quot;&gt;&lt;property id=&quot;20148&quot; value=&quot;5&quot;/&gt;&lt;property id=&quot;20300&quot; value=&quot;Slide 27 - &amp;quot;Slide Title, Bold, 24 pt.&amp;quot;&quot;/&gt;&lt;property id=&quot;20307&quot; value=&quot;293&quot;/&gt;&lt;/object&gt;&lt;object type=&quot;3&quot; unique_id=&quot;10030&quot;&gt;&lt;property id=&quot;20148&quot; value=&quot;5&quot;/&gt;&lt;property id=&quot;20300&quot; value=&quot;Slide 28&quot;/&gt;&lt;property id=&quot;20307&quot; value=&quot;294&quot;/&gt;&lt;/object&gt;&lt;object type=&quot;3&quot; unique_id=&quot;10031&quot;&gt;&lt;property id=&quot;20148&quot; value=&quot;5&quot;/&gt;&lt;property id=&quot;20300&quot; value=&quot;Slide 29&quot;/&gt;&lt;property id=&quot;20307&quot; value=&quot;289&quot;/&gt;&lt;/object&gt;&lt;object type=&quot;3&quot; unique_id=&quot;10032&quot;&gt;&lt;property id=&quot;20148&quot; value=&quot;5&quot;/&gt;&lt;property id=&quot;20300&quot; value=&quot;Slide 30&quot;/&gt;&lt;property id=&quot;20307&quot; value=&quot;290&quot;/&gt;&lt;/object&gt;&lt;object type=&quot;3&quot; unique_id=&quot;10033&quot;&gt;&lt;property id=&quot;20148&quot; value=&quot;5&quot;/&gt;&lt;property id=&quot;20300&quot; value=&quot;Slide 31&quot;/&gt;&lt;property id=&quot;20307&quot; value=&quot;291&quot;/&gt;&lt;/object&gt;&lt;/object&gt;&lt;object type=&quot;8&quot; unique_id=&quot;10066&quot;&gt;&lt;/object&gt;&lt;/object&gt;&lt;/database&gt;"/>
  <p:tag name="MMPROD_NEXTUNIQUEID" val="10009"/>
  <p:tag name="SECTOMILLISECCONVERTED" val="1"/>
</p:tagLst>
</file>

<file path=ppt/theme/theme1.xml><?xml version="1.0" encoding="utf-8"?>
<a:theme xmlns:a="http://schemas.openxmlformats.org/drawingml/2006/main" name="Office Theme">
  <a:themeElements>
    <a:clrScheme name="Hexagon">
      <a:dk1>
        <a:srgbClr val="000000"/>
      </a:dk1>
      <a:lt1>
        <a:srgbClr val="FFFFFF"/>
      </a:lt1>
      <a:dk2>
        <a:srgbClr val="666666"/>
      </a:dk2>
      <a:lt2>
        <a:srgbClr val="D1D3D3"/>
      </a:lt2>
      <a:accent1>
        <a:srgbClr val="0097BA"/>
      </a:accent1>
      <a:accent2>
        <a:srgbClr val="85CDDB"/>
      </a:accent2>
      <a:accent3>
        <a:srgbClr val="A5D867"/>
      </a:accent3>
      <a:accent4>
        <a:srgbClr val="005072"/>
      </a:accent4>
      <a:accent5>
        <a:srgbClr val="509E2F"/>
      </a:accent5>
      <a:accent6>
        <a:srgbClr val="ED8B00"/>
      </a:accent6>
      <a:hlink>
        <a:srgbClr val="0096B9"/>
      </a:hlink>
      <a:folHlink>
        <a:srgbClr val="0096B9"/>
      </a:folHlink>
    </a:clrScheme>
    <a:fontScheme name="Custom 1">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1600" dirty="0" smtClean="0">
            <a:latin typeface="Arial" panose="020B0604020202020204" pitchFamily="34" charset="0"/>
            <a:cs typeface="Arial" panose="020B0604020202020204" pitchFamily="34" charset="0"/>
          </a:defRPr>
        </a:defPPr>
      </a:lstStyle>
    </a:txDef>
  </a:objectDefaults>
  <a:extraClrSchemeLst/>
  <a:extLst>
    <a:ext uri="{05A4C25C-085E-4340-85A3-A5531E510DB2}">
      <thm15:themeFamily xmlns:thm15="http://schemas.microsoft.com/office/thememl/2012/main" name="Presentation3" id="{C82609C0-19C0-314D-8CCA-495E3A5E8126}" vid="{5AE70442-D4BA-A14A-A5AD-7861FD7D8234}"/>
    </a:ext>
  </a:extLst>
</a:theme>
</file>

<file path=ppt/theme/theme2.xml><?xml version="1.0" encoding="utf-8"?>
<a:theme xmlns:a="http://schemas.openxmlformats.org/drawingml/2006/main" name="2_Dark Theme">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Custom Design">
  <a:themeElements>
    <a:clrScheme name="Hexagon Template">
      <a:dk1>
        <a:srgbClr val="000000"/>
      </a:dk1>
      <a:lt1>
        <a:srgbClr val="FFFFFF"/>
      </a:lt1>
      <a:dk2>
        <a:srgbClr val="666666"/>
      </a:dk2>
      <a:lt2>
        <a:srgbClr val="D1D3D3"/>
      </a:lt2>
      <a:accent1>
        <a:srgbClr val="0097BA"/>
      </a:accent1>
      <a:accent2>
        <a:srgbClr val="85CDDB"/>
      </a:accent2>
      <a:accent3>
        <a:srgbClr val="A5D867"/>
      </a:accent3>
      <a:accent4>
        <a:srgbClr val="005071"/>
      </a:accent4>
      <a:accent5>
        <a:srgbClr val="509E2F"/>
      </a:accent5>
      <a:accent6>
        <a:srgbClr val="ED8B00"/>
      </a:accent6>
      <a:hlink>
        <a:srgbClr val="0096B9"/>
      </a:hlink>
      <a:folHlink>
        <a:srgbClr val="0096B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p:properties xmlns:p="http://schemas.microsoft.com/office/2006/metadata/properties" xmlns:xsi="http://www.w3.org/2001/XMLSchema-instance" xmlns:pc="http://schemas.microsoft.com/office/infopath/2007/PartnerControls">
  <documentManagement>
    <_dlc_DocId xmlns="d62b6ecb-acff-4b24-a527-ff2b271ebe71">23CEHAA2X2SM-2102554853-211705</_dlc_DocId>
    <_dlc_DocIdUrl xmlns="d62b6ecb-acff-4b24-a527-ff2b271ebe71">
      <Url>https://slidegenius365.sharepoint.com/_layouts/15/DocIdRedir.aspx?ID=23CEHAA2X2SM-2102554853-211705</Url>
      <Description>23CEHAA2X2SM-2102554853-211705</Description>
    </_dlc_DocIdUrl>
  </documentManagement>
</p:properties>
</file>

<file path=customXml/item2.xml><?xml version="1.0" encoding="utf-8"?>
<TemplafySlideFormConfiguration><![CDATA[{"formFields":[],"formDataEntries":[]}]]></TemplafySlideFormConfiguration>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TemplateConfiguration><![CDATA[{"slideVersion":1,"isValidatorEnabled":false,"isLocked":false,"elementsMetadata":[],"slideId":"638013797448138910","enableDocumentContentUpdater":false,"version":"2.0"}]]></TemplafySlideTemplateConfiguration>
</file>

<file path=customXml/item6.xml><?xml version="1.0" encoding="utf-8"?>
<TemplafyTemplateConfiguration><![CDATA[{"elementsMetadata":[],"transformationConfigurations":[],"templateName":"Hexagon Blank","templateDescription":"","enableDocumentContentUpdater":false,"version":"2.0"}]]></Templafy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C4689C359221F84CA6C8A700AD48302A" ma:contentTypeVersion="86" ma:contentTypeDescription="Create a new document." ma:contentTypeScope="" ma:versionID="9c9888b04033b855555cdaa28e4e193d">
  <xsd:schema xmlns:xsd="http://www.w3.org/2001/XMLSchema" xmlns:xs="http://www.w3.org/2001/XMLSchema" xmlns:p="http://schemas.microsoft.com/office/2006/metadata/properties" xmlns:ns2="d62b6ecb-acff-4b24-a527-ff2b271ebe71" xmlns:ns3="06fa9243-f6f6-4c83-8c18-4e880acd4ff6" targetNamespace="http://schemas.microsoft.com/office/2006/metadata/properties" ma:root="true" ma:fieldsID="a129fe14051ca323bdbea6bb142cf8bd" ns2:_="" ns3:_="">
    <xsd:import namespace="d62b6ecb-acff-4b24-a527-ff2b271ebe71"/>
    <xsd:import namespace="06fa9243-f6f6-4c83-8c18-4e880acd4ff6"/>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element ref="ns2:_dlc_DocId" minOccurs="0"/>
                <xsd:element ref="ns2:_dlc_DocIdUrl" minOccurs="0"/>
                <xsd:element ref="ns2:_dlc_DocIdPersistId" minOccurs="0"/>
                <xsd:element ref="ns3:MediaServiceLocation"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62b6ecb-acff-4b24-a527-ff2b271ebe71"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_dlc_DocId" ma:index="15" nillable="true" ma:displayName="Document ID Value" ma:description="The value of the document ID assigned to this item." ma:internalName="_dlc_DocId" ma:readOnly="true">
      <xsd:simpleType>
        <xsd:restriction base="dms:Text"/>
      </xsd:simpleType>
    </xsd:element>
    <xsd:element name="_dlc_DocIdUrl" ma:index="16"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7" nillable="true" ma:displayName="Persist ID" ma:description="Keep ID on add." ma:hidden="true" ma:internalName="_dlc_DocIdPersistId" ma:readOnly="true">
      <xsd:simpleType>
        <xsd:restriction base="dms:Boolean"/>
      </xsd:simpleType>
    </xsd:element>
  </xsd:schema>
  <xsd:schema xmlns:xsd="http://www.w3.org/2001/XMLSchema" xmlns:xs="http://www.w3.org/2001/XMLSchema" xmlns:dms="http://schemas.microsoft.com/office/2006/documentManagement/types" xmlns:pc="http://schemas.microsoft.com/office/infopath/2007/PartnerControls" targetNamespace="06fa9243-f6f6-4c83-8c18-4e880acd4ff6"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8" nillable="true" ma:displayName="MediaServiceLocation" ma:internalName="MediaServiceLocation"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FormConfiguration><![CDATA[{"formFields":[],"formDataEntries":[]}]]></TemplafyFormConfiguration>
</file>

<file path=customXml/itemProps1.xml><?xml version="1.0" encoding="utf-8"?>
<ds:datastoreItem xmlns:ds="http://schemas.openxmlformats.org/officeDocument/2006/customXml" ds:itemID="{97794DA4-B143-4F60-BF7C-EA867C43D1FE}">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06fa9243-f6f6-4c83-8c18-4e880acd4ff6"/>
    <ds:schemaRef ds:uri="d62b6ecb-acff-4b24-a527-ff2b271ebe71"/>
    <ds:schemaRef ds:uri="http://www.w3.org/XML/1998/namespace"/>
  </ds:schemaRefs>
</ds:datastoreItem>
</file>

<file path=customXml/itemProps2.xml><?xml version="1.0" encoding="utf-8"?>
<ds:datastoreItem xmlns:ds="http://schemas.openxmlformats.org/officeDocument/2006/customXml" ds:itemID="{A8CC7CD2-DFF0-4E2E-8A4D-47D2CBDC57A2}">
  <ds:schemaRefs/>
</ds:datastoreItem>
</file>

<file path=customXml/itemProps3.xml><?xml version="1.0" encoding="utf-8"?>
<ds:datastoreItem xmlns:ds="http://schemas.openxmlformats.org/officeDocument/2006/customXml" ds:itemID="{DA99FCF3-6144-4376-9B98-0FCDBE6AD124}">
  <ds:schemaRefs>
    <ds:schemaRef ds:uri="http://schemas.microsoft.com/sharepoint/events"/>
  </ds:schemaRefs>
</ds:datastoreItem>
</file>

<file path=customXml/itemProps4.xml><?xml version="1.0" encoding="utf-8"?>
<ds:datastoreItem xmlns:ds="http://schemas.openxmlformats.org/officeDocument/2006/customXml" ds:itemID="{6543A033-2779-4EB5-82E0-EE769341BA7A}">
  <ds:schemaRefs>
    <ds:schemaRef ds:uri="http://schemas.microsoft.com/sharepoint/v3/contenttype/forms"/>
  </ds:schemaRefs>
</ds:datastoreItem>
</file>

<file path=customXml/itemProps5.xml><?xml version="1.0" encoding="utf-8"?>
<ds:datastoreItem xmlns:ds="http://schemas.openxmlformats.org/officeDocument/2006/customXml" ds:itemID="{2C686BFD-F092-4B21-A66B-55EE9ABFEA54}">
  <ds:schemaRefs/>
</ds:datastoreItem>
</file>

<file path=customXml/itemProps6.xml><?xml version="1.0" encoding="utf-8"?>
<ds:datastoreItem xmlns:ds="http://schemas.openxmlformats.org/officeDocument/2006/customXml" ds:itemID="{0CC40518-738D-4AC5-BC45-2A7B87381AD0}">
  <ds:schemaRefs/>
</ds:datastoreItem>
</file>

<file path=customXml/itemProps7.xml><?xml version="1.0" encoding="utf-8"?>
<ds:datastoreItem xmlns:ds="http://schemas.openxmlformats.org/officeDocument/2006/customXml" ds:itemID="{2C5580CD-C463-4A8C-8D0B-FCA2F50053F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62b6ecb-acff-4b24-a527-ff2b271ebe71"/>
    <ds:schemaRef ds:uri="06fa9243-f6f6-4c83-8c18-4e880acd4f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A8A439ED-2598-409A-B23C-471E34407B12}">
  <ds:schemaRefs/>
</ds:datastoreItem>
</file>

<file path=docProps/app.xml><?xml version="1.0" encoding="utf-8"?>
<Properties xmlns="http://schemas.openxmlformats.org/officeDocument/2006/extended-properties" xmlns:vt="http://schemas.openxmlformats.org/officeDocument/2006/docPropsVTypes">
  <Template>Hexagon_Powerpoint_Template (4)</Template>
  <TotalTime>421</TotalTime>
  <Words>722</Words>
  <Application>Microsoft Office PowerPoint</Application>
  <PresentationFormat>Widescreen</PresentationFormat>
  <Paragraphs>188</Paragraphs>
  <Slides>60</Slides>
  <Notes>57</Notes>
  <HiddenSlides>0</HiddenSlides>
  <MMClips>0</MMClips>
  <ScaleCrop>false</ScaleCrop>
  <HeadingPairs>
    <vt:vector size="6" baseType="variant">
      <vt:variant>
        <vt:lpstr>Fonts Used</vt:lpstr>
      </vt:variant>
      <vt:variant>
        <vt:i4>5</vt:i4>
      </vt:variant>
      <vt:variant>
        <vt:lpstr>Theme</vt:lpstr>
      </vt:variant>
      <vt:variant>
        <vt:i4>3</vt:i4>
      </vt:variant>
      <vt:variant>
        <vt:lpstr>Slide Titles</vt:lpstr>
      </vt:variant>
      <vt:variant>
        <vt:i4>60</vt:i4>
      </vt:variant>
    </vt:vector>
  </HeadingPairs>
  <TitlesOfParts>
    <vt:vector size="68" baseType="lpstr">
      <vt:lpstr>Arial</vt:lpstr>
      <vt:lpstr>Calibri</vt:lpstr>
      <vt:lpstr>Open Sans</vt:lpstr>
      <vt:lpstr>Open Sans Light</vt:lpstr>
      <vt:lpstr>System Font Regular</vt:lpstr>
      <vt:lpstr>Office Theme</vt:lpstr>
      <vt:lpstr>2_Dark Theme</vt:lpstr>
      <vt:lpstr>Custom Design</vt:lpstr>
      <vt:lpstr>PowerPoint Presentation</vt:lpstr>
      <vt:lpstr>Purpose</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vt:lpstr>
      <vt:lpstr>Machine Guidance - HP Dozer - Questions</vt:lpstr>
      <vt:lpstr>Machine Guidance - HP Dozer - Answers</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CARLSON Joanne</dc:creator>
  <cp:keywords/>
  <dc:description/>
  <cp:lastModifiedBy>SEPULVEDA Edgar</cp:lastModifiedBy>
  <cp:revision>52</cp:revision>
  <dcterms:created xsi:type="dcterms:W3CDTF">2022-11-14T23:12:04Z</dcterms:created>
  <dcterms:modified xsi:type="dcterms:W3CDTF">2023-07-24T19:28:5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4689C359221F84CA6C8A700AD48302A</vt:lpwstr>
  </property>
  <property fmtid="{D5CDD505-2E9C-101B-9397-08002B2CF9AE}" pid="3" name="_dlc_DocIdItemGuid">
    <vt:lpwstr>d1e074de-e6c2-4918-9db0-2fa8667cf0b1</vt:lpwstr>
  </property>
  <property fmtid="{D5CDD505-2E9C-101B-9397-08002B2CF9AE}" pid="4" name="TemplafyTimeStamp">
    <vt:lpwstr>2022-10-14T21:29:04</vt:lpwstr>
  </property>
  <property fmtid="{D5CDD505-2E9C-101B-9397-08002B2CF9AE}" pid="5" name="TemplafyTenantId">
    <vt:lpwstr>hexagon</vt:lpwstr>
  </property>
  <property fmtid="{D5CDD505-2E9C-101B-9397-08002B2CF9AE}" pid="6" name="TemplafyTemplateId">
    <vt:lpwstr>638013797415172891</vt:lpwstr>
  </property>
  <property fmtid="{D5CDD505-2E9C-101B-9397-08002B2CF9AE}" pid="7" name="TemplafyUserProfileId">
    <vt:lpwstr>637624768696622545</vt:lpwstr>
  </property>
  <property fmtid="{D5CDD505-2E9C-101B-9397-08002B2CF9AE}" pid="8" name="TemplafyFromBlank">
    <vt:bool>true</vt:bool>
  </property>
</Properties>
</file>